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A$1:$KM$41</definedName>
    <definedName name="_xlnm.Print_Area" localSheetId="2">'第２-2表'!$A$1:$KM$41</definedName>
    <definedName name="_xlnm.Print_Area" localSheetId="3">'第２-3表'!$A$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G1" i="33"/>
  <c r="H1" i="33" s="1"/>
  <c r="F1" i="33"/>
  <c r="H1" i="5"/>
  <c r="I1" i="5" s="1"/>
  <c r="F1" i="5"/>
  <c r="J1" i="30"/>
  <c r="G1" i="25" l="1"/>
  <c r="H1" i="25" s="1"/>
  <c r="F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1" uniqueCount="162">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33">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12" xfId="3" applyFont="1" applyBorder="1" applyAlignment="1">
      <alignment horizontal="center"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19"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0" fillId="0" borderId="3" xfId="0" applyBorder="1" applyAlignment="1">
      <alignment horizontal="left" vertical="center" shrinkToFit="1"/>
    </xf>
    <xf numFmtId="0" fontId="0" fillId="0" borderId="7" xfId="0" applyBorder="1" applyAlignment="1">
      <alignment horizontal="left" vertical="center" shrinkToFit="1"/>
    </xf>
    <xf numFmtId="0" fontId="0" fillId="0" borderId="7" xfId="0" applyBorder="1" applyAlignment="1">
      <alignment horizontal="left" vertical="center"/>
    </xf>
    <xf numFmtId="0" fontId="0" fillId="0" borderId="14" xfId="0" applyBorder="1" applyAlignment="1">
      <alignment horizontal="left" vertical="center"/>
    </xf>
    <xf numFmtId="0" fontId="3" fillId="0" borderId="7" xfId="0" applyFont="1" applyBorder="1" applyAlignment="1">
      <alignment vertical="center"/>
    </xf>
    <xf numFmtId="176" fontId="3" fillId="0" borderId="8" xfId="0" applyNumberFormat="1" applyFont="1" applyBorder="1" applyAlignment="1">
      <alignment vertical="center"/>
    </xf>
    <xf numFmtId="176" fontId="3" fillId="0" borderId="9" xfId="0" applyNumberFormat="1" applyFont="1" applyBorder="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0.7773437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477" t="s">
        <v>0</v>
      </c>
      <c r="F1" s="477"/>
      <c r="G1" s="477"/>
      <c r="H1" s="477"/>
      <c r="I1" s="2"/>
      <c r="J1" s="2"/>
      <c r="K1" s="2"/>
      <c r="L1" s="2"/>
    </row>
    <row r="2" spans="1:13" ht="24" customHeight="1" x14ac:dyDescent="0.2">
      <c r="A2" s="2"/>
      <c r="B2" s="2"/>
      <c r="C2" s="2"/>
      <c r="D2" s="2"/>
      <c r="E2" s="2"/>
      <c r="F2" s="340">
        <v>5</v>
      </c>
      <c r="G2" s="233">
        <v>9</v>
      </c>
      <c r="H2" s="2"/>
      <c r="I2" s="2"/>
      <c r="J2" s="2"/>
      <c r="K2" s="2"/>
      <c r="L2" s="2"/>
      <c r="M2" s="2"/>
    </row>
    <row r="3" spans="1:13" ht="24" customHeight="1" x14ac:dyDescent="0.2"/>
    <row r="4" spans="1:13" ht="20.25" customHeight="1" x14ac:dyDescent="0.2">
      <c r="D4" s="3"/>
      <c r="E4" s="4" t="s">
        <v>1</v>
      </c>
      <c r="F4" s="3"/>
      <c r="H4" s="240">
        <f>G2</f>
        <v>9</v>
      </c>
    </row>
    <row r="5" spans="1:13" ht="10.5" customHeight="1" thickBot="1" x14ac:dyDescent="0.25">
      <c r="E5" s="5"/>
    </row>
    <row r="6" spans="1:13" ht="21" customHeight="1" x14ac:dyDescent="0.2">
      <c r="E6" s="320"/>
      <c r="F6" s="478" t="s">
        <v>2</v>
      </c>
      <c r="G6" s="479"/>
      <c r="H6" s="479"/>
      <c r="I6" s="480"/>
    </row>
    <row r="7" spans="1:13" ht="21" customHeight="1" x14ac:dyDescent="0.2">
      <c r="E7" s="7"/>
      <c r="F7" s="8"/>
      <c r="G7" s="9" t="s">
        <v>3</v>
      </c>
      <c r="H7" s="322" t="s">
        <v>149</v>
      </c>
      <c r="I7" s="323" t="s">
        <v>148</v>
      </c>
    </row>
    <row r="8" spans="1:13" ht="21" customHeight="1" x14ac:dyDescent="0.2">
      <c r="E8" s="474" t="s">
        <v>4</v>
      </c>
      <c r="F8" s="347">
        <v>2347819</v>
      </c>
      <c r="G8" s="347">
        <v>1026284</v>
      </c>
      <c r="H8" s="347">
        <v>915483</v>
      </c>
      <c r="I8" s="348">
        <v>406052</v>
      </c>
    </row>
    <row r="9" spans="1:13" ht="21" customHeight="1" x14ac:dyDescent="0.2">
      <c r="E9" s="475" t="s">
        <v>5</v>
      </c>
      <c r="F9" s="349">
        <v>937148</v>
      </c>
      <c r="G9" s="349">
        <v>408410</v>
      </c>
      <c r="H9" s="349">
        <v>360587</v>
      </c>
      <c r="I9" s="350">
        <v>168151</v>
      </c>
    </row>
    <row r="10" spans="1:13" ht="21" customHeight="1" x14ac:dyDescent="0.2">
      <c r="E10" s="475" t="s">
        <v>6</v>
      </c>
      <c r="F10" s="349">
        <v>308713</v>
      </c>
      <c r="G10" s="349">
        <v>141082</v>
      </c>
      <c r="H10" s="349">
        <v>114666</v>
      </c>
      <c r="I10" s="350">
        <v>52965</v>
      </c>
    </row>
    <row r="11" spans="1:13" ht="21" customHeight="1" x14ac:dyDescent="0.2">
      <c r="E11" s="475" t="s">
        <v>14</v>
      </c>
      <c r="F11" s="349">
        <v>188769</v>
      </c>
      <c r="G11" s="349">
        <v>83497</v>
      </c>
      <c r="H11" s="349">
        <v>75992</v>
      </c>
      <c r="I11" s="350">
        <v>29280</v>
      </c>
    </row>
    <row r="12" spans="1:13" ht="21" customHeight="1" x14ac:dyDescent="0.2">
      <c r="E12" s="475" t="s">
        <v>7</v>
      </c>
      <c r="F12" s="349">
        <v>125179</v>
      </c>
      <c r="G12" s="349">
        <v>51790</v>
      </c>
      <c r="H12" s="349">
        <v>50750</v>
      </c>
      <c r="I12" s="350">
        <v>22639</v>
      </c>
    </row>
    <row r="13" spans="1:13" ht="21" customHeight="1" x14ac:dyDescent="0.2">
      <c r="E13" s="475" t="s">
        <v>8</v>
      </c>
      <c r="F13" s="349">
        <v>73640</v>
      </c>
      <c r="G13" s="349">
        <v>32805</v>
      </c>
      <c r="H13" s="349">
        <v>28859</v>
      </c>
      <c r="I13" s="350">
        <v>11976</v>
      </c>
    </row>
    <row r="14" spans="1:13" ht="21" customHeight="1" x14ac:dyDescent="0.2">
      <c r="E14" s="475" t="s">
        <v>9</v>
      </c>
      <c r="F14" s="349">
        <v>53492</v>
      </c>
      <c r="G14" s="349">
        <v>20301</v>
      </c>
      <c r="H14" s="349">
        <v>21367</v>
      </c>
      <c r="I14" s="350">
        <v>11824</v>
      </c>
    </row>
    <row r="15" spans="1:13" ht="21" customHeight="1" x14ac:dyDescent="0.2">
      <c r="E15" s="475" t="s">
        <v>10</v>
      </c>
      <c r="F15" s="349">
        <v>108684</v>
      </c>
      <c r="G15" s="349">
        <v>46418</v>
      </c>
      <c r="H15" s="349">
        <v>42674</v>
      </c>
      <c r="I15" s="350">
        <v>19592</v>
      </c>
    </row>
    <row r="16" spans="1:13" ht="21" customHeight="1" x14ac:dyDescent="0.2">
      <c r="E16" s="475" t="s">
        <v>11</v>
      </c>
      <c r="F16" s="349">
        <v>57471</v>
      </c>
      <c r="G16" s="349">
        <v>25285</v>
      </c>
      <c r="H16" s="349">
        <v>22047</v>
      </c>
      <c r="I16" s="350">
        <v>10139</v>
      </c>
    </row>
    <row r="17" spans="5:13" ht="21" customHeight="1" x14ac:dyDescent="0.2">
      <c r="E17" s="475" t="s">
        <v>12</v>
      </c>
      <c r="F17" s="349">
        <v>65916</v>
      </c>
      <c r="G17" s="349">
        <v>28085</v>
      </c>
      <c r="H17" s="349">
        <v>26001</v>
      </c>
      <c r="I17" s="350">
        <v>11830</v>
      </c>
    </row>
    <row r="18" spans="5:13" ht="21" customHeight="1" x14ac:dyDescent="0.2">
      <c r="E18" s="475" t="s">
        <v>13</v>
      </c>
      <c r="F18" s="349">
        <v>18510</v>
      </c>
      <c r="G18" s="349">
        <v>6977</v>
      </c>
      <c r="H18" s="349">
        <v>7436</v>
      </c>
      <c r="I18" s="350">
        <v>4097</v>
      </c>
      <c r="M18" s="1" t="s">
        <v>87</v>
      </c>
    </row>
    <row r="19" spans="5:13" ht="21" customHeight="1" x14ac:dyDescent="0.2">
      <c r="E19" s="475" t="s">
        <v>15</v>
      </c>
      <c r="F19" s="349">
        <v>16152</v>
      </c>
      <c r="G19" s="349">
        <v>6991</v>
      </c>
      <c r="H19" s="349">
        <v>6274</v>
      </c>
      <c r="I19" s="350">
        <v>2887</v>
      </c>
    </row>
    <row r="20" spans="5:13" ht="21" customHeight="1" x14ac:dyDescent="0.2">
      <c r="E20" s="475" t="s">
        <v>16</v>
      </c>
      <c r="F20" s="349">
        <v>49498</v>
      </c>
      <c r="G20" s="349">
        <v>22841</v>
      </c>
      <c r="H20" s="349">
        <v>19561</v>
      </c>
      <c r="I20" s="350">
        <v>7096</v>
      </c>
    </row>
    <row r="21" spans="5:13" ht="21" customHeight="1" x14ac:dyDescent="0.2">
      <c r="E21" s="475" t="s">
        <v>17</v>
      </c>
      <c r="F21" s="349">
        <v>58756</v>
      </c>
      <c r="G21" s="349">
        <v>26863</v>
      </c>
      <c r="H21" s="349">
        <v>23647</v>
      </c>
      <c r="I21" s="350">
        <v>8246</v>
      </c>
    </row>
    <row r="22" spans="5:13" ht="21" customHeight="1" x14ac:dyDescent="0.2">
      <c r="E22" s="475" t="s">
        <v>18</v>
      </c>
      <c r="F22" s="349">
        <v>58369</v>
      </c>
      <c r="G22" s="349">
        <v>25630</v>
      </c>
      <c r="H22" s="349">
        <v>23603</v>
      </c>
      <c r="I22" s="350">
        <v>9136</v>
      </c>
    </row>
    <row r="23" spans="5:13" ht="21" customHeight="1" x14ac:dyDescent="0.2">
      <c r="E23" s="475" t="s">
        <v>19</v>
      </c>
      <c r="F23" s="349">
        <v>26675</v>
      </c>
      <c r="G23" s="349">
        <v>11816</v>
      </c>
      <c r="H23" s="349">
        <v>10657</v>
      </c>
      <c r="I23" s="350">
        <v>4202</v>
      </c>
    </row>
    <row r="24" spans="5:13" ht="21" customHeight="1" x14ac:dyDescent="0.2">
      <c r="E24" s="475" t="s">
        <v>20</v>
      </c>
      <c r="F24" s="349">
        <v>34273</v>
      </c>
      <c r="G24" s="349">
        <v>15418</v>
      </c>
      <c r="H24" s="349">
        <v>13807</v>
      </c>
      <c r="I24" s="350">
        <v>5048</v>
      </c>
    </row>
    <row r="25" spans="5:13" ht="21" customHeight="1" x14ac:dyDescent="0.2">
      <c r="E25" s="475" t="s">
        <v>21</v>
      </c>
      <c r="F25" s="349">
        <v>34471</v>
      </c>
      <c r="G25" s="349">
        <v>15386</v>
      </c>
      <c r="H25" s="349">
        <v>13881</v>
      </c>
      <c r="I25" s="350">
        <v>5204</v>
      </c>
    </row>
    <row r="26" spans="5:13" ht="21" customHeight="1" x14ac:dyDescent="0.2">
      <c r="E26" s="475" t="s">
        <v>22</v>
      </c>
      <c r="F26" s="349">
        <v>13657</v>
      </c>
      <c r="G26" s="349">
        <v>5708</v>
      </c>
      <c r="H26" s="349">
        <v>5530</v>
      </c>
      <c r="I26" s="350">
        <v>2419</v>
      </c>
    </row>
    <row r="27" spans="5:13" ht="21" customHeight="1" x14ac:dyDescent="0.2">
      <c r="E27" s="475" t="s">
        <v>23</v>
      </c>
      <c r="F27" s="349">
        <v>22763</v>
      </c>
      <c r="G27" s="349">
        <v>9483</v>
      </c>
      <c r="H27" s="349">
        <v>9995</v>
      </c>
      <c r="I27" s="350">
        <v>3285</v>
      </c>
    </row>
    <row r="28" spans="5:13" ht="21" customHeight="1" x14ac:dyDescent="0.2">
      <c r="E28" s="475" t="s">
        <v>24</v>
      </c>
      <c r="F28" s="349">
        <v>10145</v>
      </c>
      <c r="G28" s="349">
        <v>3847</v>
      </c>
      <c r="H28" s="349">
        <v>4236</v>
      </c>
      <c r="I28" s="350">
        <v>2062</v>
      </c>
    </row>
    <row r="29" spans="5:13" ht="21" customHeight="1" x14ac:dyDescent="0.2">
      <c r="E29" s="475" t="s">
        <v>25</v>
      </c>
      <c r="F29" s="349">
        <v>13479</v>
      </c>
      <c r="G29" s="349">
        <v>6227</v>
      </c>
      <c r="H29" s="349">
        <v>5387</v>
      </c>
      <c r="I29" s="350">
        <v>1865</v>
      </c>
    </row>
    <row r="30" spans="5:13" ht="21" customHeight="1" x14ac:dyDescent="0.2">
      <c r="E30" s="475" t="s">
        <v>26</v>
      </c>
      <c r="F30" s="349">
        <v>11146</v>
      </c>
      <c r="G30" s="349">
        <v>4648</v>
      </c>
      <c r="H30" s="349">
        <v>4555</v>
      </c>
      <c r="I30" s="350">
        <v>1943</v>
      </c>
    </row>
    <row r="31" spans="5:13" ht="21" customHeight="1" x14ac:dyDescent="0.2">
      <c r="E31" s="475" t="s">
        <v>27</v>
      </c>
      <c r="F31" s="349">
        <v>9829</v>
      </c>
      <c r="G31" s="349">
        <v>3878</v>
      </c>
      <c r="H31" s="349">
        <v>4025</v>
      </c>
      <c r="I31" s="350">
        <v>1926</v>
      </c>
    </row>
    <row r="32" spans="5:13" ht="21" customHeight="1" x14ac:dyDescent="0.2">
      <c r="E32" s="475" t="s">
        <v>28</v>
      </c>
      <c r="F32" s="349">
        <v>3213</v>
      </c>
      <c r="G32" s="349">
        <v>1475</v>
      </c>
      <c r="H32" s="349">
        <v>1295</v>
      </c>
      <c r="I32" s="350">
        <v>443</v>
      </c>
    </row>
    <row r="33" spans="5:9" ht="21" customHeight="1" x14ac:dyDescent="0.2">
      <c r="E33" s="475" t="s">
        <v>29</v>
      </c>
      <c r="F33" s="349">
        <v>5013</v>
      </c>
      <c r="G33" s="349">
        <v>2218</v>
      </c>
      <c r="H33" s="349">
        <v>2038</v>
      </c>
      <c r="I33" s="350">
        <v>757</v>
      </c>
    </row>
    <row r="34" spans="5:9" ht="21" customHeight="1" x14ac:dyDescent="0.2">
      <c r="E34" s="475" t="s">
        <v>30</v>
      </c>
      <c r="F34" s="349">
        <v>3725</v>
      </c>
      <c r="G34" s="349">
        <v>1598</v>
      </c>
      <c r="H34" s="349">
        <v>1410</v>
      </c>
      <c r="I34" s="350">
        <v>717</v>
      </c>
    </row>
    <row r="35" spans="5:9" ht="21" customHeight="1" x14ac:dyDescent="0.2">
      <c r="E35" s="475" t="s">
        <v>31</v>
      </c>
      <c r="F35" s="349">
        <v>4026</v>
      </c>
      <c r="G35" s="349">
        <v>1868</v>
      </c>
      <c r="H35" s="349">
        <v>1400</v>
      </c>
      <c r="I35" s="350">
        <v>758</v>
      </c>
    </row>
    <row r="36" spans="5:9" ht="21" customHeight="1" x14ac:dyDescent="0.2">
      <c r="E36" s="475" t="s">
        <v>32</v>
      </c>
      <c r="F36" s="349">
        <v>4662</v>
      </c>
      <c r="G36" s="349">
        <v>2063</v>
      </c>
      <c r="H36" s="349">
        <v>1819</v>
      </c>
      <c r="I36" s="350">
        <v>780</v>
      </c>
    </row>
    <row r="37" spans="5:9" ht="21" customHeight="1" x14ac:dyDescent="0.2">
      <c r="E37" s="475" t="s">
        <v>33</v>
      </c>
      <c r="F37" s="349">
        <v>4138</v>
      </c>
      <c r="G37" s="349">
        <v>1809</v>
      </c>
      <c r="H37" s="349">
        <v>1620</v>
      </c>
      <c r="I37" s="350">
        <v>709</v>
      </c>
    </row>
    <row r="38" spans="5:9" ht="21" customHeight="1" x14ac:dyDescent="0.2">
      <c r="E38" s="475" t="s">
        <v>34</v>
      </c>
      <c r="F38" s="349">
        <v>3022</v>
      </c>
      <c r="G38" s="349">
        <v>1277</v>
      </c>
      <c r="H38" s="349">
        <v>1195</v>
      </c>
      <c r="I38" s="350">
        <v>550</v>
      </c>
    </row>
    <row r="39" spans="5:9" ht="21" customHeight="1" x14ac:dyDescent="0.2">
      <c r="E39" s="475" t="s">
        <v>35</v>
      </c>
      <c r="F39" s="349">
        <v>9804</v>
      </c>
      <c r="G39" s="349">
        <v>4080</v>
      </c>
      <c r="H39" s="349">
        <v>3947</v>
      </c>
      <c r="I39" s="350">
        <v>1777</v>
      </c>
    </row>
    <row r="40" spans="5:9" ht="21" customHeight="1" x14ac:dyDescent="0.2">
      <c r="E40" s="475" t="s">
        <v>36</v>
      </c>
      <c r="F40" s="349">
        <v>12412</v>
      </c>
      <c r="G40" s="349">
        <v>5980</v>
      </c>
      <c r="H40" s="349">
        <v>4840</v>
      </c>
      <c r="I40" s="350">
        <v>1592</v>
      </c>
    </row>
    <row r="41" spans="5:9" ht="21" customHeight="1" thickBot="1" x14ac:dyDescent="0.25">
      <c r="E41" s="476" t="s">
        <v>37</v>
      </c>
      <c r="F41" s="351">
        <v>1069</v>
      </c>
      <c r="G41" s="351">
        <v>530</v>
      </c>
      <c r="H41" s="351">
        <v>382</v>
      </c>
      <c r="I41" s="352">
        <v>157</v>
      </c>
    </row>
  </sheetData>
  <mergeCells count="2">
    <mergeCell ref="E1:H1"/>
    <mergeCell ref="F6:I6"/>
  </mergeCells>
  <phoneticPr fontId="4"/>
  <pageMargins left="0.78740157480314965" right="0.78740157480314965" top="0.98425196850393704" bottom="0.98425196850393704" header="0.51181102362204722" footer="0.51181102362204722"/>
  <pageSetup paperSize="9" scale="87"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6.777343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9</v>
      </c>
      <c r="M1" s="504">
        <f>IF(L1&lt;3,L1+12-2,L1-2)</f>
        <v>7</v>
      </c>
      <c r="N1" s="504"/>
    </row>
    <row r="2" spans="2:112" ht="24" customHeight="1" thickBot="1" x14ac:dyDescent="0.25">
      <c r="B2" s="271" t="s">
        <v>130</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60</v>
      </c>
      <c r="CN3" s="522"/>
      <c r="CO3" s="522"/>
      <c r="CP3" s="522"/>
      <c r="CQ3" s="522"/>
      <c r="CR3" s="522"/>
      <c r="CS3" s="522"/>
      <c r="CT3" s="522"/>
      <c r="CU3" s="522"/>
      <c r="CV3" s="522"/>
      <c r="CW3" s="523"/>
      <c r="CX3" s="521" t="s">
        <v>156</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3" t="s">
        <v>44</v>
      </c>
      <c r="E5" s="356"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301" t="s">
        <v>43</v>
      </c>
      <c r="Z5" s="243" t="s">
        <v>44</v>
      </c>
      <c r="AA5" s="249" t="s">
        <v>45</v>
      </c>
      <c r="AB5" s="248" t="s">
        <v>83</v>
      </c>
      <c r="AC5" s="243" t="s">
        <v>47</v>
      </c>
      <c r="AD5" s="243" t="s">
        <v>48</v>
      </c>
      <c r="AE5" s="243" t="s">
        <v>49</v>
      </c>
      <c r="AF5" s="243" t="s">
        <v>50</v>
      </c>
      <c r="AG5" s="243" t="s">
        <v>51</v>
      </c>
      <c r="AH5" s="246" t="s">
        <v>45</v>
      </c>
      <c r="AI5" s="506"/>
      <c r="AJ5" s="301" t="s">
        <v>43</v>
      </c>
      <c r="AK5" s="243" t="s">
        <v>44</v>
      </c>
      <c r="AL5" s="246" t="s">
        <v>45</v>
      </c>
      <c r="AM5" s="248" t="s">
        <v>83</v>
      </c>
      <c r="AN5" s="243" t="s">
        <v>47</v>
      </c>
      <c r="AO5" s="243" t="s">
        <v>48</v>
      </c>
      <c r="AP5" s="243" t="s">
        <v>49</v>
      </c>
      <c r="AQ5" s="243" t="s">
        <v>50</v>
      </c>
      <c r="AR5" s="243" t="s">
        <v>51</v>
      </c>
      <c r="AS5" s="246" t="s">
        <v>45</v>
      </c>
      <c r="AT5" s="506"/>
      <c r="AU5" s="301" t="s">
        <v>43</v>
      </c>
      <c r="AV5" s="243" t="s">
        <v>44</v>
      </c>
      <c r="AW5" s="249" t="s">
        <v>45</v>
      </c>
      <c r="AX5" s="248" t="s">
        <v>83</v>
      </c>
      <c r="AY5" s="243" t="s">
        <v>47</v>
      </c>
      <c r="AZ5" s="243" t="s">
        <v>48</v>
      </c>
      <c r="BA5" s="243" t="s">
        <v>49</v>
      </c>
      <c r="BB5" s="243" t="s">
        <v>50</v>
      </c>
      <c r="BC5" s="243" t="s">
        <v>51</v>
      </c>
      <c r="BD5" s="249" t="s">
        <v>45</v>
      </c>
      <c r="BE5" s="506"/>
      <c r="BF5" s="301" t="s">
        <v>43</v>
      </c>
      <c r="BG5" s="243" t="s">
        <v>44</v>
      </c>
      <c r="BH5" s="246" t="s">
        <v>45</v>
      </c>
      <c r="BI5" s="248" t="s">
        <v>83</v>
      </c>
      <c r="BJ5" s="243" t="s">
        <v>47</v>
      </c>
      <c r="BK5" s="243" t="s">
        <v>48</v>
      </c>
      <c r="BL5" s="243" t="s">
        <v>49</v>
      </c>
      <c r="BM5" s="243" t="s">
        <v>50</v>
      </c>
      <c r="BN5" s="243" t="s">
        <v>51</v>
      </c>
      <c r="BO5" s="246" t="s">
        <v>45</v>
      </c>
      <c r="BP5" s="506"/>
      <c r="BQ5" s="301" t="s">
        <v>43</v>
      </c>
      <c r="BR5" s="243" t="s">
        <v>44</v>
      </c>
      <c r="BS5" s="246" t="s">
        <v>45</v>
      </c>
      <c r="BT5" s="248" t="s">
        <v>83</v>
      </c>
      <c r="BU5" s="243" t="s">
        <v>47</v>
      </c>
      <c r="BV5" s="243" t="s">
        <v>48</v>
      </c>
      <c r="BW5" s="243" t="s">
        <v>49</v>
      </c>
      <c r="BX5" s="243" t="s">
        <v>50</v>
      </c>
      <c r="BY5" s="243" t="s">
        <v>51</v>
      </c>
      <c r="BZ5" s="246" t="s">
        <v>45</v>
      </c>
      <c r="CA5" s="506"/>
      <c r="CB5" s="301" t="s">
        <v>43</v>
      </c>
      <c r="CC5" s="243" t="s">
        <v>44</v>
      </c>
      <c r="CD5" s="246" t="s">
        <v>45</v>
      </c>
      <c r="CE5" s="248" t="s">
        <v>83</v>
      </c>
      <c r="CF5" s="243" t="s">
        <v>47</v>
      </c>
      <c r="CG5" s="243" t="s">
        <v>48</v>
      </c>
      <c r="CH5" s="243" t="s">
        <v>49</v>
      </c>
      <c r="CI5" s="243" t="s">
        <v>50</v>
      </c>
      <c r="CJ5" s="243" t="s">
        <v>51</v>
      </c>
      <c r="CK5" s="246" t="s">
        <v>45</v>
      </c>
      <c r="CL5" s="506"/>
      <c r="CM5" s="301"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4">
        <v>0</v>
      </c>
      <c r="E6" s="357">
        <v>0</v>
      </c>
      <c r="F6" s="253">
        <v>0</v>
      </c>
      <c r="G6" s="254">
        <v>13540</v>
      </c>
      <c r="H6" s="254">
        <v>19397</v>
      </c>
      <c r="I6" s="254">
        <v>20760</v>
      </c>
      <c r="J6" s="254">
        <v>22711</v>
      </c>
      <c r="K6" s="254">
        <v>20226</v>
      </c>
      <c r="L6" s="255">
        <v>96634</v>
      </c>
      <c r="M6" s="256">
        <v>96634</v>
      </c>
      <c r="N6" s="250">
        <v>0</v>
      </c>
      <c r="O6" s="254">
        <v>2</v>
      </c>
      <c r="P6" s="251">
        <v>2</v>
      </c>
      <c r="Q6" s="253">
        <v>0</v>
      </c>
      <c r="R6" s="254">
        <v>16</v>
      </c>
      <c r="S6" s="254">
        <v>116</v>
      </c>
      <c r="T6" s="254">
        <v>281</v>
      </c>
      <c r="U6" s="254">
        <v>564</v>
      </c>
      <c r="V6" s="254">
        <v>1044</v>
      </c>
      <c r="W6" s="251">
        <v>2021</v>
      </c>
      <c r="X6" s="256">
        <v>2023</v>
      </c>
      <c r="Y6" s="250">
        <v>1000</v>
      </c>
      <c r="Z6" s="254">
        <v>2616</v>
      </c>
      <c r="AA6" s="251">
        <v>3616</v>
      </c>
      <c r="AB6" s="253">
        <v>0</v>
      </c>
      <c r="AC6" s="254">
        <v>8343</v>
      </c>
      <c r="AD6" s="254">
        <v>12888</v>
      </c>
      <c r="AE6" s="254">
        <v>8428</v>
      </c>
      <c r="AF6" s="254">
        <v>6535</v>
      </c>
      <c r="AG6" s="254">
        <v>4782</v>
      </c>
      <c r="AH6" s="251">
        <v>40976</v>
      </c>
      <c r="AI6" s="256">
        <v>44592</v>
      </c>
      <c r="AJ6" s="250">
        <v>145</v>
      </c>
      <c r="AK6" s="254">
        <v>671</v>
      </c>
      <c r="AL6" s="251">
        <v>816</v>
      </c>
      <c r="AM6" s="253">
        <v>0</v>
      </c>
      <c r="AN6" s="254">
        <v>951</v>
      </c>
      <c r="AO6" s="254">
        <v>1589</v>
      </c>
      <c r="AP6" s="254">
        <v>956</v>
      </c>
      <c r="AQ6" s="254">
        <v>911</v>
      </c>
      <c r="AR6" s="254">
        <v>297</v>
      </c>
      <c r="AS6" s="251">
        <v>4704</v>
      </c>
      <c r="AT6" s="256">
        <v>5520</v>
      </c>
      <c r="AU6" s="250">
        <v>0</v>
      </c>
      <c r="AV6" s="254">
        <v>0</v>
      </c>
      <c r="AW6" s="251">
        <v>0</v>
      </c>
      <c r="AX6" s="253">
        <v>0</v>
      </c>
      <c r="AY6" s="254">
        <v>12961</v>
      </c>
      <c r="AZ6" s="254">
        <v>12463</v>
      </c>
      <c r="BA6" s="254">
        <v>7144</v>
      </c>
      <c r="BB6" s="254">
        <v>3894</v>
      </c>
      <c r="BC6" s="254">
        <v>1541</v>
      </c>
      <c r="BD6" s="255">
        <v>38003</v>
      </c>
      <c r="BE6" s="256">
        <v>38003</v>
      </c>
      <c r="BF6" s="250">
        <v>0</v>
      </c>
      <c r="BG6" s="254">
        <v>0</v>
      </c>
      <c r="BH6" s="251">
        <v>0</v>
      </c>
      <c r="BI6" s="253">
        <v>0</v>
      </c>
      <c r="BJ6" s="254">
        <v>2361</v>
      </c>
      <c r="BK6" s="254">
        <v>3854</v>
      </c>
      <c r="BL6" s="254">
        <v>2613</v>
      </c>
      <c r="BM6" s="254">
        <v>1311</v>
      </c>
      <c r="BN6" s="254">
        <v>428</v>
      </c>
      <c r="BO6" s="251">
        <v>10567</v>
      </c>
      <c r="BP6" s="256">
        <v>10567</v>
      </c>
      <c r="BQ6" s="250">
        <v>22</v>
      </c>
      <c r="BR6" s="254">
        <v>115</v>
      </c>
      <c r="BS6" s="251">
        <v>137</v>
      </c>
      <c r="BT6" s="253">
        <v>0</v>
      </c>
      <c r="BU6" s="254">
        <v>1334</v>
      </c>
      <c r="BV6" s="254">
        <v>2125</v>
      </c>
      <c r="BW6" s="254">
        <v>3332</v>
      </c>
      <c r="BX6" s="254">
        <v>2890</v>
      </c>
      <c r="BY6" s="254">
        <v>976</v>
      </c>
      <c r="BZ6" s="251">
        <v>10657</v>
      </c>
      <c r="CA6" s="256">
        <v>10794</v>
      </c>
      <c r="CB6" s="250">
        <v>13</v>
      </c>
      <c r="CC6" s="254">
        <v>33</v>
      </c>
      <c r="CD6" s="251">
        <v>46</v>
      </c>
      <c r="CE6" s="253">
        <v>0</v>
      </c>
      <c r="CF6" s="254">
        <v>126</v>
      </c>
      <c r="CG6" s="254">
        <v>368</v>
      </c>
      <c r="CH6" s="254">
        <v>561</v>
      </c>
      <c r="CI6" s="254">
        <v>394</v>
      </c>
      <c r="CJ6" s="254">
        <v>177</v>
      </c>
      <c r="CK6" s="251">
        <v>1626</v>
      </c>
      <c r="CL6" s="256">
        <v>1672</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5354</v>
      </c>
      <c r="H7" s="261">
        <v>8458</v>
      </c>
      <c r="I7" s="261">
        <v>8934</v>
      </c>
      <c r="J7" s="261">
        <v>8498</v>
      </c>
      <c r="K7" s="261">
        <v>8397</v>
      </c>
      <c r="L7" s="262">
        <v>39641</v>
      </c>
      <c r="M7" s="263">
        <v>39641</v>
      </c>
      <c r="N7" s="257">
        <v>0</v>
      </c>
      <c r="O7" s="261">
        <v>2</v>
      </c>
      <c r="P7" s="258">
        <v>2</v>
      </c>
      <c r="Q7" s="260">
        <v>0</v>
      </c>
      <c r="R7" s="261">
        <v>3</v>
      </c>
      <c r="S7" s="261">
        <v>54</v>
      </c>
      <c r="T7" s="261">
        <v>102</v>
      </c>
      <c r="U7" s="261">
        <v>222</v>
      </c>
      <c r="V7" s="261">
        <v>519</v>
      </c>
      <c r="W7" s="258">
        <v>900</v>
      </c>
      <c r="X7" s="263">
        <v>902</v>
      </c>
      <c r="Y7" s="257">
        <v>466</v>
      </c>
      <c r="Z7" s="261">
        <v>1485</v>
      </c>
      <c r="AA7" s="258">
        <v>1951</v>
      </c>
      <c r="AB7" s="260">
        <v>0</v>
      </c>
      <c r="AC7" s="261">
        <v>3550</v>
      </c>
      <c r="AD7" s="261">
        <v>6898</v>
      </c>
      <c r="AE7" s="261">
        <v>4592</v>
      </c>
      <c r="AF7" s="261">
        <v>3225</v>
      </c>
      <c r="AG7" s="261">
        <v>2294</v>
      </c>
      <c r="AH7" s="258">
        <v>20559</v>
      </c>
      <c r="AI7" s="263">
        <v>22510</v>
      </c>
      <c r="AJ7" s="257">
        <v>52</v>
      </c>
      <c r="AK7" s="261">
        <v>345</v>
      </c>
      <c r="AL7" s="258">
        <v>397</v>
      </c>
      <c r="AM7" s="260">
        <v>0</v>
      </c>
      <c r="AN7" s="261">
        <v>342</v>
      </c>
      <c r="AO7" s="261">
        <v>542</v>
      </c>
      <c r="AP7" s="261">
        <v>405</v>
      </c>
      <c r="AQ7" s="261">
        <v>371</v>
      </c>
      <c r="AR7" s="261">
        <v>107</v>
      </c>
      <c r="AS7" s="258">
        <v>1767</v>
      </c>
      <c r="AT7" s="263">
        <v>2164</v>
      </c>
      <c r="AU7" s="257">
        <v>0</v>
      </c>
      <c r="AV7" s="261">
        <v>0</v>
      </c>
      <c r="AW7" s="258">
        <v>0</v>
      </c>
      <c r="AX7" s="260">
        <v>0</v>
      </c>
      <c r="AY7" s="261">
        <v>4675</v>
      </c>
      <c r="AZ7" s="261">
        <v>5398</v>
      </c>
      <c r="BA7" s="261">
        <v>2748</v>
      </c>
      <c r="BB7" s="261">
        <v>1501</v>
      </c>
      <c r="BC7" s="261">
        <v>659</v>
      </c>
      <c r="BD7" s="262">
        <v>14981</v>
      </c>
      <c r="BE7" s="263">
        <v>14981</v>
      </c>
      <c r="BF7" s="257">
        <v>0</v>
      </c>
      <c r="BG7" s="261">
        <v>0</v>
      </c>
      <c r="BH7" s="258">
        <v>0</v>
      </c>
      <c r="BI7" s="260">
        <v>0</v>
      </c>
      <c r="BJ7" s="261">
        <v>763</v>
      </c>
      <c r="BK7" s="261">
        <v>1703</v>
      </c>
      <c r="BL7" s="261">
        <v>1264</v>
      </c>
      <c r="BM7" s="261">
        <v>635</v>
      </c>
      <c r="BN7" s="261">
        <v>160</v>
      </c>
      <c r="BO7" s="258">
        <v>4525</v>
      </c>
      <c r="BP7" s="263">
        <v>4525</v>
      </c>
      <c r="BQ7" s="257">
        <v>7</v>
      </c>
      <c r="BR7" s="261">
        <v>52</v>
      </c>
      <c r="BS7" s="258">
        <v>59</v>
      </c>
      <c r="BT7" s="260">
        <v>0</v>
      </c>
      <c r="BU7" s="261">
        <v>447</v>
      </c>
      <c r="BV7" s="261">
        <v>719</v>
      </c>
      <c r="BW7" s="261">
        <v>1521</v>
      </c>
      <c r="BX7" s="261">
        <v>1241</v>
      </c>
      <c r="BY7" s="261">
        <v>398</v>
      </c>
      <c r="BZ7" s="258">
        <v>4326</v>
      </c>
      <c r="CA7" s="263">
        <v>4385</v>
      </c>
      <c r="CB7" s="257">
        <v>5</v>
      </c>
      <c r="CC7" s="261">
        <v>33</v>
      </c>
      <c r="CD7" s="258">
        <v>38</v>
      </c>
      <c r="CE7" s="260">
        <v>0</v>
      </c>
      <c r="CF7" s="261">
        <v>75</v>
      </c>
      <c r="CG7" s="261">
        <v>238</v>
      </c>
      <c r="CH7" s="261">
        <v>300</v>
      </c>
      <c r="CI7" s="261">
        <v>226</v>
      </c>
      <c r="CJ7" s="261">
        <v>119</v>
      </c>
      <c r="CK7" s="258">
        <v>958</v>
      </c>
      <c r="CL7" s="263">
        <v>996</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1738</v>
      </c>
      <c r="H8" s="261">
        <v>1759</v>
      </c>
      <c r="I8" s="261">
        <v>1962</v>
      </c>
      <c r="J8" s="261">
        <v>2849</v>
      </c>
      <c r="K8" s="261">
        <v>2568</v>
      </c>
      <c r="L8" s="262">
        <v>10876</v>
      </c>
      <c r="M8" s="263">
        <v>10876</v>
      </c>
      <c r="N8" s="257">
        <v>0</v>
      </c>
      <c r="O8" s="261">
        <v>0</v>
      </c>
      <c r="P8" s="258">
        <v>0</v>
      </c>
      <c r="Q8" s="260">
        <v>0</v>
      </c>
      <c r="R8" s="261">
        <v>4</v>
      </c>
      <c r="S8" s="261">
        <v>6</v>
      </c>
      <c r="T8" s="261">
        <v>36</v>
      </c>
      <c r="U8" s="261">
        <v>36</v>
      </c>
      <c r="V8" s="261">
        <v>122</v>
      </c>
      <c r="W8" s="258">
        <v>204</v>
      </c>
      <c r="X8" s="263">
        <v>204</v>
      </c>
      <c r="Y8" s="257">
        <v>140</v>
      </c>
      <c r="Z8" s="261">
        <v>352</v>
      </c>
      <c r="AA8" s="258">
        <v>492</v>
      </c>
      <c r="AB8" s="260">
        <v>0</v>
      </c>
      <c r="AC8" s="261">
        <v>1465</v>
      </c>
      <c r="AD8" s="261">
        <v>1841</v>
      </c>
      <c r="AE8" s="261">
        <v>927</v>
      </c>
      <c r="AF8" s="261">
        <v>1031</v>
      </c>
      <c r="AG8" s="261">
        <v>712</v>
      </c>
      <c r="AH8" s="258">
        <v>5976</v>
      </c>
      <c r="AI8" s="263">
        <v>6468</v>
      </c>
      <c r="AJ8" s="257">
        <v>20</v>
      </c>
      <c r="AK8" s="261">
        <v>52</v>
      </c>
      <c r="AL8" s="258">
        <v>72</v>
      </c>
      <c r="AM8" s="260">
        <v>0</v>
      </c>
      <c r="AN8" s="261">
        <v>150</v>
      </c>
      <c r="AO8" s="261">
        <v>199</v>
      </c>
      <c r="AP8" s="261">
        <v>53</v>
      </c>
      <c r="AQ8" s="261">
        <v>99</v>
      </c>
      <c r="AR8" s="261">
        <v>64</v>
      </c>
      <c r="AS8" s="258">
        <v>565</v>
      </c>
      <c r="AT8" s="263">
        <v>637</v>
      </c>
      <c r="AU8" s="257">
        <v>0</v>
      </c>
      <c r="AV8" s="261">
        <v>0</v>
      </c>
      <c r="AW8" s="258">
        <v>0</v>
      </c>
      <c r="AX8" s="260">
        <v>0</v>
      </c>
      <c r="AY8" s="261">
        <v>1622</v>
      </c>
      <c r="AZ8" s="261">
        <v>1444</v>
      </c>
      <c r="BA8" s="261">
        <v>707</v>
      </c>
      <c r="BB8" s="261">
        <v>523</v>
      </c>
      <c r="BC8" s="261">
        <v>210</v>
      </c>
      <c r="BD8" s="262">
        <v>4506</v>
      </c>
      <c r="BE8" s="263">
        <v>4506</v>
      </c>
      <c r="BF8" s="257">
        <v>0</v>
      </c>
      <c r="BG8" s="261">
        <v>0</v>
      </c>
      <c r="BH8" s="258">
        <v>0</v>
      </c>
      <c r="BI8" s="260">
        <v>0</v>
      </c>
      <c r="BJ8" s="261">
        <v>246</v>
      </c>
      <c r="BK8" s="261">
        <v>417</v>
      </c>
      <c r="BL8" s="261">
        <v>313</v>
      </c>
      <c r="BM8" s="261">
        <v>129</v>
      </c>
      <c r="BN8" s="261">
        <v>111</v>
      </c>
      <c r="BO8" s="258">
        <v>1216</v>
      </c>
      <c r="BP8" s="263">
        <v>1216</v>
      </c>
      <c r="BQ8" s="257">
        <v>0</v>
      </c>
      <c r="BR8" s="261">
        <v>19</v>
      </c>
      <c r="BS8" s="258">
        <v>19</v>
      </c>
      <c r="BT8" s="260">
        <v>0</v>
      </c>
      <c r="BU8" s="261">
        <v>144</v>
      </c>
      <c r="BV8" s="261">
        <v>348</v>
      </c>
      <c r="BW8" s="261">
        <v>284</v>
      </c>
      <c r="BX8" s="261">
        <v>213</v>
      </c>
      <c r="BY8" s="261">
        <v>95</v>
      </c>
      <c r="BZ8" s="258">
        <v>1084</v>
      </c>
      <c r="CA8" s="263">
        <v>1103</v>
      </c>
      <c r="CB8" s="257">
        <v>0</v>
      </c>
      <c r="CC8" s="261">
        <v>0</v>
      </c>
      <c r="CD8" s="258">
        <v>0</v>
      </c>
      <c r="CE8" s="260">
        <v>0</v>
      </c>
      <c r="CF8" s="261">
        <v>12</v>
      </c>
      <c r="CG8" s="261">
        <v>10</v>
      </c>
      <c r="CH8" s="261">
        <v>57</v>
      </c>
      <c r="CI8" s="261">
        <v>57</v>
      </c>
      <c r="CJ8" s="261">
        <v>20</v>
      </c>
      <c r="CK8" s="258">
        <v>156</v>
      </c>
      <c r="CL8" s="263">
        <v>156</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699</v>
      </c>
      <c r="H9" s="261">
        <v>1391</v>
      </c>
      <c r="I9" s="261">
        <v>1208</v>
      </c>
      <c r="J9" s="261">
        <v>1617</v>
      </c>
      <c r="K9" s="261">
        <v>1198</v>
      </c>
      <c r="L9" s="262">
        <v>6113</v>
      </c>
      <c r="M9" s="263">
        <v>6113</v>
      </c>
      <c r="N9" s="257">
        <v>0</v>
      </c>
      <c r="O9" s="261">
        <v>0</v>
      </c>
      <c r="P9" s="258">
        <v>0</v>
      </c>
      <c r="Q9" s="260">
        <v>0</v>
      </c>
      <c r="R9" s="261">
        <v>0</v>
      </c>
      <c r="S9" s="261">
        <v>0</v>
      </c>
      <c r="T9" s="261">
        <v>14</v>
      </c>
      <c r="U9" s="261">
        <v>38</v>
      </c>
      <c r="V9" s="261">
        <v>46</v>
      </c>
      <c r="W9" s="258">
        <v>98</v>
      </c>
      <c r="X9" s="263">
        <v>98</v>
      </c>
      <c r="Y9" s="257">
        <v>57</v>
      </c>
      <c r="Z9" s="261">
        <v>123</v>
      </c>
      <c r="AA9" s="258">
        <v>180</v>
      </c>
      <c r="AB9" s="260">
        <v>0</v>
      </c>
      <c r="AC9" s="261">
        <v>362</v>
      </c>
      <c r="AD9" s="261">
        <v>813</v>
      </c>
      <c r="AE9" s="261">
        <v>544</v>
      </c>
      <c r="AF9" s="261">
        <v>467</v>
      </c>
      <c r="AG9" s="261">
        <v>440</v>
      </c>
      <c r="AH9" s="258">
        <v>2626</v>
      </c>
      <c r="AI9" s="263">
        <v>2806</v>
      </c>
      <c r="AJ9" s="257">
        <v>0</v>
      </c>
      <c r="AK9" s="261">
        <v>37</v>
      </c>
      <c r="AL9" s="258">
        <v>37</v>
      </c>
      <c r="AM9" s="260">
        <v>0</v>
      </c>
      <c r="AN9" s="261">
        <v>26</v>
      </c>
      <c r="AO9" s="261">
        <v>4</v>
      </c>
      <c r="AP9" s="261">
        <v>27</v>
      </c>
      <c r="AQ9" s="261">
        <v>67</v>
      </c>
      <c r="AR9" s="261">
        <v>0</v>
      </c>
      <c r="AS9" s="258">
        <v>124</v>
      </c>
      <c r="AT9" s="263">
        <v>161</v>
      </c>
      <c r="AU9" s="257">
        <v>0</v>
      </c>
      <c r="AV9" s="261">
        <v>0</v>
      </c>
      <c r="AW9" s="258">
        <v>0</v>
      </c>
      <c r="AX9" s="260">
        <v>0</v>
      </c>
      <c r="AY9" s="261">
        <v>944</v>
      </c>
      <c r="AZ9" s="261">
        <v>1037</v>
      </c>
      <c r="BA9" s="261">
        <v>758</v>
      </c>
      <c r="BB9" s="261">
        <v>396</v>
      </c>
      <c r="BC9" s="261">
        <v>173</v>
      </c>
      <c r="BD9" s="262">
        <v>3308</v>
      </c>
      <c r="BE9" s="263">
        <v>3308</v>
      </c>
      <c r="BF9" s="257">
        <v>0</v>
      </c>
      <c r="BG9" s="261">
        <v>0</v>
      </c>
      <c r="BH9" s="258">
        <v>0</v>
      </c>
      <c r="BI9" s="260">
        <v>0</v>
      </c>
      <c r="BJ9" s="261">
        <v>66</v>
      </c>
      <c r="BK9" s="261">
        <v>272</v>
      </c>
      <c r="BL9" s="261">
        <v>126</v>
      </c>
      <c r="BM9" s="261">
        <v>84</v>
      </c>
      <c r="BN9" s="261">
        <v>0</v>
      </c>
      <c r="BO9" s="258">
        <v>548</v>
      </c>
      <c r="BP9" s="263">
        <v>548</v>
      </c>
      <c r="BQ9" s="257">
        <v>0</v>
      </c>
      <c r="BR9" s="261">
        <v>3</v>
      </c>
      <c r="BS9" s="258">
        <v>3</v>
      </c>
      <c r="BT9" s="260">
        <v>0</v>
      </c>
      <c r="BU9" s="261">
        <v>158</v>
      </c>
      <c r="BV9" s="261">
        <v>187</v>
      </c>
      <c r="BW9" s="261">
        <v>242</v>
      </c>
      <c r="BX9" s="261">
        <v>286</v>
      </c>
      <c r="BY9" s="261">
        <v>88</v>
      </c>
      <c r="BZ9" s="258">
        <v>961</v>
      </c>
      <c r="CA9" s="263">
        <v>964</v>
      </c>
      <c r="CB9" s="257">
        <v>0</v>
      </c>
      <c r="CC9" s="261">
        <v>0</v>
      </c>
      <c r="CD9" s="258">
        <v>0</v>
      </c>
      <c r="CE9" s="260">
        <v>0</v>
      </c>
      <c r="CF9" s="261">
        <v>3</v>
      </c>
      <c r="CG9" s="261">
        <v>10</v>
      </c>
      <c r="CH9" s="261">
        <v>2</v>
      </c>
      <c r="CI9" s="261">
        <v>3</v>
      </c>
      <c r="CJ9" s="261">
        <v>6</v>
      </c>
      <c r="CK9" s="258">
        <v>24</v>
      </c>
      <c r="CL9" s="263">
        <v>24</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440</v>
      </c>
      <c r="H10" s="261">
        <v>1868</v>
      </c>
      <c r="I10" s="261">
        <v>1682</v>
      </c>
      <c r="J10" s="261">
        <v>1843</v>
      </c>
      <c r="K10" s="261">
        <v>1418</v>
      </c>
      <c r="L10" s="262">
        <v>8251</v>
      </c>
      <c r="M10" s="263">
        <v>8251</v>
      </c>
      <c r="N10" s="257">
        <v>0</v>
      </c>
      <c r="O10" s="261">
        <v>0</v>
      </c>
      <c r="P10" s="258">
        <v>0</v>
      </c>
      <c r="Q10" s="260">
        <v>0</v>
      </c>
      <c r="R10" s="261">
        <v>3</v>
      </c>
      <c r="S10" s="261">
        <v>25</v>
      </c>
      <c r="T10" s="261">
        <v>26</v>
      </c>
      <c r="U10" s="261">
        <v>84</v>
      </c>
      <c r="V10" s="261">
        <v>73</v>
      </c>
      <c r="W10" s="258">
        <v>211</v>
      </c>
      <c r="X10" s="263">
        <v>211</v>
      </c>
      <c r="Y10" s="257">
        <v>19</v>
      </c>
      <c r="Z10" s="261">
        <v>56</v>
      </c>
      <c r="AA10" s="258">
        <v>75</v>
      </c>
      <c r="AB10" s="260">
        <v>0</v>
      </c>
      <c r="AC10" s="261">
        <v>462</v>
      </c>
      <c r="AD10" s="261">
        <v>478</v>
      </c>
      <c r="AE10" s="261">
        <v>276</v>
      </c>
      <c r="AF10" s="261">
        <v>280</v>
      </c>
      <c r="AG10" s="261">
        <v>153</v>
      </c>
      <c r="AH10" s="258">
        <v>1649</v>
      </c>
      <c r="AI10" s="263">
        <v>1724</v>
      </c>
      <c r="AJ10" s="257">
        <v>0</v>
      </c>
      <c r="AK10" s="261">
        <v>0</v>
      </c>
      <c r="AL10" s="258">
        <v>0</v>
      </c>
      <c r="AM10" s="260">
        <v>0</v>
      </c>
      <c r="AN10" s="261">
        <v>77</v>
      </c>
      <c r="AO10" s="261">
        <v>73</v>
      </c>
      <c r="AP10" s="261">
        <v>157</v>
      </c>
      <c r="AQ10" s="261">
        <v>63</v>
      </c>
      <c r="AR10" s="261">
        <v>2</v>
      </c>
      <c r="AS10" s="258">
        <v>372</v>
      </c>
      <c r="AT10" s="263">
        <v>372</v>
      </c>
      <c r="AU10" s="257">
        <v>0</v>
      </c>
      <c r="AV10" s="261">
        <v>0</v>
      </c>
      <c r="AW10" s="258">
        <v>0</v>
      </c>
      <c r="AX10" s="260">
        <v>0</v>
      </c>
      <c r="AY10" s="261">
        <v>1226</v>
      </c>
      <c r="AZ10" s="261">
        <v>760</v>
      </c>
      <c r="BA10" s="261">
        <v>428</v>
      </c>
      <c r="BB10" s="261">
        <v>203</v>
      </c>
      <c r="BC10" s="261">
        <v>79</v>
      </c>
      <c r="BD10" s="262">
        <v>2696</v>
      </c>
      <c r="BE10" s="263">
        <v>2696</v>
      </c>
      <c r="BF10" s="257">
        <v>0</v>
      </c>
      <c r="BG10" s="261">
        <v>0</v>
      </c>
      <c r="BH10" s="258">
        <v>0</v>
      </c>
      <c r="BI10" s="260">
        <v>0</v>
      </c>
      <c r="BJ10" s="261">
        <v>169</v>
      </c>
      <c r="BK10" s="261">
        <v>176</v>
      </c>
      <c r="BL10" s="261">
        <v>139</v>
      </c>
      <c r="BM10" s="261">
        <v>31</v>
      </c>
      <c r="BN10" s="261">
        <v>4</v>
      </c>
      <c r="BO10" s="258">
        <v>519</v>
      </c>
      <c r="BP10" s="263">
        <v>519</v>
      </c>
      <c r="BQ10" s="257">
        <v>0</v>
      </c>
      <c r="BR10" s="261">
        <v>0</v>
      </c>
      <c r="BS10" s="258">
        <v>0</v>
      </c>
      <c r="BT10" s="260">
        <v>0</v>
      </c>
      <c r="BU10" s="261">
        <v>119</v>
      </c>
      <c r="BV10" s="261">
        <v>287</v>
      </c>
      <c r="BW10" s="261">
        <v>264</v>
      </c>
      <c r="BX10" s="261">
        <v>132</v>
      </c>
      <c r="BY10" s="261">
        <v>71</v>
      </c>
      <c r="BZ10" s="258">
        <v>873</v>
      </c>
      <c r="CA10" s="263">
        <v>873</v>
      </c>
      <c r="CB10" s="257">
        <v>0</v>
      </c>
      <c r="CC10" s="261">
        <v>0</v>
      </c>
      <c r="CD10" s="258">
        <v>0</v>
      </c>
      <c r="CE10" s="260">
        <v>0</v>
      </c>
      <c r="CF10" s="261">
        <v>5</v>
      </c>
      <c r="CG10" s="261">
        <v>17</v>
      </c>
      <c r="CH10" s="261">
        <v>25</v>
      </c>
      <c r="CI10" s="261">
        <v>24</v>
      </c>
      <c r="CJ10" s="261">
        <v>0</v>
      </c>
      <c r="CK10" s="258">
        <v>71</v>
      </c>
      <c r="CL10" s="263">
        <v>71</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225</v>
      </c>
      <c r="H11" s="261">
        <v>632</v>
      </c>
      <c r="I11" s="261">
        <v>998</v>
      </c>
      <c r="J11" s="261">
        <v>435</v>
      </c>
      <c r="K11" s="261">
        <v>712</v>
      </c>
      <c r="L11" s="262">
        <v>3002</v>
      </c>
      <c r="M11" s="263">
        <v>3002</v>
      </c>
      <c r="N11" s="257">
        <v>0</v>
      </c>
      <c r="O11" s="261">
        <v>0</v>
      </c>
      <c r="P11" s="258">
        <v>0</v>
      </c>
      <c r="Q11" s="260">
        <v>0</v>
      </c>
      <c r="R11" s="261">
        <v>0</v>
      </c>
      <c r="S11" s="261">
        <v>1</v>
      </c>
      <c r="T11" s="261">
        <v>0</v>
      </c>
      <c r="U11" s="261">
        <v>0</v>
      </c>
      <c r="V11" s="261">
        <v>34</v>
      </c>
      <c r="W11" s="258">
        <v>35</v>
      </c>
      <c r="X11" s="263">
        <v>35</v>
      </c>
      <c r="Y11" s="257">
        <v>5</v>
      </c>
      <c r="Z11" s="261">
        <v>6</v>
      </c>
      <c r="AA11" s="258">
        <v>11</v>
      </c>
      <c r="AB11" s="260">
        <v>0</v>
      </c>
      <c r="AC11" s="261">
        <v>113</v>
      </c>
      <c r="AD11" s="261">
        <v>211</v>
      </c>
      <c r="AE11" s="261">
        <v>166</v>
      </c>
      <c r="AF11" s="261">
        <v>61</v>
      </c>
      <c r="AG11" s="261">
        <v>99</v>
      </c>
      <c r="AH11" s="258">
        <v>650</v>
      </c>
      <c r="AI11" s="263">
        <v>661</v>
      </c>
      <c r="AJ11" s="257">
        <v>0</v>
      </c>
      <c r="AK11" s="261">
        <v>24</v>
      </c>
      <c r="AL11" s="258">
        <v>24</v>
      </c>
      <c r="AM11" s="260">
        <v>0</v>
      </c>
      <c r="AN11" s="261">
        <v>23</v>
      </c>
      <c r="AO11" s="261">
        <v>64</v>
      </c>
      <c r="AP11" s="261">
        <v>52</v>
      </c>
      <c r="AQ11" s="261">
        <v>55</v>
      </c>
      <c r="AR11" s="261">
        <v>0</v>
      </c>
      <c r="AS11" s="258">
        <v>194</v>
      </c>
      <c r="AT11" s="263">
        <v>218</v>
      </c>
      <c r="AU11" s="257">
        <v>0</v>
      </c>
      <c r="AV11" s="261">
        <v>0</v>
      </c>
      <c r="AW11" s="258">
        <v>0</v>
      </c>
      <c r="AX11" s="260">
        <v>0</v>
      </c>
      <c r="AY11" s="261">
        <v>335</v>
      </c>
      <c r="AZ11" s="261">
        <v>282</v>
      </c>
      <c r="BA11" s="261">
        <v>282</v>
      </c>
      <c r="BB11" s="261">
        <v>88</v>
      </c>
      <c r="BC11" s="261">
        <v>75</v>
      </c>
      <c r="BD11" s="262">
        <v>1062</v>
      </c>
      <c r="BE11" s="263">
        <v>1062</v>
      </c>
      <c r="BF11" s="257">
        <v>0</v>
      </c>
      <c r="BG11" s="261">
        <v>0</v>
      </c>
      <c r="BH11" s="258">
        <v>0</v>
      </c>
      <c r="BI11" s="260">
        <v>0</v>
      </c>
      <c r="BJ11" s="261">
        <v>61</v>
      </c>
      <c r="BK11" s="261">
        <v>62</v>
      </c>
      <c r="BL11" s="261">
        <v>39</v>
      </c>
      <c r="BM11" s="261">
        <v>17</v>
      </c>
      <c r="BN11" s="261">
        <v>23</v>
      </c>
      <c r="BO11" s="258">
        <v>202</v>
      </c>
      <c r="BP11" s="263">
        <v>202</v>
      </c>
      <c r="BQ11" s="257">
        <v>6</v>
      </c>
      <c r="BR11" s="261">
        <v>0</v>
      </c>
      <c r="BS11" s="258">
        <v>6</v>
      </c>
      <c r="BT11" s="260">
        <v>0</v>
      </c>
      <c r="BU11" s="261">
        <v>58</v>
      </c>
      <c r="BV11" s="261">
        <v>36</v>
      </c>
      <c r="BW11" s="261">
        <v>147</v>
      </c>
      <c r="BX11" s="261">
        <v>59</v>
      </c>
      <c r="BY11" s="261">
        <v>49</v>
      </c>
      <c r="BZ11" s="258">
        <v>349</v>
      </c>
      <c r="CA11" s="263">
        <v>355</v>
      </c>
      <c r="CB11" s="257">
        <v>0</v>
      </c>
      <c r="CC11" s="261">
        <v>0</v>
      </c>
      <c r="CD11" s="258">
        <v>0</v>
      </c>
      <c r="CE11" s="260">
        <v>0</v>
      </c>
      <c r="CF11" s="261">
        <v>0</v>
      </c>
      <c r="CG11" s="261">
        <v>0</v>
      </c>
      <c r="CH11" s="261">
        <v>4</v>
      </c>
      <c r="CI11" s="261">
        <v>0</v>
      </c>
      <c r="CJ11" s="261">
        <v>0</v>
      </c>
      <c r="CK11" s="258">
        <v>4</v>
      </c>
      <c r="CL11" s="263">
        <v>4</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617</v>
      </c>
      <c r="H12" s="261">
        <v>716</v>
      </c>
      <c r="I12" s="261">
        <v>1067</v>
      </c>
      <c r="J12" s="261">
        <v>1361</v>
      </c>
      <c r="K12" s="261">
        <v>1117</v>
      </c>
      <c r="L12" s="262">
        <v>4878</v>
      </c>
      <c r="M12" s="263">
        <v>4878</v>
      </c>
      <c r="N12" s="257">
        <v>0</v>
      </c>
      <c r="O12" s="261">
        <v>0</v>
      </c>
      <c r="P12" s="258">
        <v>0</v>
      </c>
      <c r="Q12" s="260">
        <v>0</v>
      </c>
      <c r="R12" s="261">
        <v>0</v>
      </c>
      <c r="S12" s="261">
        <v>0</v>
      </c>
      <c r="T12" s="261">
        <v>13</v>
      </c>
      <c r="U12" s="261">
        <v>17</v>
      </c>
      <c r="V12" s="261">
        <v>16</v>
      </c>
      <c r="W12" s="258">
        <v>46</v>
      </c>
      <c r="X12" s="263">
        <v>46</v>
      </c>
      <c r="Y12" s="257">
        <v>26</v>
      </c>
      <c r="Z12" s="261">
        <v>101</v>
      </c>
      <c r="AA12" s="258">
        <v>127</v>
      </c>
      <c r="AB12" s="260">
        <v>0</v>
      </c>
      <c r="AC12" s="261">
        <v>391</v>
      </c>
      <c r="AD12" s="261">
        <v>400</v>
      </c>
      <c r="AE12" s="261">
        <v>414</v>
      </c>
      <c r="AF12" s="261">
        <v>264</v>
      </c>
      <c r="AG12" s="261">
        <v>182</v>
      </c>
      <c r="AH12" s="258">
        <v>1651</v>
      </c>
      <c r="AI12" s="263">
        <v>1778</v>
      </c>
      <c r="AJ12" s="257">
        <v>8</v>
      </c>
      <c r="AK12" s="261">
        <v>0</v>
      </c>
      <c r="AL12" s="258">
        <v>8</v>
      </c>
      <c r="AM12" s="260">
        <v>0</v>
      </c>
      <c r="AN12" s="261">
        <v>21</v>
      </c>
      <c r="AO12" s="261">
        <v>74</v>
      </c>
      <c r="AP12" s="261">
        <v>23</v>
      </c>
      <c r="AQ12" s="261">
        <v>26</v>
      </c>
      <c r="AR12" s="261">
        <v>25</v>
      </c>
      <c r="AS12" s="258">
        <v>169</v>
      </c>
      <c r="AT12" s="263">
        <v>177</v>
      </c>
      <c r="AU12" s="257">
        <v>0</v>
      </c>
      <c r="AV12" s="261">
        <v>0</v>
      </c>
      <c r="AW12" s="258">
        <v>0</v>
      </c>
      <c r="AX12" s="260">
        <v>0</v>
      </c>
      <c r="AY12" s="261">
        <v>329</v>
      </c>
      <c r="AZ12" s="261">
        <v>358</v>
      </c>
      <c r="BA12" s="261">
        <v>267</v>
      </c>
      <c r="BB12" s="261">
        <v>119</v>
      </c>
      <c r="BC12" s="261">
        <v>14</v>
      </c>
      <c r="BD12" s="262">
        <v>1087</v>
      </c>
      <c r="BE12" s="263">
        <v>1087</v>
      </c>
      <c r="BF12" s="257">
        <v>0</v>
      </c>
      <c r="BG12" s="261">
        <v>0</v>
      </c>
      <c r="BH12" s="258">
        <v>0</v>
      </c>
      <c r="BI12" s="260">
        <v>0</v>
      </c>
      <c r="BJ12" s="261">
        <v>150</v>
      </c>
      <c r="BK12" s="261">
        <v>85</v>
      </c>
      <c r="BL12" s="261">
        <v>140</v>
      </c>
      <c r="BM12" s="261">
        <v>45</v>
      </c>
      <c r="BN12" s="261">
        <v>17</v>
      </c>
      <c r="BO12" s="258">
        <v>437</v>
      </c>
      <c r="BP12" s="263">
        <v>437</v>
      </c>
      <c r="BQ12" s="257">
        <v>0</v>
      </c>
      <c r="BR12" s="261">
        <v>0</v>
      </c>
      <c r="BS12" s="258">
        <v>0</v>
      </c>
      <c r="BT12" s="260">
        <v>0</v>
      </c>
      <c r="BU12" s="261">
        <v>55</v>
      </c>
      <c r="BV12" s="261">
        <v>55</v>
      </c>
      <c r="BW12" s="261">
        <v>78</v>
      </c>
      <c r="BX12" s="261">
        <v>158</v>
      </c>
      <c r="BY12" s="261">
        <v>23</v>
      </c>
      <c r="BZ12" s="258">
        <v>369</v>
      </c>
      <c r="CA12" s="263">
        <v>369</v>
      </c>
      <c r="CB12" s="257">
        <v>0</v>
      </c>
      <c r="CC12" s="261">
        <v>0</v>
      </c>
      <c r="CD12" s="258">
        <v>0</v>
      </c>
      <c r="CE12" s="260">
        <v>0</v>
      </c>
      <c r="CF12" s="261">
        <v>0</v>
      </c>
      <c r="CG12" s="261">
        <v>9</v>
      </c>
      <c r="CH12" s="261">
        <v>12</v>
      </c>
      <c r="CI12" s="261">
        <v>20</v>
      </c>
      <c r="CJ12" s="261">
        <v>3</v>
      </c>
      <c r="CK12" s="258">
        <v>44</v>
      </c>
      <c r="CL12" s="263">
        <v>44</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126</v>
      </c>
      <c r="H13" s="261">
        <v>1216</v>
      </c>
      <c r="I13" s="261">
        <v>728</v>
      </c>
      <c r="J13" s="261">
        <v>1673</v>
      </c>
      <c r="K13" s="261">
        <v>1245</v>
      </c>
      <c r="L13" s="262">
        <v>5988</v>
      </c>
      <c r="M13" s="263">
        <v>5988</v>
      </c>
      <c r="N13" s="257">
        <v>0</v>
      </c>
      <c r="O13" s="261">
        <v>0</v>
      </c>
      <c r="P13" s="258">
        <v>0</v>
      </c>
      <c r="Q13" s="260">
        <v>0</v>
      </c>
      <c r="R13" s="261">
        <v>1</v>
      </c>
      <c r="S13" s="261">
        <v>4</v>
      </c>
      <c r="T13" s="261">
        <v>17</v>
      </c>
      <c r="U13" s="261">
        <v>28</v>
      </c>
      <c r="V13" s="261">
        <v>54</v>
      </c>
      <c r="W13" s="258">
        <v>104</v>
      </c>
      <c r="X13" s="263">
        <v>104</v>
      </c>
      <c r="Y13" s="257">
        <v>52</v>
      </c>
      <c r="Z13" s="261">
        <v>120</v>
      </c>
      <c r="AA13" s="258">
        <v>172</v>
      </c>
      <c r="AB13" s="260">
        <v>0</v>
      </c>
      <c r="AC13" s="261">
        <v>650</v>
      </c>
      <c r="AD13" s="261">
        <v>364</v>
      </c>
      <c r="AE13" s="261">
        <v>241</v>
      </c>
      <c r="AF13" s="261">
        <v>262</v>
      </c>
      <c r="AG13" s="261">
        <v>145</v>
      </c>
      <c r="AH13" s="258">
        <v>1662</v>
      </c>
      <c r="AI13" s="263">
        <v>1834</v>
      </c>
      <c r="AJ13" s="257">
        <v>10</v>
      </c>
      <c r="AK13" s="261">
        <v>32</v>
      </c>
      <c r="AL13" s="258">
        <v>42</v>
      </c>
      <c r="AM13" s="260">
        <v>0</v>
      </c>
      <c r="AN13" s="261">
        <v>77</v>
      </c>
      <c r="AO13" s="261">
        <v>86</v>
      </c>
      <c r="AP13" s="261">
        <v>31</v>
      </c>
      <c r="AQ13" s="261">
        <v>33</v>
      </c>
      <c r="AR13" s="261">
        <v>61</v>
      </c>
      <c r="AS13" s="258">
        <v>288</v>
      </c>
      <c r="AT13" s="263">
        <v>330</v>
      </c>
      <c r="AU13" s="257">
        <v>0</v>
      </c>
      <c r="AV13" s="261">
        <v>0</v>
      </c>
      <c r="AW13" s="258">
        <v>0</v>
      </c>
      <c r="AX13" s="260">
        <v>0</v>
      </c>
      <c r="AY13" s="261">
        <v>1012</v>
      </c>
      <c r="AZ13" s="261">
        <v>655</v>
      </c>
      <c r="BA13" s="261">
        <v>331</v>
      </c>
      <c r="BB13" s="261">
        <v>226</v>
      </c>
      <c r="BC13" s="261">
        <v>79</v>
      </c>
      <c r="BD13" s="262">
        <v>2303</v>
      </c>
      <c r="BE13" s="263">
        <v>2303</v>
      </c>
      <c r="BF13" s="257">
        <v>0</v>
      </c>
      <c r="BG13" s="261">
        <v>0</v>
      </c>
      <c r="BH13" s="258">
        <v>0</v>
      </c>
      <c r="BI13" s="260">
        <v>0</v>
      </c>
      <c r="BJ13" s="261">
        <v>167</v>
      </c>
      <c r="BK13" s="261">
        <v>67</v>
      </c>
      <c r="BL13" s="261">
        <v>41</v>
      </c>
      <c r="BM13" s="261">
        <v>38</v>
      </c>
      <c r="BN13" s="261">
        <v>22</v>
      </c>
      <c r="BO13" s="258">
        <v>335</v>
      </c>
      <c r="BP13" s="263">
        <v>335</v>
      </c>
      <c r="BQ13" s="257">
        <v>3</v>
      </c>
      <c r="BR13" s="261">
        <v>0</v>
      </c>
      <c r="BS13" s="258">
        <v>3</v>
      </c>
      <c r="BT13" s="260">
        <v>0</v>
      </c>
      <c r="BU13" s="261">
        <v>81</v>
      </c>
      <c r="BV13" s="261">
        <v>127</v>
      </c>
      <c r="BW13" s="261">
        <v>102</v>
      </c>
      <c r="BX13" s="261">
        <v>149</v>
      </c>
      <c r="BY13" s="261">
        <v>16</v>
      </c>
      <c r="BZ13" s="258">
        <v>475</v>
      </c>
      <c r="CA13" s="263">
        <v>478</v>
      </c>
      <c r="CB13" s="257">
        <v>5</v>
      </c>
      <c r="CC13" s="261">
        <v>0</v>
      </c>
      <c r="CD13" s="258">
        <v>5</v>
      </c>
      <c r="CE13" s="260">
        <v>0</v>
      </c>
      <c r="CF13" s="261">
        <v>11</v>
      </c>
      <c r="CG13" s="261">
        <v>14</v>
      </c>
      <c r="CH13" s="261">
        <v>38</v>
      </c>
      <c r="CI13" s="261">
        <v>22</v>
      </c>
      <c r="CJ13" s="261">
        <v>9</v>
      </c>
      <c r="CK13" s="258">
        <v>94</v>
      </c>
      <c r="CL13" s="263">
        <v>99</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83</v>
      </c>
      <c r="H14" s="261">
        <v>143</v>
      </c>
      <c r="I14" s="261">
        <v>448</v>
      </c>
      <c r="J14" s="261">
        <v>615</v>
      </c>
      <c r="K14" s="261">
        <v>382</v>
      </c>
      <c r="L14" s="262">
        <v>1671</v>
      </c>
      <c r="M14" s="263">
        <v>1671</v>
      </c>
      <c r="N14" s="257">
        <v>0</v>
      </c>
      <c r="O14" s="261">
        <v>0</v>
      </c>
      <c r="P14" s="258">
        <v>0</v>
      </c>
      <c r="Q14" s="260">
        <v>0</v>
      </c>
      <c r="R14" s="261">
        <v>0</v>
      </c>
      <c r="S14" s="261">
        <v>13</v>
      </c>
      <c r="T14" s="261">
        <v>2</v>
      </c>
      <c r="U14" s="261">
        <v>13</v>
      </c>
      <c r="V14" s="261">
        <v>15</v>
      </c>
      <c r="W14" s="258">
        <v>43</v>
      </c>
      <c r="X14" s="263">
        <v>43</v>
      </c>
      <c r="Y14" s="257">
        <v>22</v>
      </c>
      <c r="Z14" s="261">
        <v>29</v>
      </c>
      <c r="AA14" s="258">
        <v>51</v>
      </c>
      <c r="AB14" s="260">
        <v>0</v>
      </c>
      <c r="AC14" s="261">
        <v>191</v>
      </c>
      <c r="AD14" s="261">
        <v>187</v>
      </c>
      <c r="AE14" s="261">
        <v>132</v>
      </c>
      <c r="AF14" s="261">
        <v>166</v>
      </c>
      <c r="AG14" s="261">
        <v>36</v>
      </c>
      <c r="AH14" s="258">
        <v>712</v>
      </c>
      <c r="AI14" s="263">
        <v>763</v>
      </c>
      <c r="AJ14" s="257">
        <v>0</v>
      </c>
      <c r="AK14" s="261">
        <v>20</v>
      </c>
      <c r="AL14" s="258">
        <v>20</v>
      </c>
      <c r="AM14" s="260">
        <v>0</v>
      </c>
      <c r="AN14" s="261">
        <v>24</v>
      </c>
      <c r="AO14" s="261">
        <v>16</v>
      </c>
      <c r="AP14" s="261">
        <v>21</v>
      </c>
      <c r="AQ14" s="261">
        <v>43</v>
      </c>
      <c r="AR14" s="261">
        <v>16</v>
      </c>
      <c r="AS14" s="258">
        <v>120</v>
      </c>
      <c r="AT14" s="263">
        <v>140</v>
      </c>
      <c r="AU14" s="257">
        <v>0</v>
      </c>
      <c r="AV14" s="261">
        <v>0</v>
      </c>
      <c r="AW14" s="258">
        <v>0</v>
      </c>
      <c r="AX14" s="260">
        <v>0</v>
      </c>
      <c r="AY14" s="261">
        <v>318</v>
      </c>
      <c r="AZ14" s="261">
        <v>224</v>
      </c>
      <c r="BA14" s="261">
        <v>180</v>
      </c>
      <c r="BB14" s="261">
        <v>135</v>
      </c>
      <c r="BC14" s="261">
        <v>34</v>
      </c>
      <c r="BD14" s="262">
        <v>891</v>
      </c>
      <c r="BE14" s="263">
        <v>891</v>
      </c>
      <c r="BF14" s="257">
        <v>0</v>
      </c>
      <c r="BG14" s="261">
        <v>0</v>
      </c>
      <c r="BH14" s="258">
        <v>0</v>
      </c>
      <c r="BI14" s="260">
        <v>0</v>
      </c>
      <c r="BJ14" s="261">
        <v>130</v>
      </c>
      <c r="BK14" s="261">
        <v>91</v>
      </c>
      <c r="BL14" s="261">
        <v>45</v>
      </c>
      <c r="BM14" s="261">
        <v>95</v>
      </c>
      <c r="BN14" s="261">
        <v>4</v>
      </c>
      <c r="BO14" s="258">
        <v>365</v>
      </c>
      <c r="BP14" s="263">
        <v>365</v>
      </c>
      <c r="BQ14" s="257">
        <v>0</v>
      </c>
      <c r="BR14" s="261">
        <v>2</v>
      </c>
      <c r="BS14" s="258">
        <v>2</v>
      </c>
      <c r="BT14" s="260">
        <v>0</v>
      </c>
      <c r="BU14" s="261">
        <v>49</v>
      </c>
      <c r="BV14" s="261">
        <v>60</v>
      </c>
      <c r="BW14" s="261">
        <v>80</v>
      </c>
      <c r="BX14" s="261">
        <v>13</v>
      </c>
      <c r="BY14" s="261">
        <v>0</v>
      </c>
      <c r="BZ14" s="258">
        <v>202</v>
      </c>
      <c r="CA14" s="263">
        <v>204</v>
      </c>
      <c r="CB14" s="257">
        <v>0</v>
      </c>
      <c r="CC14" s="261">
        <v>0</v>
      </c>
      <c r="CD14" s="258">
        <v>0</v>
      </c>
      <c r="CE14" s="260">
        <v>0</v>
      </c>
      <c r="CF14" s="261">
        <v>0</v>
      </c>
      <c r="CG14" s="261">
        <v>10</v>
      </c>
      <c r="CH14" s="261">
        <v>0</v>
      </c>
      <c r="CI14" s="261">
        <v>4</v>
      </c>
      <c r="CJ14" s="261">
        <v>0</v>
      </c>
      <c r="CK14" s="258">
        <v>14</v>
      </c>
      <c r="CL14" s="263">
        <v>14</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434</v>
      </c>
      <c r="H15" s="261">
        <v>632</v>
      </c>
      <c r="I15" s="261">
        <v>668</v>
      </c>
      <c r="J15" s="261">
        <v>1225</v>
      </c>
      <c r="K15" s="261">
        <v>348</v>
      </c>
      <c r="L15" s="262">
        <v>3307</v>
      </c>
      <c r="M15" s="263">
        <v>3307</v>
      </c>
      <c r="N15" s="257">
        <v>0</v>
      </c>
      <c r="O15" s="261">
        <v>0</v>
      </c>
      <c r="P15" s="258">
        <v>0</v>
      </c>
      <c r="Q15" s="260">
        <v>0</v>
      </c>
      <c r="R15" s="261">
        <v>0</v>
      </c>
      <c r="S15" s="261">
        <v>4</v>
      </c>
      <c r="T15" s="261">
        <v>5</v>
      </c>
      <c r="U15" s="261">
        <v>29</v>
      </c>
      <c r="V15" s="261">
        <v>12</v>
      </c>
      <c r="W15" s="258">
        <v>50</v>
      </c>
      <c r="X15" s="263">
        <v>50</v>
      </c>
      <c r="Y15" s="257">
        <v>60</v>
      </c>
      <c r="Z15" s="261">
        <v>126</v>
      </c>
      <c r="AA15" s="258">
        <v>186</v>
      </c>
      <c r="AB15" s="260">
        <v>0</v>
      </c>
      <c r="AC15" s="261">
        <v>98</v>
      </c>
      <c r="AD15" s="261">
        <v>256</v>
      </c>
      <c r="AE15" s="261">
        <v>133</v>
      </c>
      <c r="AF15" s="261">
        <v>120</v>
      </c>
      <c r="AG15" s="261">
        <v>63</v>
      </c>
      <c r="AH15" s="258">
        <v>670</v>
      </c>
      <c r="AI15" s="263">
        <v>856</v>
      </c>
      <c r="AJ15" s="257">
        <v>0</v>
      </c>
      <c r="AK15" s="261">
        <v>14</v>
      </c>
      <c r="AL15" s="258">
        <v>14</v>
      </c>
      <c r="AM15" s="260">
        <v>0</v>
      </c>
      <c r="AN15" s="261">
        <v>0</v>
      </c>
      <c r="AO15" s="261">
        <v>75</v>
      </c>
      <c r="AP15" s="261">
        <v>18</v>
      </c>
      <c r="AQ15" s="261">
        <v>2</v>
      </c>
      <c r="AR15" s="261">
        <v>0</v>
      </c>
      <c r="AS15" s="258">
        <v>95</v>
      </c>
      <c r="AT15" s="263">
        <v>109</v>
      </c>
      <c r="AU15" s="257">
        <v>0</v>
      </c>
      <c r="AV15" s="261">
        <v>0</v>
      </c>
      <c r="AW15" s="258">
        <v>0</v>
      </c>
      <c r="AX15" s="260">
        <v>0</v>
      </c>
      <c r="AY15" s="261">
        <v>402</v>
      </c>
      <c r="AZ15" s="261">
        <v>248</v>
      </c>
      <c r="BA15" s="261">
        <v>250</v>
      </c>
      <c r="BB15" s="261">
        <v>144</v>
      </c>
      <c r="BC15" s="261">
        <v>0</v>
      </c>
      <c r="BD15" s="262">
        <v>1044</v>
      </c>
      <c r="BE15" s="263">
        <v>1044</v>
      </c>
      <c r="BF15" s="257">
        <v>0</v>
      </c>
      <c r="BG15" s="261">
        <v>0</v>
      </c>
      <c r="BH15" s="258">
        <v>0</v>
      </c>
      <c r="BI15" s="260">
        <v>0</v>
      </c>
      <c r="BJ15" s="261">
        <v>66</v>
      </c>
      <c r="BK15" s="261">
        <v>107</v>
      </c>
      <c r="BL15" s="261">
        <v>91</v>
      </c>
      <c r="BM15" s="261">
        <v>30</v>
      </c>
      <c r="BN15" s="261">
        <v>8</v>
      </c>
      <c r="BO15" s="258">
        <v>302</v>
      </c>
      <c r="BP15" s="263">
        <v>302</v>
      </c>
      <c r="BQ15" s="257">
        <v>3</v>
      </c>
      <c r="BR15" s="261">
        <v>15</v>
      </c>
      <c r="BS15" s="258">
        <v>18</v>
      </c>
      <c r="BT15" s="260">
        <v>0</v>
      </c>
      <c r="BU15" s="261">
        <v>61</v>
      </c>
      <c r="BV15" s="261">
        <v>50</v>
      </c>
      <c r="BW15" s="261">
        <v>38</v>
      </c>
      <c r="BX15" s="261">
        <v>78</v>
      </c>
      <c r="BY15" s="261">
        <v>6</v>
      </c>
      <c r="BZ15" s="258">
        <v>233</v>
      </c>
      <c r="CA15" s="263">
        <v>251</v>
      </c>
      <c r="CB15" s="257">
        <v>0</v>
      </c>
      <c r="CC15" s="261">
        <v>0</v>
      </c>
      <c r="CD15" s="258">
        <v>0</v>
      </c>
      <c r="CE15" s="260">
        <v>0</v>
      </c>
      <c r="CF15" s="261">
        <v>0</v>
      </c>
      <c r="CG15" s="261">
        <v>0</v>
      </c>
      <c r="CH15" s="261">
        <v>6</v>
      </c>
      <c r="CI15" s="261">
        <v>0</v>
      </c>
      <c r="CJ15" s="261">
        <v>0</v>
      </c>
      <c r="CK15" s="258">
        <v>6</v>
      </c>
      <c r="CL15" s="263">
        <v>6</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168</v>
      </c>
      <c r="H16" s="261">
        <v>214</v>
      </c>
      <c r="I16" s="261">
        <v>405</v>
      </c>
      <c r="J16" s="261">
        <v>551</v>
      </c>
      <c r="K16" s="261">
        <v>311</v>
      </c>
      <c r="L16" s="262">
        <v>1649</v>
      </c>
      <c r="M16" s="263">
        <v>1649</v>
      </c>
      <c r="N16" s="257">
        <v>0</v>
      </c>
      <c r="O16" s="261">
        <v>0</v>
      </c>
      <c r="P16" s="258">
        <v>0</v>
      </c>
      <c r="Q16" s="260">
        <v>0</v>
      </c>
      <c r="R16" s="261">
        <v>0</v>
      </c>
      <c r="S16" s="261">
        <v>3</v>
      </c>
      <c r="T16" s="261">
        <v>0</v>
      </c>
      <c r="U16" s="261">
        <v>13</v>
      </c>
      <c r="V16" s="261">
        <v>34</v>
      </c>
      <c r="W16" s="258">
        <v>50</v>
      </c>
      <c r="X16" s="263">
        <v>50</v>
      </c>
      <c r="Y16" s="257">
        <v>8</v>
      </c>
      <c r="Z16" s="261">
        <v>13</v>
      </c>
      <c r="AA16" s="258">
        <v>21</v>
      </c>
      <c r="AB16" s="260">
        <v>0</v>
      </c>
      <c r="AC16" s="261">
        <v>50</v>
      </c>
      <c r="AD16" s="261">
        <v>128</v>
      </c>
      <c r="AE16" s="261">
        <v>91</v>
      </c>
      <c r="AF16" s="261">
        <v>95</v>
      </c>
      <c r="AG16" s="261">
        <v>86</v>
      </c>
      <c r="AH16" s="258">
        <v>450</v>
      </c>
      <c r="AI16" s="263">
        <v>471</v>
      </c>
      <c r="AJ16" s="257">
        <v>0</v>
      </c>
      <c r="AK16" s="261">
        <v>6</v>
      </c>
      <c r="AL16" s="258">
        <v>6</v>
      </c>
      <c r="AM16" s="260">
        <v>0</v>
      </c>
      <c r="AN16" s="261">
        <v>16</v>
      </c>
      <c r="AO16" s="261">
        <v>0</v>
      </c>
      <c r="AP16" s="261">
        <v>0</v>
      </c>
      <c r="AQ16" s="261">
        <v>8</v>
      </c>
      <c r="AR16" s="261">
        <v>6</v>
      </c>
      <c r="AS16" s="258">
        <v>30</v>
      </c>
      <c r="AT16" s="263">
        <v>36</v>
      </c>
      <c r="AU16" s="257">
        <v>0</v>
      </c>
      <c r="AV16" s="261">
        <v>0</v>
      </c>
      <c r="AW16" s="258">
        <v>0</v>
      </c>
      <c r="AX16" s="260">
        <v>0</v>
      </c>
      <c r="AY16" s="261">
        <v>96</v>
      </c>
      <c r="AZ16" s="261">
        <v>98</v>
      </c>
      <c r="BA16" s="261">
        <v>112</v>
      </c>
      <c r="BB16" s="261">
        <v>36</v>
      </c>
      <c r="BC16" s="261">
        <v>41</v>
      </c>
      <c r="BD16" s="262">
        <v>383</v>
      </c>
      <c r="BE16" s="263">
        <v>383</v>
      </c>
      <c r="BF16" s="257">
        <v>0</v>
      </c>
      <c r="BG16" s="261">
        <v>0</v>
      </c>
      <c r="BH16" s="258">
        <v>0</v>
      </c>
      <c r="BI16" s="260">
        <v>0</v>
      </c>
      <c r="BJ16" s="261">
        <v>10</v>
      </c>
      <c r="BK16" s="261">
        <v>20</v>
      </c>
      <c r="BL16" s="261">
        <v>11</v>
      </c>
      <c r="BM16" s="261">
        <v>25</v>
      </c>
      <c r="BN16" s="261">
        <v>20</v>
      </c>
      <c r="BO16" s="258">
        <v>86</v>
      </c>
      <c r="BP16" s="263">
        <v>86</v>
      </c>
      <c r="BQ16" s="257">
        <v>0</v>
      </c>
      <c r="BR16" s="261">
        <v>0</v>
      </c>
      <c r="BS16" s="258">
        <v>0</v>
      </c>
      <c r="BT16" s="260">
        <v>0</v>
      </c>
      <c r="BU16" s="261">
        <v>30</v>
      </c>
      <c r="BV16" s="261">
        <v>0</v>
      </c>
      <c r="BW16" s="261">
        <v>13</v>
      </c>
      <c r="BX16" s="261">
        <v>16</v>
      </c>
      <c r="BY16" s="261">
        <v>3</v>
      </c>
      <c r="BZ16" s="258">
        <v>62</v>
      </c>
      <c r="CA16" s="263">
        <v>62</v>
      </c>
      <c r="CB16" s="257">
        <v>0</v>
      </c>
      <c r="CC16" s="261">
        <v>0</v>
      </c>
      <c r="CD16" s="258">
        <v>0</v>
      </c>
      <c r="CE16" s="260">
        <v>0</v>
      </c>
      <c r="CF16" s="261">
        <v>0</v>
      </c>
      <c r="CG16" s="261">
        <v>4</v>
      </c>
      <c r="CH16" s="261">
        <v>0</v>
      </c>
      <c r="CI16" s="261">
        <v>0</v>
      </c>
      <c r="CJ16" s="261">
        <v>0</v>
      </c>
      <c r="CK16" s="258">
        <v>4</v>
      </c>
      <c r="CL16" s="263">
        <v>4</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72</v>
      </c>
      <c r="H17" s="261">
        <v>137</v>
      </c>
      <c r="I17" s="261">
        <v>162</v>
      </c>
      <c r="J17" s="261">
        <v>283</v>
      </c>
      <c r="K17" s="261">
        <v>106</v>
      </c>
      <c r="L17" s="262">
        <v>760</v>
      </c>
      <c r="M17" s="263">
        <v>760</v>
      </c>
      <c r="N17" s="257">
        <v>0</v>
      </c>
      <c r="O17" s="261">
        <v>0</v>
      </c>
      <c r="P17" s="258">
        <v>0</v>
      </c>
      <c r="Q17" s="260">
        <v>0</v>
      </c>
      <c r="R17" s="261">
        <v>0</v>
      </c>
      <c r="S17" s="261">
        <v>0</v>
      </c>
      <c r="T17" s="261">
        <v>0</v>
      </c>
      <c r="U17" s="261">
        <v>0</v>
      </c>
      <c r="V17" s="261">
        <v>0</v>
      </c>
      <c r="W17" s="258">
        <v>0</v>
      </c>
      <c r="X17" s="263">
        <v>0</v>
      </c>
      <c r="Y17" s="257">
        <v>0</v>
      </c>
      <c r="Z17" s="261">
        <v>9</v>
      </c>
      <c r="AA17" s="258">
        <v>9</v>
      </c>
      <c r="AB17" s="260">
        <v>0</v>
      </c>
      <c r="AC17" s="261">
        <v>34</v>
      </c>
      <c r="AD17" s="261">
        <v>44</v>
      </c>
      <c r="AE17" s="261">
        <v>37</v>
      </c>
      <c r="AF17" s="261">
        <v>20</v>
      </c>
      <c r="AG17" s="261">
        <v>17</v>
      </c>
      <c r="AH17" s="258">
        <v>152</v>
      </c>
      <c r="AI17" s="263">
        <v>161</v>
      </c>
      <c r="AJ17" s="257">
        <v>0</v>
      </c>
      <c r="AK17" s="261">
        <v>0</v>
      </c>
      <c r="AL17" s="258">
        <v>0</v>
      </c>
      <c r="AM17" s="260">
        <v>0</v>
      </c>
      <c r="AN17" s="261">
        <v>8</v>
      </c>
      <c r="AO17" s="261">
        <v>24</v>
      </c>
      <c r="AP17" s="261">
        <v>0</v>
      </c>
      <c r="AQ17" s="261">
        <v>0</v>
      </c>
      <c r="AR17" s="261">
        <v>12</v>
      </c>
      <c r="AS17" s="258">
        <v>44</v>
      </c>
      <c r="AT17" s="263">
        <v>44</v>
      </c>
      <c r="AU17" s="257">
        <v>0</v>
      </c>
      <c r="AV17" s="261">
        <v>0</v>
      </c>
      <c r="AW17" s="258">
        <v>0</v>
      </c>
      <c r="AX17" s="260">
        <v>0</v>
      </c>
      <c r="AY17" s="261">
        <v>48</v>
      </c>
      <c r="AZ17" s="261">
        <v>44</v>
      </c>
      <c r="BA17" s="261">
        <v>44</v>
      </c>
      <c r="BB17" s="261">
        <v>9</v>
      </c>
      <c r="BC17" s="261">
        <v>11</v>
      </c>
      <c r="BD17" s="262">
        <v>156</v>
      </c>
      <c r="BE17" s="263">
        <v>156</v>
      </c>
      <c r="BF17" s="257">
        <v>0</v>
      </c>
      <c r="BG17" s="261">
        <v>0</v>
      </c>
      <c r="BH17" s="258">
        <v>0</v>
      </c>
      <c r="BI17" s="260">
        <v>0</v>
      </c>
      <c r="BJ17" s="261">
        <v>7</v>
      </c>
      <c r="BK17" s="261">
        <v>28</v>
      </c>
      <c r="BL17" s="261">
        <v>42</v>
      </c>
      <c r="BM17" s="261">
        <v>9</v>
      </c>
      <c r="BN17" s="261">
        <v>0</v>
      </c>
      <c r="BO17" s="258">
        <v>86</v>
      </c>
      <c r="BP17" s="263">
        <v>86</v>
      </c>
      <c r="BQ17" s="257">
        <v>0</v>
      </c>
      <c r="BR17" s="261">
        <v>13</v>
      </c>
      <c r="BS17" s="258">
        <v>13</v>
      </c>
      <c r="BT17" s="260">
        <v>0</v>
      </c>
      <c r="BU17" s="261">
        <v>3</v>
      </c>
      <c r="BV17" s="261">
        <v>9</v>
      </c>
      <c r="BW17" s="261">
        <v>36</v>
      </c>
      <c r="BX17" s="261">
        <v>28</v>
      </c>
      <c r="BY17" s="261">
        <v>64</v>
      </c>
      <c r="BZ17" s="258">
        <v>140</v>
      </c>
      <c r="CA17" s="263">
        <v>153</v>
      </c>
      <c r="CB17" s="257">
        <v>0</v>
      </c>
      <c r="CC17" s="261">
        <v>0</v>
      </c>
      <c r="CD17" s="258">
        <v>0</v>
      </c>
      <c r="CE17" s="260">
        <v>0</v>
      </c>
      <c r="CF17" s="261">
        <v>0</v>
      </c>
      <c r="CG17" s="261">
        <v>0</v>
      </c>
      <c r="CH17" s="261">
        <v>7</v>
      </c>
      <c r="CI17" s="261">
        <v>0</v>
      </c>
      <c r="CJ17" s="261">
        <v>0</v>
      </c>
      <c r="CK17" s="258">
        <v>7</v>
      </c>
      <c r="CL17" s="263">
        <v>7</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150</v>
      </c>
      <c r="H18" s="261">
        <v>66</v>
      </c>
      <c r="I18" s="261">
        <v>133</v>
      </c>
      <c r="J18" s="261">
        <v>49</v>
      </c>
      <c r="K18" s="261">
        <v>85</v>
      </c>
      <c r="L18" s="262">
        <v>483</v>
      </c>
      <c r="M18" s="263">
        <v>483</v>
      </c>
      <c r="N18" s="257">
        <v>0</v>
      </c>
      <c r="O18" s="261">
        <v>0</v>
      </c>
      <c r="P18" s="258">
        <v>0</v>
      </c>
      <c r="Q18" s="260">
        <v>0</v>
      </c>
      <c r="R18" s="261">
        <v>0</v>
      </c>
      <c r="S18" s="261">
        <v>0</v>
      </c>
      <c r="T18" s="261">
        <v>5</v>
      </c>
      <c r="U18" s="261">
        <v>6</v>
      </c>
      <c r="V18" s="261">
        <v>17</v>
      </c>
      <c r="W18" s="258">
        <v>28</v>
      </c>
      <c r="X18" s="263">
        <v>28</v>
      </c>
      <c r="Y18" s="257">
        <v>6</v>
      </c>
      <c r="Z18" s="261">
        <v>13</v>
      </c>
      <c r="AA18" s="258">
        <v>19</v>
      </c>
      <c r="AB18" s="260">
        <v>0</v>
      </c>
      <c r="AC18" s="261">
        <v>104</v>
      </c>
      <c r="AD18" s="261">
        <v>120</v>
      </c>
      <c r="AE18" s="261">
        <v>110</v>
      </c>
      <c r="AF18" s="261">
        <v>157</v>
      </c>
      <c r="AG18" s="261">
        <v>48</v>
      </c>
      <c r="AH18" s="258">
        <v>539</v>
      </c>
      <c r="AI18" s="263">
        <v>558</v>
      </c>
      <c r="AJ18" s="257">
        <v>0</v>
      </c>
      <c r="AK18" s="261">
        <v>16</v>
      </c>
      <c r="AL18" s="258">
        <v>16</v>
      </c>
      <c r="AM18" s="260">
        <v>0</v>
      </c>
      <c r="AN18" s="261">
        <v>0</v>
      </c>
      <c r="AO18" s="261">
        <v>33</v>
      </c>
      <c r="AP18" s="261">
        <v>27</v>
      </c>
      <c r="AQ18" s="261">
        <v>0</v>
      </c>
      <c r="AR18" s="261">
        <v>0</v>
      </c>
      <c r="AS18" s="258">
        <v>60</v>
      </c>
      <c r="AT18" s="263">
        <v>76</v>
      </c>
      <c r="AU18" s="257">
        <v>0</v>
      </c>
      <c r="AV18" s="261">
        <v>0</v>
      </c>
      <c r="AW18" s="258">
        <v>0</v>
      </c>
      <c r="AX18" s="260">
        <v>0</v>
      </c>
      <c r="AY18" s="261">
        <v>189</v>
      </c>
      <c r="AZ18" s="261">
        <v>259</v>
      </c>
      <c r="BA18" s="261">
        <v>60</v>
      </c>
      <c r="BB18" s="261">
        <v>73</v>
      </c>
      <c r="BC18" s="261">
        <v>10</v>
      </c>
      <c r="BD18" s="262">
        <v>591</v>
      </c>
      <c r="BE18" s="263">
        <v>591</v>
      </c>
      <c r="BF18" s="257">
        <v>0</v>
      </c>
      <c r="BG18" s="261">
        <v>0</v>
      </c>
      <c r="BH18" s="258">
        <v>0</v>
      </c>
      <c r="BI18" s="260">
        <v>0</v>
      </c>
      <c r="BJ18" s="261">
        <v>129</v>
      </c>
      <c r="BK18" s="261">
        <v>203</v>
      </c>
      <c r="BL18" s="261">
        <v>46</v>
      </c>
      <c r="BM18" s="261">
        <v>25</v>
      </c>
      <c r="BN18" s="261">
        <v>0</v>
      </c>
      <c r="BO18" s="258">
        <v>403</v>
      </c>
      <c r="BP18" s="263">
        <v>403</v>
      </c>
      <c r="BQ18" s="257">
        <v>0</v>
      </c>
      <c r="BR18" s="261">
        <v>0</v>
      </c>
      <c r="BS18" s="258">
        <v>0</v>
      </c>
      <c r="BT18" s="260">
        <v>0</v>
      </c>
      <c r="BU18" s="261">
        <v>4</v>
      </c>
      <c r="BV18" s="261">
        <v>15</v>
      </c>
      <c r="BW18" s="261">
        <v>23</v>
      </c>
      <c r="BX18" s="261">
        <v>29</v>
      </c>
      <c r="BY18" s="261">
        <v>0</v>
      </c>
      <c r="BZ18" s="258">
        <v>71</v>
      </c>
      <c r="CA18" s="263">
        <v>71</v>
      </c>
      <c r="CB18" s="257">
        <v>0</v>
      </c>
      <c r="CC18" s="261">
        <v>0</v>
      </c>
      <c r="CD18" s="258">
        <v>0</v>
      </c>
      <c r="CE18" s="260">
        <v>0</v>
      </c>
      <c r="CF18" s="261">
        <v>0</v>
      </c>
      <c r="CG18" s="261">
        <v>25</v>
      </c>
      <c r="CH18" s="261">
        <v>0</v>
      </c>
      <c r="CI18" s="261">
        <v>7</v>
      </c>
      <c r="CJ18" s="261">
        <v>11</v>
      </c>
      <c r="CK18" s="258">
        <v>43</v>
      </c>
      <c r="CL18" s="263">
        <v>43</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67</v>
      </c>
      <c r="H19" s="261">
        <v>274</v>
      </c>
      <c r="I19" s="261">
        <v>704</v>
      </c>
      <c r="J19" s="261">
        <v>149</v>
      </c>
      <c r="K19" s="261">
        <v>518</v>
      </c>
      <c r="L19" s="262">
        <v>1712</v>
      </c>
      <c r="M19" s="263">
        <v>1712</v>
      </c>
      <c r="N19" s="257">
        <v>0</v>
      </c>
      <c r="O19" s="261">
        <v>0</v>
      </c>
      <c r="P19" s="258">
        <v>0</v>
      </c>
      <c r="Q19" s="260">
        <v>0</v>
      </c>
      <c r="R19" s="261">
        <v>0</v>
      </c>
      <c r="S19" s="261">
        <v>0</v>
      </c>
      <c r="T19" s="261">
        <v>0</v>
      </c>
      <c r="U19" s="261">
        <v>8</v>
      </c>
      <c r="V19" s="261">
        <v>13</v>
      </c>
      <c r="W19" s="258">
        <v>21</v>
      </c>
      <c r="X19" s="263">
        <v>21</v>
      </c>
      <c r="Y19" s="257">
        <v>4</v>
      </c>
      <c r="Z19" s="261">
        <v>15</v>
      </c>
      <c r="AA19" s="258">
        <v>19</v>
      </c>
      <c r="AB19" s="260">
        <v>0</v>
      </c>
      <c r="AC19" s="261">
        <v>68</v>
      </c>
      <c r="AD19" s="261">
        <v>65</v>
      </c>
      <c r="AE19" s="261">
        <v>93</v>
      </c>
      <c r="AF19" s="261">
        <v>27</v>
      </c>
      <c r="AG19" s="261">
        <v>53</v>
      </c>
      <c r="AH19" s="258">
        <v>306</v>
      </c>
      <c r="AI19" s="263">
        <v>325</v>
      </c>
      <c r="AJ19" s="257">
        <v>0</v>
      </c>
      <c r="AK19" s="261">
        <v>24</v>
      </c>
      <c r="AL19" s="258">
        <v>24</v>
      </c>
      <c r="AM19" s="260">
        <v>0</v>
      </c>
      <c r="AN19" s="261">
        <v>0</v>
      </c>
      <c r="AO19" s="261">
        <v>4</v>
      </c>
      <c r="AP19" s="261">
        <v>24</v>
      </c>
      <c r="AQ19" s="261">
        <v>0</v>
      </c>
      <c r="AR19" s="261">
        <v>0</v>
      </c>
      <c r="AS19" s="258">
        <v>28</v>
      </c>
      <c r="AT19" s="263">
        <v>52</v>
      </c>
      <c r="AU19" s="257">
        <v>0</v>
      </c>
      <c r="AV19" s="261">
        <v>0</v>
      </c>
      <c r="AW19" s="258">
        <v>0</v>
      </c>
      <c r="AX19" s="260">
        <v>0</v>
      </c>
      <c r="AY19" s="261">
        <v>185</v>
      </c>
      <c r="AZ19" s="261">
        <v>254</v>
      </c>
      <c r="BA19" s="261">
        <v>78</v>
      </c>
      <c r="BB19" s="261">
        <v>58</v>
      </c>
      <c r="BC19" s="261">
        <v>30</v>
      </c>
      <c r="BD19" s="262">
        <v>605</v>
      </c>
      <c r="BE19" s="263">
        <v>605</v>
      </c>
      <c r="BF19" s="257">
        <v>0</v>
      </c>
      <c r="BG19" s="261">
        <v>0</v>
      </c>
      <c r="BH19" s="258">
        <v>0</v>
      </c>
      <c r="BI19" s="260">
        <v>0</v>
      </c>
      <c r="BJ19" s="261">
        <v>0</v>
      </c>
      <c r="BK19" s="261">
        <v>124</v>
      </c>
      <c r="BL19" s="261">
        <v>29</v>
      </c>
      <c r="BM19" s="261">
        <v>15</v>
      </c>
      <c r="BN19" s="261">
        <v>9</v>
      </c>
      <c r="BO19" s="258">
        <v>177</v>
      </c>
      <c r="BP19" s="263">
        <v>177</v>
      </c>
      <c r="BQ19" s="257">
        <v>0</v>
      </c>
      <c r="BR19" s="261">
        <v>0</v>
      </c>
      <c r="BS19" s="258">
        <v>0</v>
      </c>
      <c r="BT19" s="260">
        <v>0</v>
      </c>
      <c r="BU19" s="261">
        <v>21</v>
      </c>
      <c r="BV19" s="261">
        <v>71</v>
      </c>
      <c r="BW19" s="261">
        <v>63</v>
      </c>
      <c r="BX19" s="261">
        <v>87</v>
      </c>
      <c r="BY19" s="261">
        <v>28</v>
      </c>
      <c r="BZ19" s="258">
        <v>270</v>
      </c>
      <c r="CA19" s="263">
        <v>270</v>
      </c>
      <c r="CB19" s="257">
        <v>0</v>
      </c>
      <c r="CC19" s="261">
        <v>0</v>
      </c>
      <c r="CD19" s="258">
        <v>0</v>
      </c>
      <c r="CE19" s="260">
        <v>0</v>
      </c>
      <c r="CF19" s="261">
        <v>0</v>
      </c>
      <c r="CG19" s="261">
        <v>7</v>
      </c>
      <c r="CH19" s="261">
        <v>48</v>
      </c>
      <c r="CI19" s="261">
        <v>3</v>
      </c>
      <c r="CJ19" s="261">
        <v>0</v>
      </c>
      <c r="CK19" s="258">
        <v>58</v>
      </c>
      <c r="CL19" s="263">
        <v>58</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256</v>
      </c>
      <c r="H20" s="261">
        <v>305</v>
      </c>
      <c r="I20" s="261">
        <v>428</v>
      </c>
      <c r="J20" s="261">
        <v>306</v>
      </c>
      <c r="K20" s="261">
        <v>421</v>
      </c>
      <c r="L20" s="262">
        <v>1716</v>
      </c>
      <c r="M20" s="263">
        <v>1716</v>
      </c>
      <c r="N20" s="257">
        <v>0</v>
      </c>
      <c r="O20" s="261">
        <v>0</v>
      </c>
      <c r="P20" s="258">
        <v>0</v>
      </c>
      <c r="Q20" s="260">
        <v>0</v>
      </c>
      <c r="R20" s="261">
        <v>0</v>
      </c>
      <c r="S20" s="261">
        <v>0</v>
      </c>
      <c r="T20" s="261">
        <v>2</v>
      </c>
      <c r="U20" s="261">
        <v>9</v>
      </c>
      <c r="V20" s="261">
        <v>13</v>
      </c>
      <c r="W20" s="258">
        <v>24</v>
      </c>
      <c r="X20" s="263">
        <v>24</v>
      </c>
      <c r="Y20" s="257">
        <v>31</v>
      </c>
      <c r="Z20" s="261">
        <v>23</v>
      </c>
      <c r="AA20" s="258">
        <v>54</v>
      </c>
      <c r="AB20" s="260">
        <v>0</v>
      </c>
      <c r="AC20" s="261">
        <v>145</v>
      </c>
      <c r="AD20" s="261">
        <v>127</v>
      </c>
      <c r="AE20" s="261">
        <v>120</v>
      </c>
      <c r="AF20" s="261">
        <v>37</v>
      </c>
      <c r="AG20" s="261">
        <v>31</v>
      </c>
      <c r="AH20" s="258">
        <v>460</v>
      </c>
      <c r="AI20" s="263">
        <v>514</v>
      </c>
      <c r="AJ20" s="257">
        <v>0</v>
      </c>
      <c r="AK20" s="261">
        <v>16</v>
      </c>
      <c r="AL20" s="258">
        <v>16</v>
      </c>
      <c r="AM20" s="260">
        <v>0</v>
      </c>
      <c r="AN20" s="261">
        <v>12</v>
      </c>
      <c r="AO20" s="261">
        <v>75</v>
      </c>
      <c r="AP20" s="261">
        <v>0</v>
      </c>
      <c r="AQ20" s="261">
        <v>75</v>
      </c>
      <c r="AR20" s="261">
        <v>0</v>
      </c>
      <c r="AS20" s="258">
        <v>162</v>
      </c>
      <c r="AT20" s="263">
        <v>178</v>
      </c>
      <c r="AU20" s="257">
        <v>0</v>
      </c>
      <c r="AV20" s="261">
        <v>0</v>
      </c>
      <c r="AW20" s="258">
        <v>0</v>
      </c>
      <c r="AX20" s="260">
        <v>0</v>
      </c>
      <c r="AY20" s="261">
        <v>336</v>
      </c>
      <c r="AZ20" s="261">
        <v>334</v>
      </c>
      <c r="BA20" s="261">
        <v>362</v>
      </c>
      <c r="BB20" s="261">
        <v>122</v>
      </c>
      <c r="BC20" s="261">
        <v>31</v>
      </c>
      <c r="BD20" s="262">
        <v>1185</v>
      </c>
      <c r="BE20" s="263">
        <v>1185</v>
      </c>
      <c r="BF20" s="257">
        <v>0</v>
      </c>
      <c r="BG20" s="261">
        <v>0</v>
      </c>
      <c r="BH20" s="258">
        <v>0</v>
      </c>
      <c r="BI20" s="260">
        <v>0</v>
      </c>
      <c r="BJ20" s="261">
        <v>89</v>
      </c>
      <c r="BK20" s="261">
        <v>118</v>
      </c>
      <c r="BL20" s="261">
        <v>70</v>
      </c>
      <c r="BM20" s="261">
        <v>11</v>
      </c>
      <c r="BN20" s="261">
        <v>8</v>
      </c>
      <c r="BO20" s="258">
        <v>296</v>
      </c>
      <c r="BP20" s="263">
        <v>296</v>
      </c>
      <c r="BQ20" s="257">
        <v>0</v>
      </c>
      <c r="BR20" s="261">
        <v>0</v>
      </c>
      <c r="BS20" s="258">
        <v>0</v>
      </c>
      <c r="BT20" s="260">
        <v>0</v>
      </c>
      <c r="BU20" s="261">
        <v>0</v>
      </c>
      <c r="BV20" s="261">
        <v>37</v>
      </c>
      <c r="BW20" s="261">
        <v>192</v>
      </c>
      <c r="BX20" s="261">
        <v>64</v>
      </c>
      <c r="BY20" s="261">
        <v>34</v>
      </c>
      <c r="BZ20" s="258">
        <v>327</v>
      </c>
      <c r="CA20" s="263">
        <v>327</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107</v>
      </c>
      <c r="H21" s="261">
        <v>223</v>
      </c>
      <c r="I21" s="261">
        <v>87</v>
      </c>
      <c r="J21" s="261">
        <v>171</v>
      </c>
      <c r="K21" s="261">
        <v>205</v>
      </c>
      <c r="L21" s="262">
        <v>793</v>
      </c>
      <c r="M21" s="263">
        <v>793</v>
      </c>
      <c r="N21" s="257">
        <v>0</v>
      </c>
      <c r="O21" s="261">
        <v>0</v>
      </c>
      <c r="P21" s="258">
        <v>0</v>
      </c>
      <c r="Q21" s="260">
        <v>0</v>
      </c>
      <c r="R21" s="261">
        <v>0</v>
      </c>
      <c r="S21" s="261">
        <v>0</v>
      </c>
      <c r="T21" s="261">
        <v>20</v>
      </c>
      <c r="U21" s="261">
        <v>1</v>
      </c>
      <c r="V21" s="261">
        <v>9</v>
      </c>
      <c r="W21" s="258">
        <v>30</v>
      </c>
      <c r="X21" s="263">
        <v>30</v>
      </c>
      <c r="Y21" s="257">
        <v>15</v>
      </c>
      <c r="Z21" s="261">
        <v>0</v>
      </c>
      <c r="AA21" s="258">
        <v>15</v>
      </c>
      <c r="AB21" s="260">
        <v>0</v>
      </c>
      <c r="AC21" s="261">
        <v>56</v>
      </c>
      <c r="AD21" s="261">
        <v>72</v>
      </c>
      <c r="AE21" s="261">
        <v>62</v>
      </c>
      <c r="AF21" s="261">
        <v>45</v>
      </c>
      <c r="AG21" s="261">
        <v>53</v>
      </c>
      <c r="AH21" s="258">
        <v>288</v>
      </c>
      <c r="AI21" s="263">
        <v>303</v>
      </c>
      <c r="AJ21" s="257">
        <v>0</v>
      </c>
      <c r="AK21" s="261">
        <v>0</v>
      </c>
      <c r="AL21" s="258">
        <v>0</v>
      </c>
      <c r="AM21" s="260">
        <v>0</v>
      </c>
      <c r="AN21" s="261">
        <v>12</v>
      </c>
      <c r="AO21" s="261">
        <v>38</v>
      </c>
      <c r="AP21" s="261">
        <v>0</v>
      </c>
      <c r="AQ21" s="261">
        <v>8</v>
      </c>
      <c r="AR21" s="261">
        <v>0</v>
      </c>
      <c r="AS21" s="258">
        <v>58</v>
      </c>
      <c r="AT21" s="263">
        <v>58</v>
      </c>
      <c r="AU21" s="257">
        <v>0</v>
      </c>
      <c r="AV21" s="261">
        <v>0</v>
      </c>
      <c r="AW21" s="258">
        <v>0</v>
      </c>
      <c r="AX21" s="260">
        <v>0</v>
      </c>
      <c r="AY21" s="261">
        <v>200</v>
      </c>
      <c r="AZ21" s="261">
        <v>113</v>
      </c>
      <c r="BA21" s="261">
        <v>48</v>
      </c>
      <c r="BB21" s="261">
        <v>11</v>
      </c>
      <c r="BC21" s="261">
        <v>0</v>
      </c>
      <c r="BD21" s="262">
        <v>372</v>
      </c>
      <c r="BE21" s="263">
        <v>372</v>
      </c>
      <c r="BF21" s="257">
        <v>0</v>
      </c>
      <c r="BG21" s="261">
        <v>0</v>
      </c>
      <c r="BH21" s="258">
        <v>0</v>
      </c>
      <c r="BI21" s="260">
        <v>0</v>
      </c>
      <c r="BJ21" s="261">
        <v>86</v>
      </c>
      <c r="BK21" s="261">
        <v>58</v>
      </c>
      <c r="BL21" s="261">
        <v>20</v>
      </c>
      <c r="BM21" s="261">
        <v>12</v>
      </c>
      <c r="BN21" s="261">
        <v>0</v>
      </c>
      <c r="BO21" s="258">
        <v>176</v>
      </c>
      <c r="BP21" s="263">
        <v>176</v>
      </c>
      <c r="BQ21" s="257">
        <v>3</v>
      </c>
      <c r="BR21" s="261">
        <v>0</v>
      </c>
      <c r="BS21" s="258">
        <v>3</v>
      </c>
      <c r="BT21" s="260">
        <v>0</v>
      </c>
      <c r="BU21" s="261">
        <v>8</v>
      </c>
      <c r="BV21" s="261">
        <v>3</v>
      </c>
      <c r="BW21" s="261">
        <v>9</v>
      </c>
      <c r="BX21" s="261">
        <v>0</v>
      </c>
      <c r="BY21" s="261">
        <v>30</v>
      </c>
      <c r="BZ21" s="258">
        <v>50</v>
      </c>
      <c r="CA21" s="263">
        <v>53</v>
      </c>
      <c r="CB21" s="257">
        <v>0</v>
      </c>
      <c r="CC21" s="261">
        <v>0</v>
      </c>
      <c r="CD21" s="258">
        <v>0</v>
      </c>
      <c r="CE21" s="260">
        <v>0</v>
      </c>
      <c r="CF21" s="261">
        <v>6</v>
      </c>
      <c r="CG21" s="261">
        <v>0</v>
      </c>
      <c r="CH21" s="261">
        <v>0</v>
      </c>
      <c r="CI21" s="261">
        <v>12</v>
      </c>
      <c r="CJ21" s="261">
        <v>5</v>
      </c>
      <c r="CK21" s="258">
        <v>23</v>
      </c>
      <c r="CL21" s="263">
        <v>23</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272</v>
      </c>
      <c r="H22" s="261">
        <v>381</v>
      </c>
      <c r="I22" s="261">
        <v>254</v>
      </c>
      <c r="J22" s="261">
        <v>105</v>
      </c>
      <c r="K22" s="261">
        <v>214</v>
      </c>
      <c r="L22" s="262">
        <v>1226</v>
      </c>
      <c r="M22" s="263">
        <v>1226</v>
      </c>
      <c r="N22" s="257">
        <v>0</v>
      </c>
      <c r="O22" s="261">
        <v>0</v>
      </c>
      <c r="P22" s="258">
        <v>0</v>
      </c>
      <c r="Q22" s="260">
        <v>0</v>
      </c>
      <c r="R22" s="261">
        <v>0</v>
      </c>
      <c r="S22" s="261">
        <v>0</v>
      </c>
      <c r="T22" s="261">
        <v>18</v>
      </c>
      <c r="U22" s="261">
        <v>3</v>
      </c>
      <c r="V22" s="261">
        <v>25</v>
      </c>
      <c r="W22" s="258">
        <v>46</v>
      </c>
      <c r="X22" s="263">
        <v>46</v>
      </c>
      <c r="Y22" s="257">
        <v>33</v>
      </c>
      <c r="Z22" s="261">
        <v>16</v>
      </c>
      <c r="AA22" s="258">
        <v>49</v>
      </c>
      <c r="AB22" s="260">
        <v>0</v>
      </c>
      <c r="AC22" s="261">
        <v>221</v>
      </c>
      <c r="AD22" s="261">
        <v>210</v>
      </c>
      <c r="AE22" s="261">
        <v>78</v>
      </c>
      <c r="AF22" s="261">
        <v>62</v>
      </c>
      <c r="AG22" s="261">
        <v>127</v>
      </c>
      <c r="AH22" s="258">
        <v>698</v>
      </c>
      <c r="AI22" s="263">
        <v>747</v>
      </c>
      <c r="AJ22" s="257">
        <v>8</v>
      </c>
      <c r="AK22" s="261">
        <v>22</v>
      </c>
      <c r="AL22" s="258">
        <v>30</v>
      </c>
      <c r="AM22" s="260">
        <v>0</v>
      </c>
      <c r="AN22" s="261">
        <v>53</v>
      </c>
      <c r="AO22" s="261">
        <v>88</v>
      </c>
      <c r="AP22" s="261">
        <v>48</v>
      </c>
      <c r="AQ22" s="261">
        <v>59</v>
      </c>
      <c r="AR22" s="261">
        <v>0</v>
      </c>
      <c r="AS22" s="258">
        <v>248</v>
      </c>
      <c r="AT22" s="263">
        <v>278</v>
      </c>
      <c r="AU22" s="257">
        <v>0</v>
      </c>
      <c r="AV22" s="261">
        <v>0</v>
      </c>
      <c r="AW22" s="258">
        <v>0</v>
      </c>
      <c r="AX22" s="260">
        <v>0</v>
      </c>
      <c r="AY22" s="261">
        <v>198</v>
      </c>
      <c r="AZ22" s="261">
        <v>202</v>
      </c>
      <c r="BA22" s="261">
        <v>105</v>
      </c>
      <c r="BB22" s="261">
        <v>79</v>
      </c>
      <c r="BC22" s="261">
        <v>26</v>
      </c>
      <c r="BD22" s="262">
        <v>610</v>
      </c>
      <c r="BE22" s="263">
        <v>610</v>
      </c>
      <c r="BF22" s="257">
        <v>0</v>
      </c>
      <c r="BG22" s="261">
        <v>0</v>
      </c>
      <c r="BH22" s="258">
        <v>0</v>
      </c>
      <c r="BI22" s="260">
        <v>0</v>
      </c>
      <c r="BJ22" s="261">
        <v>57</v>
      </c>
      <c r="BK22" s="261">
        <v>61</v>
      </c>
      <c r="BL22" s="261">
        <v>51</v>
      </c>
      <c r="BM22" s="261">
        <v>40</v>
      </c>
      <c r="BN22" s="261">
        <v>0</v>
      </c>
      <c r="BO22" s="258">
        <v>209</v>
      </c>
      <c r="BP22" s="263">
        <v>209</v>
      </c>
      <c r="BQ22" s="257">
        <v>0</v>
      </c>
      <c r="BR22" s="261">
        <v>0</v>
      </c>
      <c r="BS22" s="258">
        <v>0</v>
      </c>
      <c r="BT22" s="260">
        <v>0</v>
      </c>
      <c r="BU22" s="261">
        <v>14</v>
      </c>
      <c r="BV22" s="261">
        <v>11</v>
      </c>
      <c r="BW22" s="261">
        <v>14</v>
      </c>
      <c r="BX22" s="261">
        <v>133</v>
      </c>
      <c r="BY22" s="261">
        <v>12</v>
      </c>
      <c r="BZ22" s="258">
        <v>184</v>
      </c>
      <c r="CA22" s="263">
        <v>184</v>
      </c>
      <c r="CB22" s="257">
        <v>0</v>
      </c>
      <c r="CC22" s="261">
        <v>0</v>
      </c>
      <c r="CD22" s="258">
        <v>0</v>
      </c>
      <c r="CE22" s="260">
        <v>0</v>
      </c>
      <c r="CF22" s="261">
        <v>0</v>
      </c>
      <c r="CG22" s="261">
        <v>0</v>
      </c>
      <c r="CH22" s="261">
        <v>17</v>
      </c>
      <c r="CI22" s="261">
        <v>16</v>
      </c>
      <c r="CJ22" s="261">
        <v>0</v>
      </c>
      <c r="CK22" s="258">
        <v>33</v>
      </c>
      <c r="CL22" s="263">
        <v>33</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110</v>
      </c>
      <c r="H23" s="261">
        <v>145</v>
      </c>
      <c r="I23" s="261">
        <v>178</v>
      </c>
      <c r="J23" s="261">
        <v>219</v>
      </c>
      <c r="K23" s="261">
        <v>297</v>
      </c>
      <c r="L23" s="262">
        <v>949</v>
      </c>
      <c r="M23" s="263">
        <v>949</v>
      </c>
      <c r="N23" s="257">
        <v>0</v>
      </c>
      <c r="O23" s="261">
        <v>0</v>
      </c>
      <c r="P23" s="258">
        <v>0</v>
      </c>
      <c r="Q23" s="260">
        <v>0</v>
      </c>
      <c r="R23" s="261">
        <v>0</v>
      </c>
      <c r="S23" s="261">
        <v>0</v>
      </c>
      <c r="T23" s="261">
        <v>0</v>
      </c>
      <c r="U23" s="261">
        <v>1</v>
      </c>
      <c r="V23" s="261">
        <v>13</v>
      </c>
      <c r="W23" s="258">
        <v>14</v>
      </c>
      <c r="X23" s="263">
        <v>14</v>
      </c>
      <c r="Y23" s="257">
        <v>27</v>
      </c>
      <c r="Z23" s="261">
        <v>18</v>
      </c>
      <c r="AA23" s="258">
        <v>45</v>
      </c>
      <c r="AB23" s="260">
        <v>0</v>
      </c>
      <c r="AC23" s="261">
        <v>128</v>
      </c>
      <c r="AD23" s="261">
        <v>237</v>
      </c>
      <c r="AE23" s="261">
        <v>160</v>
      </c>
      <c r="AF23" s="261">
        <v>103</v>
      </c>
      <c r="AG23" s="261">
        <v>84</v>
      </c>
      <c r="AH23" s="258">
        <v>712</v>
      </c>
      <c r="AI23" s="263">
        <v>757</v>
      </c>
      <c r="AJ23" s="257">
        <v>0</v>
      </c>
      <c r="AK23" s="261">
        <v>0</v>
      </c>
      <c r="AL23" s="258">
        <v>0</v>
      </c>
      <c r="AM23" s="260">
        <v>0</v>
      </c>
      <c r="AN23" s="261">
        <v>18</v>
      </c>
      <c r="AO23" s="261">
        <v>20</v>
      </c>
      <c r="AP23" s="261">
        <v>24</v>
      </c>
      <c r="AQ23" s="261">
        <v>2</v>
      </c>
      <c r="AR23" s="261">
        <v>0</v>
      </c>
      <c r="AS23" s="258">
        <v>64</v>
      </c>
      <c r="AT23" s="263">
        <v>64</v>
      </c>
      <c r="AU23" s="257">
        <v>0</v>
      </c>
      <c r="AV23" s="261">
        <v>0</v>
      </c>
      <c r="AW23" s="258">
        <v>0</v>
      </c>
      <c r="AX23" s="260">
        <v>0</v>
      </c>
      <c r="AY23" s="261">
        <v>141</v>
      </c>
      <c r="AZ23" s="261">
        <v>168</v>
      </c>
      <c r="BA23" s="261">
        <v>99</v>
      </c>
      <c r="BB23" s="261">
        <v>34</v>
      </c>
      <c r="BC23" s="261">
        <v>31</v>
      </c>
      <c r="BD23" s="262">
        <v>473</v>
      </c>
      <c r="BE23" s="263">
        <v>473</v>
      </c>
      <c r="BF23" s="257">
        <v>0</v>
      </c>
      <c r="BG23" s="261">
        <v>0</v>
      </c>
      <c r="BH23" s="258">
        <v>0</v>
      </c>
      <c r="BI23" s="260">
        <v>0</v>
      </c>
      <c r="BJ23" s="261">
        <v>44</v>
      </c>
      <c r="BK23" s="261">
        <v>55</v>
      </c>
      <c r="BL23" s="261">
        <v>16</v>
      </c>
      <c r="BM23" s="261">
        <v>0</v>
      </c>
      <c r="BN23" s="261">
        <v>4</v>
      </c>
      <c r="BO23" s="258">
        <v>119</v>
      </c>
      <c r="BP23" s="263">
        <v>119</v>
      </c>
      <c r="BQ23" s="257">
        <v>0</v>
      </c>
      <c r="BR23" s="261">
        <v>0</v>
      </c>
      <c r="BS23" s="258">
        <v>0</v>
      </c>
      <c r="BT23" s="260">
        <v>0</v>
      </c>
      <c r="BU23" s="261">
        <v>4</v>
      </c>
      <c r="BV23" s="261">
        <v>20</v>
      </c>
      <c r="BW23" s="261">
        <v>68</v>
      </c>
      <c r="BX23" s="261">
        <v>46</v>
      </c>
      <c r="BY23" s="261">
        <v>9</v>
      </c>
      <c r="BZ23" s="258">
        <v>147</v>
      </c>
      <c r="CA23" s="263">
        <v>147</v>
      </c>
      <c r="CB23" s="257">
        <v>0</v>
      </c>
      <c r="CC23" s="261">
        <v>0</v>
      </c>
      <c r="CD23" s="258">
        <v>0</v>
      </c>
      <c r="CE23" s="260">
        <v>0</v>
      </c>
      <c r="CF23" s="261">
        <v>0</v>
      </c>
      <c r="CG23" s="261">
        <v>16</v>
      </c>
      <c r="CH23" s="261">
        <v>0</v>
      </c>
      <c r="CI23" s="261">
        <v>0</v>
      </c>
      <c r="CJ23" s="261">
        <v>0</v>
      </c>
      <c r="CK23" s="258">
        <v>16</v>
      </c>
      <c r="CL23" s="263">
        <v>16</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62</v>
      </c>
      <c r="H24" s="261">
        <v>89</v>
      </c>
      <c r="I24" s="261">
        <v>13</v>
      </c>
      <c r="J24" s="261">
        <v>190</v>
      </c>
      <c r="K24" s="261">
        <v>65</v>
      </c>
      <c r="L24" s="262">
        <v>419</v>
      </c>
      <c r="M24" s="263">
        <v>419</v>
      </c>
      <c r="N24" s="257">
        <v>0</v>
      </c>
      <c r="O24" s="261">
        <v>0</v>
      </c>
      <c r="P24" s="258">
        <v>0</v>
      </c>
      <c r="Q24" s="260">
        <v>0</v>
      </c>
      <c r="R24" s="261">
        <v>5</v>
      </c>
      <c r="S24" s="261">
        <v>0</v>
      </c>
      <c r="T24" s="261">
        <v>0</v>
      </c>
      <c r="U24" s="261">
        <v>18</v>
      </c>
      <c r="V24" s="261">
        <v>0</v>
      </c>
      <c r="W24" s="258">
        <v>23</v>
      </c>
      <c r="X24" s="263">
        <v>23</v>
      </c>
      <c r="Y24" s="257">
        <v>0</v>
      </c>
      <c r="Z24" s="261">
        <v>0</v>
      </c>
      <c r="AA24" s="258">
        <v>0</v>
      </c>
      <c r="AB24" s="260">
        <v>0</v>
      </c>
      <c r="AC24" s="261">
        <v>11</v>
      </c>
      <c r="AD24" s="261">
        <v>36</v>
      </c>
      <c r="AE24" s="261">
        <v>29</v>
      </c>
      <c r="AF24" s="261">
        <v>5</v>
      </c>
      <c r="AG24" s="261">
        <v>10</v>
      </c>
      <c r="AH24" s="258">
        <v>91</v>
      </c>
      <c r="AI24" s="263">
        <v>91</v>
      </c>
      <c r="AJ24" s="257">
        <v>0</v>
      </c>
      <c r="AK24" s="261">
        <v>0</v>
      </c>
      <c r="AL24" s="258">
        <v>0</v>
      </c>
      <c r="AM24" s="260">
        <v>0</v>
      </c>
      <c r="AN24" s="261">
        <v>45</v>
      </c>
      <c r="AO24" s="261">
        <v>27</v>
      </c>
      <c r="AP24" s="261">
        <v>0</v>
      </c>
      <c r="AQ24" s="261">
        <v>0</v>
      </c>
      <c r="AR24" s="261">
        <v>0</v>
      </c>
      <c r="AS24" s="258">
        <v>72</v>
      </c>
      <c r="AT24" s="263">
        <v>72</v>
      </c>
      <c r="AU24" s="257">
        <v>0</v>
      </c>
      <c r="AV24" s="261">
        <v>0</v>
      </c>
      <c r="AW24" s="258">
        <v>0</v>
      </c>
      <c r="AX24" s="260">
        <v>0</v>
      </c>
      <c r="AY24" s="261">
        <v>92</v>
      </c>
      <c r="AZ24" s="261">
        <v>16</v>
      </c>
      <c r="BA24" s="261">
        <v>25</v>
      </c>
      <c r="BB24" s="261">
        <v>14</v>
      </c>
      <c r="BC24" s="261">
        <v>16</v>
      </c>
      <c r="BD24" s="262">
        <v>163</v>
      </c>
      <c r="BE24" s="263">
        <v>163</v>
      </c>
      <c r="BF24" s="257">
        <v>0</v>
      </c>
      <c r="BG24" s="261">
        <v>0</v>
      </c>
      <c r="BH24" s="258">
        <v>0</v>
      </c>
      <c r="BI24" s="260">
        <v>0</v>
      </c>
      <c r="BJ24" s="261">
        <v>18</v>
      </c>
      <c r="BK24" s="261">
        <v>9</v>
      </c>
      <c r="BL24" s="261">
        <v>11</v>
      </c>
      <c r="BM24" s="261">
        <v>12</v>
      </c>
      <c r="BN24" s="261">
        <v>18</v>
      </c>
      <c r="BO24" s="258">
        <v>68</v>
      </c>
      <c r="BP24" s="263">
        <v>68</v>
      </c>
      <c r="BQ24" s="257">
        <v>0</v>
      </c>
      <c r="BR24" s="261">
        <v>0</v>
      </c>
      <c r="BS24" s="258">
        <v>0</v>
      </c>
      <c r="BT24" s="260">
        <v>0</v>
      </c>
      <c r="BU24" s="261">
        <v>9</v>
      </c>
      <c r="BV24" s="261">
        <v>0</v>
      </c>
      <c r="BW24" s="261">
        <v>3</v>
      </c>
      <c r="BX24" s="261">
        <v>77</v>
      </c>
      <c r="BY24" s="261">
        <v>14</v>
      </c>
      <c r="BZ24" s="258">
        <v>103</v>
      </c>
      <c r="CA24" s="263">
        <v>103</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29</v>
      </c>
      <c r="H25" s="261">
        <v>212</v>
      </c>
      <c r="I25" s="261">
        <v>178</v>
      </c>
      <c r="J25" s="261">
        <v>106</v>
      </c>
      <c r="K25" s="261">
        <v>171</v>
      </c>
      <c r="L25" s="262">
        <v>696</v>
      </c>
      <c r="M25" s="263">
        <v>696</v>
      </c>
      <c r="N25" s="257">
        <v>0</v>
      </c>
      <c r="O25" s="261">
        <v>0</v>
      </c>
      <c r="P25" s="258">
        <v>0</v>
      </c>
      <c r="Q25" s="260">
        <v>0</v>
      </c>
      <c r="R25" s="261">
        <v>0</v>
      </c>
      <c r="S25" s="261">
        <v>0</v>
      </c>
      <c r="T25" s="261">
        <v>0</v>
      </c>
      <c r="U25" s="261">
        <v>12</v>
      </c>
      <c r="V25" s="261">
        <v>0</v>
      </c>
      <c r="W25" s="258">
        <v>12</v>
      </c>
      <c r="X25" s="263">
        <v>12</v>
      </c>
      <c r="Y25" s="257">
        <v>16</v>
      </c>
      <c r="Z25" s="261">
        <v>30</v>
      </c>
      <c r="AA25" s="258">
        <v>46</v>
      </c>
      <c r="AB25" s="260">
        <v>0</v>
      </c>
      <c r="AC25" s="261">
        <v>49</v>
      </c>
      <c r="AD25" s="261">
        <v>158</v>
      </c>
      <c r="AE25" s="261">
        <v>38</v>
      </c>
      <c r="AF25" s="261">
        <v>36</v>
      </c>
      <c r="AG25" s="261">
        <v>57</v>
      </c>
      <c r="AH25" s="258">
        <v>338</v>
      </c>
      <c r="AI25" s="263">
        <v>384</v>
      </c>
      <c r="AJ25" s="257">
        <v>0</v>
      </c>
      <c r="AK25" s="261">
        <v>8</v>
      </c>
      <c r="AL25" s="258">
        <v>8</v>
      </c>
      <c r="AM25" s="260">
        <v>0</v>
      </c>
      <c r="AN25" s="261">
        <v>0</v>
      </c>
      <c r="AO25" s="261">
        <v>0</v>
      </c>
      <c r="AP25" s="261">
        <v>0</v>
      </c>
      <c r="AQ25" s="261">
        <v>0</v>
      </c>
      <c r="AR25" s="261">
        <v>0</v>
      </c>
      <c r="AS25" s="258">
        <v>0</v>
      </c>
      <c r="AT25" s="263">
        <v>8</v>
      </c>
      <c r="AU25" s="257">
        <v>0</v>
      </c>
      <c r="AV25" s="261">
        <v>0</v>
      </c>
      <c r="AW25" s="258">
        <v>0</v>
      </c>
      <c r="AX25" s="260">
        <v>0</v>
      </c>
      <c r="AY25" s="261">
        <v>124</v>
      </c>
      <c r="AZ25" s="261">
        <v>122</v>
      </c>
      <c r="BA25" s="261">
        <v>56</v>
      </c>
      <c r="BB25" s="261">
        <v>51</v>
      </c>
      <c r="BC25" s="261">
        <v>22</v>
      </c>
      <c r="BD25" s="262">
        <v>375</v>
      </c>
      <c r="BE25" s="263">
        <v>375</v>
      </c>
      <c r="BF25" s="257">
        <v>0</v>
      </c>
      <c r="BG25" s="261">
        <v>0</v>
      </c>
      <c r="BH25" s="258">
        <v>0</v>
      </c>
      <c r="BI25" s="260">
        <v>0</v>
      </c>
      <c r="BJ25" s="261">
        <v>24</v>
      </c>
      <c r="BK25" s="261">
        <v>18</v>
      </c>
      <c r="BL25" s="261">
        <v>21</v>
      </c>
      <c r="BM25" s="261">
        <v>11</v>
      </c>
      <c r="BN25" s="261">
        <v>4</v>
      </c>
      <c r="BO25" s="258">
        <v>78</v>
      </c>
      <c r="BP25" s="263">
        <v>78</v>
      </c>
      <c r="BQ25" s="257">
        <v>0</v>
      </c>
      <c r="BR25" s="261">
        <v>0</v>
      </c>
      <c r="BS25" s="258">
        <v>0</v>
      </c>
      <c r="BT25" s="260">
        <v>0</v>
      </c>
      <c r="BU25" s="261">
        <v>22</v>
      </c>
      <c r="BV25" s="261">
        <v>30</v>
      </c>
      <c r="BW25" s="261">
        <v>46</v>
      </c>
      <c r="BX25" s="261">
        <v>45</v>
      </c>
      <c r="BY25" s="261">
        <v>16</v>
      </c>
      <c r="BZ25" s="258">
        <v>159</v>
      </c>
      <c r="CA25" s="263">
        <v>159</v>
      </c>
      <c r="CB25" s="257">
        <v>3</v>
      </c>
      <c r="CC25" s="261">
        <v>0</v>
      </c>
      <c r="CD25" s="258">
        <v>3</v>
      </c>
      <c r="CE25" s="260">
        <v>0</v>
      </c>
      <c r="CF25" s="261">
        <v>3</v>
      </c>
      <c r="CG25" s="261">
        <v>0</v>
      </c>
      <c r="CH25" s="261">
        <v>0</v>
      </c>
      <c r="CI25" s="261">
        <v>0</v>
      </c>
      <c r="CJ25" s="261">
        <v>0</v>
      </c>
      <c r="CK25" s="258">
        <v>3</v>
      </c>
      <c r="CL25" s="263">
        <v>6</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180</v>
      </c>
      <c r="H26" s="261">
        <v>84</v>
      </c>
      <c r="I26" s="261">
        <v>43</v>
      </c>
      <c r="J26" s="261">
        <v>7</v>
      </c>
      <c r="K26" s="261">
        <v>0</v>
      </c>
      <c r="L26" s="262">
        <v>314</v>
      </c>
      <c r="M26" s="263">
        <v>314</v>
      </c>
      <c r="N26" s="257">
        <v>0</v>
      </c>
      <c r="O26" s="261">
        <v>0</v>
      </c>
      <c r="P26" s="258">
        <v>0</v>
      </c>
      <c r="Q26" s="260">
        <v>0</v>
      </c>
      <c r="R26" s="261">
        <v>0</v>
      </c>
      <c r="S26" s="261">
        <v>2</v>
      </c>
      <c r="T26" s="261">
        <v>1</v>
      </c>
      <c r="U26" s="261">
        <v>4</v>
      </c>
      <c r="V26" s="261">
        <v>9</v>
      </c>
      <c r="W26" s="258">
        <v>16</v>
      </c>
      <c r="X26" s="263">
        <v>16</v>
      </c>
      <c r="Y26" s="257">
        <v>11</v>
      </c>
      <c r="Z26" s="261">
        <v>17</v>
      </c>
      <c r="AA26" s="258">
        <v>28</v>
      </c>
      <c r="AB26" s="260">
        <v>0</v>
      </c>
      <c r="AC26" s="261">
        <v>56</v>
      </c>
      <c r="AD26" s="261">
        <v>70</v>
      </c>
      <c r="AE26" s="261">
        <v>26</v>
      </c>
      <c r="AF26" s="261">
        <v>12</v>
      </c>
      <c r="AG26" s="261">
        <v>8</v>
      </c>
      <c r="AH26" s="258">
        <v>172</v>
      </c>
      <c r="AI26" s="263">
        <v>200</v>
      </c>
      <c r="AJ26" s="257">
        <v>0</v>
      </c>
      <c r="AK26" s="261">
        <v>0</v>
      </c>
      <c r="AL26" s="258">
        <v>0</v>
      </c>
      <c r="AM26" s="260">
        <v>0</v>
      </c>
      <c r="AN26" s="261">
        <v>11</v>
      </c>
      <c r="AO26" s="261">
        <v>28</v>
      </c>
      <c r="AP26" s="261">
        <v>8</v>
      </c>
      <c r="AQ26" s="261">
        <v>0</v>
      </c>
      <c r="AR26" s="261">
        <v>0</v>
      </c>
      <c r="AS26" s="258">
        <v>47</v>
      </c>
      <c r="AT26" s="263">
        <v>47</v>
      </c>
      <c r="AU26" s="257">
        <v>0</v>
      </c>
      <c r="AV26" s="261">
        <v>0</v>
      </c>
      <c r="AW26" s="258">
        <v>0</v>
      </c>
      <c r="AX26" s="260">
        <v>0</v>
      </c>
      <c r="AY26" s="261">
        <v>97</v>
      </c>
      <c r="AZ26" s="261">
        <v>92</v>
      </c>
      <c r="BA26" s="261">
        <v>39</v>
      </c>
      <c r="BB26" s="261">
        <v>4</v>
      </c>
      <c r="BC26" s="261">
        <v>0</v>
      </c>
      <c r="BD26" s="262">
        <v>232</v>
      </c>
      <c r="BE26" s="263">
        <v>232</v>
      </c>
      <c r="BF26" s="257">
        <v>0</v>
      </c>
      <c r="BG26" s="261">
        <v>0</v>
      </c>
      <c r="BH26" s="258">
        <v>0</v>
      </c>
      <c r="BI26" s="260">
        <v>0</v>
      </c>
      <c r="BJ26" s="261">
        <v>9</v>
      </c>
      <c r="BK26" s="261">
        <v>45</v>
      </c>
      <c r="BL26" s="261">
        <v>29</v>
      </c>
      <c r="BM26" s="261">
        <v>11</v>
      </c>
      <c r="BN26" s="261">
        <v>0</v>
      </c>
      <c r="BO26" s="258">
        <v>94</v>
      </c>
      <c r="BP26" s="263">
        <v>94</v>
      </c>
      <c r="BQ26" s="257">
        <v>0</v>
      </c>
      <c r="BR26" s="261">
        <v>0</v>
      </c>
      <c r="BS26" s="258">
        <v>0</v>
      </c>
      <c r="BT26" s="260">
        <v>0</v>
      </c>
      <c r="BU26" s="261">
        <v>0</v>
      </c>
      <c r="BV26" s="261">
        <v>24</v>
      </c>
      <c r="BW26" s="261">
        <v>6</v>
      </c>
      <c r="BX26" s="261">
        <v>5</v>
      </c>
      <c r="BY26" s="261">
        <v>0</v>
      </c>
      <c r="BZ26" s="258">
        <v>35</v>
      </c>
      <c r="CA26" s="263">
        <v>35</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54</v>
      </c>
      <c r="H27" s="261">
        <v>33</v>
      </c>
      <c r="I27" s="261">
        <v>59</v>
      </c>
      <c r="J27" s="261">
        <v>124</v>
      </c>
      <c r="K27" s="261">
        <v>111</v>
      </c>
      <c r="L27" s="262">
        <v>381</v>
      </c>
      <c r="M27" s="263">
        <v>381</v>
      </c>
      <c r="N27" s="257">
        <v>0</v>
      </c>
      <c r="O27" s="261">
        <v>0</v>
      </c>
      <c r="P27" s="258">
        <v>0</v>
      </c>
      <c r="Q27" s="260">
        <v>0</v>
      </c>
      <c r="R27" s="261">
        <v>0</v>
      </c>
      <c r="S27" s="261">
        <v>0</v>
      </c>
      <c r="T27" s="261">
        <v>6</v>
      </c>
      <c r="U27" s="261">
        <v>0</v>
      </c>
      <c r="V27" s="261">
        <v>0</v>
      </c>
      <c r="W27" s="258">
        <v>6</v>
      </c>
      <c r="X27" s="263">
        <v>6</v>
      </c>
      <c r="Y27" s="257">
        <v>0</v>
      </c>
      <c r="Z27" s="261">
        <v>14</v>
      </c>
      <c r="AA27" s="258">
        <v>14</v>
      </c>
      <c r="AB27" s="260">
        <v>0</v>
      </c>
      <c r="AC27" s="261">
        <v>20</v>
      </c>
      <c r="AD27" s="261">
        <v>9</v>
      </c>
      <c r="AE27" s="261">
        <v>72</v>
      </c>
      <c r="AF27" s="261">
        <v>12</v>
      </c>
      <c r="AG27" s="261">
        <v>28</v>
      </c>
      <c r="AH27" s="258">
        <v>141</v>
      </c>
      <c r="AI27" s="263">
        <v>155</v>
      </c>
      <c r="AJ27" s="257">
        <v>0</v>
      </c>
      <c r="AK27" s="261">
        <v>20</v>
      </c>
      <c r="AL27" s="258">
        <v>20</v>
      </c>
      <c r="AM27" s="260">
        <v>0</v>
      </c>
      <c r="AN27" s="261">
        <v>0</v>
      </c>
      <c r="AO27" s="261">
        <v>4</v>
      </c>
      <c r="AP27" s="261">
        <v>20</v>
      </c>
      <c r="AQ27" s="261">
        <v>0</v>
      </c>
      <c r="AR27" s="261">
        <v>0</v>
      </c>
      <c r="AS27" s="258">
        <v>24</v>
      </c>
      <c r="AT27" s="263">
        <v>44</v>
      </c>
      <c r="AU27" s="257">
        <v>0</v>
      </c>
      <c r="AV27" s="261">
        <v>0</v>
      </c>
      <c r="AW27" s="258">
        <v>0</v>
      </c>
      <c r="AX27" s="260">
        <v>0</v>
      </c>
      <c r="AY27" s="261">
        <v>74</v>
      </c>
      <c r="AZ27" s="261">
        <v>10</v>
      </c>
      <c r="BA27" s="261">
        <v>13</v>
      </c>
      <c r="BB27" s="261">
        <v>26</v>
      </c>
      <c r="BC27" s="261">
        <v>0</v>
      </c>
      <c r="BD27" s="262">
        <v>123</v>
      </c>
      <c r="BE27" s="263">
        <v>123</v>
      </c>
      <c r="BF27" s="257">
        <v>0</v>
      </c>
      <c r="BG27" s="261">
        <v>0</v>
      </c>
      <c r="BH27" s="258">
        <v>0</v>
      </c>
      <c r="BI27" s="260">
        <v>0</v>
      </c>
      <c r="BJ27" s="261">
        <v>26</v>
      </c>
      <c r="BK27" s="261">
        <v>65</v>
      </c>
      <c r="BL27" s="261">
        <v>24</v>
      </c>
      <c r="BM27" s="261">
        <v>8</v>
      </c>
      <c r="BN27" s="261">
        <v>16</v>
      </c>
      <c r="BO27" s="258">
        <v>139</v>
      </c>
      <c r="BP27" s="263">
        <v>139</v>
      </c>
      <c r="BQ27" s="257">
        <v>0</v>
      </c>
      <c r="BR27" s="261">
        <v>8</v>
      </c>
      <c r="BS27" s="258">
        <v>8</v>
      </c>
      <c r="BT27" s="260">
        <v>0</v>
      </c>
      <c r="BU27" s="261">
        <v>31</v>
      </c>
      <c r="BV27" s="261">
        <v>5</v>
      </c>
      <c r="BW27" s="261">
        <v>7</v>
      </c>
      <c r="BX27" s="261">
        <v>13</v>
      </c>
      <c r="BY27" s="261">
        <v>0</v>
      </c>
      <c r="BZ27" s="258">
        <v>56</v>
      </c>
      <c r="CA27" s="263">
        <v>64</v>
      </c>
      <c r="CB27" s="257">
        <v>0</v>
      </c>
      <c r="CC27" s="261">
        <v>0</v>
      </c>
      <c r="CD27" s="258">
        <v>0</v>
      </c>
      <c r="CE27" s="260">
        <v>0</v>
      </c>
      <c r="CF27" s="261">
        <v>1</v>
      </c>
      <c r="CG27" s="261">
        <v>0</v>
      </c>
      <c r="CH27" s="261">
        <v>22</v>
      </c>
      <c r="CI27" s="261">
        <v>0</v>
      </c>
      <c r="CJ27" s="261">
        <v>0</v>
      </c>
      <c r="CK27" s="258">
        <v>23</v>
      </c>
      <c r="CL27" s="263">
        <v>23</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9</v>
      </c>
      <c r="H28" s="261">
        <v>206</v>
      </c>
      <c r="I28" s="261">
        <v>213</v>
      </c>
      <c r="J28" s="261">
        <v>25</v>
      </c>
      <c r="K28" s="261">
        <v>0</v>
      </c>
      <c r="L28" s="262">
        <v>533</v>
      </c>
      <c r="M28" s="263">
        <v>533</v>
      </c>
      <c r="N28" s="257">
        <v>0</v>
      </c>
      <c r="O28" s="261">
        <v>0</v>
      </c>
      <c r="P28" s="258">
        <v>0</v>
      </c>
      <c r="Q28" s="260">
        <v>0</v>
      </c>
      <c r="R28" s="261">
        <v>0</v>
      </c>
      <c r="S28" s="261">
        <v>0</v>
      </c>
      <c r="T28" s="261">
        <v>0</v>
      </c>
      <c r="U28" s="261">
        <v>13</v>
      </c>
      <c r="V28" s="261">
        <v>0</v>
      </c>
      <c r="W28" s="258">
        <v>13</v>
      </c>
      <c r="X28" s="263">
        <v>13</v>
      </c>
      <c r="Y28" s="257">
        <v>0</v>
      </c>
      <c r="Z28" s="261">
        <v>0</v>
      </c>
      <c r="AA28" s="258">
        <v>0</v>
      </c>
      <c r="AB28" s="260">
        <v>0</v>
      </c>
      <c r="AC28" s="261">
        <v>10</v>
      </c>
      <c r="AD28" s="261">
        <v>39</v>
      </c>
      <c r="AE28" s="261">
        <v>23</v>
      </c>
      <c r="AF28" s="261">
        <v>0</v>
      </c>
      <c r="AG28" s="261">
        <v>15</v>
      </c>
      <c r="AH28" s="258">
        <v>87</v>
      </c>
      <c r="AI28" s="263">
        <v>87</v>
      </c>
      <c r="AJ28" s="257">
        <v>9</v>
      </c>
      <c r="AK28" s="261">
        <v>0</v>
      </c>
      <c r="AL28" s="258">
        <v>9</v>
      </c>
      <c r="AM28" s="260">
        <v>0</v>
      </c>
      <c r="AN28" s="261">
        <v>0</v>
      </c>
      <c r="AO28" s="261">
        <v>36</v>
      </c>
      <c r="AP28" s="261">
        <v>0</v>
      </c>
      <c r="AQ28" s="261">
        <v>0</v>
      </c>
      <c r="AR28" s="261">
        <v>0</v>
      </c>
      <c r="AS28" s="258">
        <v>36</v>
      </c>
      <c r="AT28" s="263">
        <v>45</v>
      </c>
      <c r="AU28" s="257">
        <v>0</v>
      </c>
      <c r="AV28" s="261">
        <v>0</v>
      </c>
      <c r="AW28" s="258">
        <v>0</v>
      </c>
      <c r="AX28" s="260">
        <v>0</v>
      </c>
      <c r="AY28" s="261">
        <v>78</v>
      </c>
      <c r="AZ28" s="261">
        <v>60</v>
      </c>
      <c r="BA28" s="261">
        <v>25</v>
      </c>
      <c r="BB28" s="261">
        <v>0</v>
      </c>
      <c r="BC28" s="261">
        <v>0</v>
      </c>
      <c r="BD28" s="262">
        <v>163</v>
      </c>
      <c r="BE28" s="263">
        <v>163</v>
      </c>
      <c r="BF28" s="257">
        <v>0</v>
      </c>
      <c r="BG28" s="261">
        <v>0</v>
      </c>
      <c r="BH28" s="258">
        <v>0</v>
      </c>
      <c r="BI28" s="260">
        <v>0</v>
      </c>
      <c r="BJ28" s="261">
        <v>23</v>
      </c>
      <c r="BK28" s="261">
        <v>12</v>
      </c>
      <c r="BL28" s="261">
        <v>8</v>
      </c>
      <c r="BM28" s="261">
        <v>0</v>
      </c>
      <c r="BN28" s="261">
        <v>0</v>
      </c>
      <c r="BO28" s="258">
        <v>43</v>
      </c>
      <c r="BP28" s="263">
        <v>43</v>
      </c>
      <c r="BQ28" s="257">
        <v>0</v>
      </c>
      <c r="BR28" s="261">
        <v>0</v>
      </c>
      <c r="BS28" s="258">
        <v>0</v>
      </c>
      <c r="BT28" s="260">
        <v>0</v>
      </c>
      <c r="BU28" s="261">
        <v>12</v>
      </c>
      <c r="BV28" s="261">
        <v>21</v>
      </c>
      <c r="BW28" s="261">
        <v>6</v>
      </c>
      <c r="BX28" s="261">
        <v>0</v>
      </c>
      <c r="BY28" s="261">
        <v>4</v>
      </c>
      <c r="BZ28" s="258">
        <v>43</v>
      </c>
      <c r="CA28" s="263">
        <v>43</v>
      </c>
      <c r="CB28" s="257">
        <v>0</v>
      </c>
      <c r="CC28" s="261">
        <v>0</v>
      </c>
      <c r="CD28" s="258">
        <v>0</v>
      </c>
      <c r="CE28" s="260">
        <v>0</v>
      </c>
      <c r="CF28" s="261">
        <v>0</v>
      </c>
      <c r="CG28" s="261">
        <v>0</v>
      </c>
      <c r="CH28" s="261">
        <v>9</v>
      </c>
      <c r="CI28" s="261">
        <v>0</v>
      </c>
      <c r="CJ28" s="261">
        <v>0</v>
      </c>
      <c r="CK28" s="258">
        <v>9</v>
      </c>
      <c r="CL28" s="263">
        <v>9</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14</v>
      </c>
      <c r="H29" s="261">
        <v>54</v>
      </c>
      <c r="I29" s="261">
        <v>154</v>
      </c>
      <c r="J29" s="261">
        <v>98</v>
      </c>
      <c r="K29" s="261">
        <v>145</v>
      </c>
      <c r="L29" s="262">
        <v>465</v>
      </c>
      <c r="M29" s="263">
        <v>465</v>
      </c>
      <c r="N29" s="257">
        <v>0</v>
      </c>
      <c r="O29" s="261">
        <v>0</v>
      </c>
      <c r="P29" s="258">
        <v>0</v>
      </c>
      <c r="Q29" s="260">
        <v>0</v>
      </c>
      <c r="R29" s="261">
        <v>0</v>
      </c>
      <c r="S29" s="261">
        <v>0</v>
      </c>
      <c r="T29" s="261">
        <v>6</v>
      </c>
      <c r="U29" s="261">
        <v>1</v>
      </c>
      <c r="V29" s="261">
        <v>0</v>
      </c>
      <c r="W29" s="258">
        <v>7</v>
      </c>
      <c r="X29" s="263">
        <v>7</v>
      </c>
      <c r="Y29" s="257">
        <v>0</v>
      </c>
      <c r="Z29" s="261">
        <v>34</v>
      </c>
      <c r="AA29" s="258">
        <v>34</v>
      </c>
      <c r="AB29" s="260">
        <v>0</v>
      </c>
      <c r="AC29" s="261">
        <v>44</v>
      </c>
      <c r="AD29" s="261">
        <v>48</v>
      </c>
      <c r="AE29" s="261">
        <v>15</v>
      </c>
      <c r="AF29" s="261">
        <v>33</v>
      </c>
      <c r="AG29" s="261">
        <v>19</v>
      </c>
      <c r="AH29" s="258">
        <v>159</v>
      </c>
      <c r="AI29" s="263">
        <v>193</v>
      </c>
      <c r="AJ29" s="257">
        <v>0</v>
      </c>
      <c r="AK29" s="261">
        <v>0</v>
      </c>
      <c r="AL29" s="258">
        <v>0</v>
      </c>
      <c r="AM29" s="260">
        <v>0</v>
      </c>
      <c r="AN29" s="261">
        <v>0</v>
      </c>
      <c r="AO29" s="261">
        <v>12</v>
      </c>
      <c r="AP29" s="261">
        <v>0</v>
      </c>
      <c r="AQ29" s="261">
        <v>0</v>
      </c>
      <c r="AR29" s="261">
        <v>0</v>
      </c>
      <c r="AS29" s="258">
        <v>12</v>
      </c>
      <c r="AT29" s="263">
        <v>12</v>
      </c>
      <c r="AU29" s="257">
        <v>0</v>
      </c>
      <c r="AV29" s="261">
        <v>0</v>
      </c>
      <c r="AW29" s="258">
        <v>0</v>
      </c>
      <c r="AX29" s="260">
        <v>0</v>
      </c>
      <c r="AY29" s="261">
        <v>116</v>
      </c>
      <c r="AZ29" s="261">
        <v>87</v>
      </c>
      <c r="BA29" s="261">
        <v>51</v>
      </c>
      <c r="BB29" s="261">
        <v>21</v>
      </c>
      <c r="BC29" s="261">
        <v>0</v>
      </c>
      <c r="BD29" s="262">
        <v>275</v>
      </c>
      <c r="BE29" s="263">
        <v>275</v>
      </c>
      <c r="BF29" s="257">
        <v>0</v>
      </c>
      <c r="BG29" s="261">
        <v>0</v>
      </c>
      <c r="BH29" s="258">
        <v>0</v>
      </c>
      <c r="BI29" s="260">
        <v>0</v>
      </c>
      <c r="BJ29" s="261">
        <v>0</v>
      </c>
      <c r="BK29" s="261">
        <v>18</v>
      </c>
      <c r="BL29" s="261">
        <v>16</v>
      </c>
      <c r="BM29" s="261">
        <v>0</v>
      </c>
      <c r="BN29" s="261">
        <v>0</v>
      </c>
      <c r="BO29" s="258">
        <v>34</v>
      </c>
      <c r="BP29" s="263">
        <v>34</v>
      </c>
      <c r="BQ29" s="257">
        <v>0</v>
      </c>
      <c r="BR29" s="261">
        <v>3</v>
      </c>
      <c r="BS29" s="258">
        <v>3</v>
      </c>
      <c r="BT29" s="260">
        <v>0</v>
      </c>
      <c r="BU29" s="261">
        <v>0</v>
      </c>
      <c r="BV29" s="261">
        <v>0</v>
      </c>
      <c r="BW29" s="261">
        <v>21</v>
      </c>
      <c r="BX29" s="261">
        <v>0</v>
      </c>
      <c r="BY29" s="261">
        <v>3</v>
      </c>
      <c r="BZ29" s="258">
        <v>24</v>
      </c>
      <c r="CA29" s="263">
        <v>27</v>
      </c>
      <c r="CB29" s="257">
        <v>0</v>
      </c>
      <c r="CC29" s="261">
        <v>0</v>
      </c>
      <c r="CD29" s="258">
        <v>0</v>
      </c>
      <c r="CE29" s="260">
        <v>0</v>
      </c>
      <c r="CF29" s="261">
        <v>3</v>
      </c>
      <c r="CG29" s="261">
        <v>0</v>
      </c>
      <c r="CH29" s="261">
        <v>0</v>
      </c>
      <c r="CI29" s="261">
        <v>0</v>
      </c>
      <c r="CJ29" s="261">
        <v>0</v>
      </c>
      <c r="CK29" s="258">
        <v>3</v>
      </c>
      <c r="CL29" s="263">
        <v>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0</v>
      </c>
      <c r="H30" s="261">
        <v>0</v>
      </c>
      <c r="I30" s="261">
        <v>0</v>
      </c>
      <c r="J30" s="261">
        <v>25</v>
      </c>
      <c r="K30" s="261">
        <v>0</v>
      </c>
      <c r="L30" s="262">
        <v>25</v>
      </c>
      <c r="M30" s="263">
        <v>25</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7</v>
      </c>
      <c r="AE30" s="261">
        <v>0</v>
      </c>
      <c r="AF30" s="261">
        <v>11</v>
      </c>
      <c r="AG30" s="261">
        <v>-15</v>
      </c>
      <c r="AH30" s="258">
        <v>13</v>
      </c>
      <c r="AI30" s="263">
        <v>13</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12</v>
      </c>
      <c r="AZ30" s="261">
        <v>27</v>
      </c>
      <c r="BA30" s="261">
        <v>0</v>
      </c>
      <c r="BB30" s="261">
        <v>0</v>
      </c>
      <c r="BC30" s="261">
        <v>0</v>
      </c>
      <c r="BD30" s="262">
        <v>39</v>
      </c>
      <c r="BE30" s="263">
        <v>39</v>
      </c>
      <c r="BF30" s="257">
        <v>0</v>
      </c>
      <c r="BG30" s="261">
        <v>0</v>
      </c>
      <c r="BH30" s="258">
        <v>0</v>
      </c>
      <c r="BI30" s="260">
        <v>0</v>
      </c>
      <c r="BJ30" s="261">
        <v>0</v>
      </c>
      <c r="BK30" s="261">
        <v>0</v>
      </c>
      <c r="BL30" s="261">
        <v>9</v>
      </c>
      <c r="BM30" s="261">
        <v>0</v>
      </c>
      <c r="BN30" s="261">
        <v>0</v>
      </c>
      <c r="BO30" s="258">
        <v>9</v>
      </c>
      <c r="BP30" s="263">
        <v>9</v>
      </c>
      <c r="BQ30" s="257">
        <v>0</v>
      </c>
      <c r="BR30" s="261">
        <v>0</v>
      </c>
      <c r="BS30" s="258">
        <v>0</v>
      </c>
      <c r="BT30" s="260">
        <v>0</v>
      </c>
      <c r="BU30" s="261">
        <v>0</v>
      </c>
      <c r="BV30" s="261">
        <v>0</v>
      </c>
      <c r="BW30" s="261">
        <v>0</v>
      </c>
      <c r="BX30" s="261">
        <v>0</v>
      </c>
      <c r="BY30" s="261">
        <v>5</v>
      </c>
      <c r="BZ30" s="258">
        <v>5</v>
      </c>
      <c r="CA30" s="263">
        <v>5</v>
      </c>
      <c r="CB30" s="257">
        <v>0</v>
      </c>
      <c r="CC30" s="261">
        <v>0</v>
      </c>
      <c r="CD30" s="258">
        <v>0</v>
      </c>
      <c r="CE30" s="260">
        <v>0</v>
      </c>
      <c r="CF30" s="261">
        <v>0</v>
      </c>
      <c r="CG30" s="261">
        <v>0</v>
      </c>
      <c r="CH30" s="261">
        <v>6</v>
      </c>
      <c r="CI30" s="261">
        <v>0</v>
      </c>
      <c r="CJ30" s="261">
        <v>0</v>
      </c>
      <c r="CK30" s="258">
        <v>6</v>
      </c>
      <c r="CL30" s="263">
        <v>6</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0</v>
      </c>
      <c r="H31" s="261">
        <v>39</v>
      </c>
      <c r="I31" s="261">
        <v>0</v>
      </c>
      <c r="J31" s="261">
        <v>0</v>
      </c>
      <c r="K31" s="261">
        <v>0</v>
      </c>
      <c r="L31" s="262">
        <v>39</v>
      </c>
      <c r="M31" s="263">
        <v>39</v>
      </c>
      <c r="N31" s="257">
        <v>0</v>
      </c>
      <c r="O31" s="261">
        <v>0</v>
      </c>
      <c r="P31" s="258">
        <v>0</v>
      </c>
      <c r="Q31" s="260">
        <v>0</v>
      </c>
      <c r="R31" s="261">
        <v>0</v>
      </c>
      <c r="S31" s="261">
        <v>0</v>
      </c>
      <c r="T31" s="261">
        <v>0</v>
      </c>
      <c r="U31" s="261">
        <v>0</v>
      </c>
      <c r="V31" s="261">
        <v>2</v>
      </c>
      <c r="W31" s="258">
        <v>2</v>
      </c>
      <c r="X31" s="263">
        <v>2</v>
      </c>
      <c r="Y31" s="257">
        <v>0</v>
      </c>
      <c r="Z31" s="261">
        <v>2</v>
      </c>
      <c r="AA31" s="258">
        <v>2</v>
      </c>
      <c r="AB31" s="260">
        <v>0</v>
      </c>
      <c r="AC31" s="261">
        <v>0</v>
      </c>
      <c r="AD31" s="261">
        <v>8</v>
      </c>
      <c r="AE31" s="261">
        <v>0</v>
      </c>
      <c r="AF31" s="261">
        <v>0</v>
      </c>
      <c r="AG31" s="261">
        <v>0</v>
      </c>
      <c r="AH31" s="258">
        <v>8</v>
      </c>
      <c r="AI31" s="263">
        <v>10</v>
      </c>
      <c r="AJ31" s="257">
        <v>0</v>
      </c>
      <c r="AK31" s="261">
        <v>0</v>
      </c>
      <c r="AL31" s="258">
        <v>0</v>
      </c>
      <c r="AM31" s="260">
        <v>0</v>
      </c>
      <c r="AN31" s="261">
        <v>0</v>
      </c>
      <c r="AO31" s="261">
        <v>15</v>
      </c>
      <c r="AP31" s="261">
        <v>0</v>
      </c>
      <c r="AQ31" s="261">
        <v>0</v>
      </c>
      <c r="AR31" s="261">
        <v>0</v>
      </c>
      <c r="AS31" s="258">
        <v>15</v>
      </c>
      <c r="AT31" s="263">
        <v>15</v>
      </c>
      <c r="AU31" s="257">
        <v>0</v>
      </c>
      <c r="AV31" s="261">
        <v>0</v>
      </c>
      <c r="AW31" s="258">
        <v>0</v>
      </c>
      <c r="AX31" s="260">
        <v>0</v>
      </c>
      <c r="AY31" s="261">
        <v>28</v>
      </c>
      <c r="AZ31" s="261">
        <v>28</v>
      </c>
      <c r="BA31" s="261">
        <v>18</v>
      </c>
      <c r="BB31" s="261">
        <v>0</v>
      </c>
      <c r="BC31" s="261">
        <v>0</v>
      </c>
      <c r="BD31" s="262">
        <v>74</v>
      </c>
      <c r="BE31" s="263">
        <v>74</v>
      </c>
      <c r="BF31" s="257">
        <v>0</v>
      </c>
      <c r="BG31" s="261">
        <v>0</v>
      </c>
      <c r="BH31" s="258">
        <v>0</v>
      </c>
      <c r="BI31" s="260">
        <v>0</v>
      </c>
      <c r="BJ31" s="261">
        <v>0</v>
      </c>
      <c r="BK31" s="261">
        <v>0</v>
      </c>
      <c r="BL31" s="261">
        <v>0</v>
      </c>
      <c r="BM31" s="261">
        <v>0</v>
      </c>
      <c r="BN31" s="261">
        <v>0</v>
      </c>
      <c r="BO31" s="258">
        <v>0</v>
      </c>
      <c r="BP31" s="263">
        <v>0</v>
      </c>
      <c r="BQ31" s="257">
        <v>0</v>
      </c>
      <c r="BR31" s="261">
        <v>0</v>
      </c>
      <c r="BS31" s="258">
        <v>0</v>
      </c>
      <c r="BT31" s="260">
        <v>0</v>
      </c>
      <c r="BU31" s="261">
        <v>4</v>
      </c>
      <c r="BV31" s="261">
        <v>0</v>
      </c>
      <c r="BW31" s="261">
        <v>21</v>
      </c>
      <c r="BX31" s="261">
        <v>0</v>
      </c>
      <c r="BY31" s="261">
        <v>8</v>
      </c>
      <c r="BZ31" s="258">
        <v>33</v>
      </c>
      <c r="CA31" s="263">
        <v>33</v>
      </c>
      <c r="CB31" s="257">
        <v>0</v>
      </c>
      <c r="CC31" s="261">
        <v>0</v>
      </c>
      <c r="CD31" s="258">
        <v>0</v>
      </c>
      <c r="CE31" s="260">
        <v>0</v>
      </c>
      <c r="CF31" s="261">
        <v>0</v>
      </c>
      <c r="CG31" s="261">
        <v>0</v>
      </c>
      <c r="CH31" s="261">
        <v>0</v>
      </c>
      <c r="CI31" s="261">
        <v>0</v>
      </c>
      <c r="CJ31" s="261">
        <v>4</v>
      </c>
      <c r="CK31" s="258">
        <v>4</v>
      </c>
      <c r="CL31" s="263">
        <v>4</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41</v>
      </c>
      <c r="H32" s="261">
        <v>0</v>
      </c>
      <c r="I32" s="261">
        <v>21</v>
      </c>
      <c r="J32" s="261">
        <v>12</v>
      </c>
      <c r="K32" s="261">
        <v>9</v>
      </c>
      <c r="L32" s="262">
        <v>83</v>
      </c>
      <c r="M32" s="263">
        <v>83</v>
      </c>
      <c r="N32" s="257">
        <v>0</v>
      </c>
      <c r="O32" s="261">
        <v>0</v>
      </c>
      <c r="P32" s="258">
        <v>0</v>
      </c>
      <c r="Q32" s="260">
        <v>0</v>
      </c>
      <c r="R32" s="261">
        <v>0</v>
      </c>
      <c r="S32" s="261">
        <v>0</v>
      </c>
      <c r="T32" s="261">
        <v>0</v>
      </c>
      <c r="U32" s="261">
        <v>0</v>
      </c>
      <c r="V32" s="261">
        <v>0</v>
      </c>
      <c r="W32" s="258">
        <v>0</v>
      </c>
      <c r="X32" s="263">
        <v>0</v>
      </c>
      <c r="Y32" s="257">
        <v>0</v>
      </c>
      <c r="Z32" s="261">
        <v>12</v>
      </c>
      <c r="AA32" s="258">
        <v>12</v>
      </c>
      <c r="AB32" s="260">
        <v>0</v>
      </c>
      <c r="AC32" s="261">
        <v>6</v>
      </c>
      <c r="AD32" s="261">
        <v>0</v>
      </c>
      <c r="AE32" s="261">
        <v>1</v>
      </c>
      <c r="AF32" s="261">
        <v>4</v>
      </c>
      <c r="AG32" s="261">
        <v>0</v>
      </c>
      <c r="AH32" s="258">
        <v>11</v>
      </c>
      <c r="AI32" s="263">
        <v>2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5</v>
      </c>
      <c r="AZ32" s="261">
        <v>0</v>
      </c>
      <c r="BA32" s="261">
        <v>0</v>
      </c>
      <c r="BB32" s="261">
        <v>14</v>
      </c>
      <c r="BC32" s="261">
        <v>0</v>
      </c>
      <c r="BD32" s="262">
        <v>19</v>
      </c>
      <c r="BE32" s="263">
        <v>19</v>
      </c>
      <c r="BF32" s="257">
        <v>0</v>
      </c>
      <c r="BG32" s="261">
        <v>0</v>
      </c>
      <c r="BH32" s="258">
        <v>0</v>
      </c>
      <c r="BI32" s="260">
        <v>0</v>
      </c>
      <c r="BJ32" s="261">
        <v>0</v>
      </c>
      <c r="BK32" s="261">
        <v>0</v>
      </c>
      <c r="BL32" s="261">
        <v>2</v>
      </c>
      <c r="BM32" s="261">
        <v>0</v>
      </c>
      <c r="BN32" s="261">
        <v>0</v>
      </c>
      <c r="BO32" s="258">
        <v>2</v>
      </c>
      <c r="BP32" s="263">
        <v>2</v>
      </c>
      <c r="BQ32" s="257">
        <v>0</v>
      </c>
      <c r="BR32" s="261">
        <v>0</v>
      </c>
      <c r="BS32" s="258">
        <v>0</v>
      </c>
      <c r="BT32" s="260">
        <v>0</v>
      </c>
      <c r="BU32" s="261">
        <v>0</v>
      </c>
      <c r="BV32" s="261">
        <v>0</v>
      </c>
      <c r="BW32" s="261">
        <v>0</v>
      </c>
      <c r="BX32" s="261">
        <v>8</v>
      </c>
      <c r="BY32" s="261">
        <v>0</v>
      </c>
      <c r="BZ32" s="258">
        <v>8</v>
      </c>
      <c r="CA32" s="263">
        <v>8</v>
      </c>
      <c r="CB32" s="257">
        <v>0</v>
      </c>
      <c r="CC32" s="261">
        <v>0</v>
      </c>
      <c r="CD32" s="258">
        <v>0</v>
      </c>
      <c r="CE32" s="260">
        <v>0</v>
      </c>
      <c r="CF32" s="261">
        <v>0</v>
      </c>
      <c r="CG32" s="261">
        <v>0</v>
      </c>
      <c r="CH32" s="261">
        <v>8</v>
      </c>
      <c r="CI32" s="261">
        <v>0</v>
      </c>
      <c r="CJ32" s="261">
        <v>0</v>
      </c>
      <c r="CK32" s="258">
        <v>8</v>
      </c>
      <c r="CL32" s="263">
        <v>8</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3</v>
      </c>
      <c r="H33" s="261">
        <v>0</v>
      </c>
      <c r="I33" s="261">
        <v>0</v>
      </c>
      <c r="J33" s="261">
        <v>0</v>
      </c>
      <c r="K33" s="261">
        <v>0</v>
      </c>
      <c r="L33" s="262">
        <v>3</v>
      </c>
      <c r="M33" s="263">
        <v>3</v>
      </c>
      <c r="N33" s="257">
        <v>0</v>
      </c>
      <c r="O33" s="261">
        <v>0</v>
      </c>
      <c r="P33" s="258">
        <v>0</v>
      </c>
      <c r="Q33" s="260">
        <v>0</v>
      </c>
      <c r="R33" s="261">
        <v>0</v>
      </c>
      <c r="S33" s="261">
        <v>4</v>
      </c>
      <c r="T33" s="261">
        <v>8</v>
      </c>
      <c r="U33" s="261">
        <v>0</v>
      </c>
      <c r="V33" s="261">
        <v>0</v>
      </c>
      <c r="W33" s="258">
        <v>12</v>
      </c>
      <c r="X33" s="263">
        <v>12</v>
      </c>
      <c r="Y33" s="257">
        <v>2</v>
      </c>
      <c r="Z33" s="261">
        <v>0</v>
      </c>
      <c r="AA33" s="258">
        <v>2</v>
      </c>
      <c r="AB33" s="260">
        <v>0</v>
      </c>
      <c r="AC33" s="261">
        <v>0</v>
      </c>
      <c r="AD33" s="261">
        <v>0</v>
      </c>
      <c r="AE33" s="261">
        <v>14</v>
      </c>
      <c r="AF33" s="261">
        <v>0</v>
      </c>
      <c r="AG33" s="261">
        <v>0</v>
      </c>
      <c r="AH33" s="258">
        <v>14</v>
      </c>
      <c r="AI33" s="263">
        <v>16</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4</v>
      </c>
      <c r="AZ33" s="261">
        <v>9</v>
      </c>
      <c r="BA33" s="261">
        <v>22</v>
      </c>
      <c r="BB33" s="261">
        <v>3</v>
      </c>
      <c r="BC33" s="261">
        <v>0</v>
      </c>
      <c r="BD33" s="262">
        <v>38</v>
      </c>
      <c r="BE33" s="263">
        <v>38</v>
      </c>
      <c r="BF33" s="257">
        <v>0</v>
      </c>
      <c r="BG33" s="261">
        <v>0</v>
      </c>
      <c r="BH33" s="258">
        <v>0</v>
      </c>
      <c r="BI33" s="260">
        <v>0</v>
      </c>
      <c r="BJ33" s="261">
        <v>7</v>
      </c>
      <c r="BK33" s="261">
        <v>7</v>
      </c>
      <c r="BL33" s="261">
        <v>9</v>
      </c>
      <c r="BM33" s="261">
        <v>4</v>
      </c>
      <c r="BN33" s="261">
        <v>0</v>
      </c>
      <c r="BO33" s="258">
        <v>27</v>
      </c>
      <c r="BP33" s="263">
        <v>27</v>
      </c>
      <c r="BQ33" s="257">
        <v>0</v>
      </c>
      <c r="BR33" s="261">
        <v>0</v>
      </c>
      <c r="BS33" s="258">
        <v>0</v>
      </c>
      <c r="BT33" s="260">
        <v>0</v>
      </c>
      <c r="BU33" s="261">
        <v>0</v>
      </c>
      <c r="BV33" s="261">
        <v>0</v>
      </c>
      <c r="BW33" s="261">
        <v>36</v>
      </c>
      <c r="BX33" s="261">
        <v>3</v>
      </c>
      <c r="BY33" s="261">
        <v>0</v>
      </c>
      <c r="BZ33" s="258">
        <v>39</v>
      </c>
      <c r="CA33" s="263">
        <v>39</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9</v>
      </c>
      <c r="H34" s="261">
        <v>39</v>
      </c>
      <c r="I34" s="261">
        <v>18</v>
      </c>
      <c r="J34" s="261">
        <v>102</v>
      </c>
      <c r="K34" s="261">
        <v>89</v>
      </c>
      <c r="L34" s="262">
        <v>287</v>
      </c>
      <c r="M34" s="263">
        <v>287</v>
      </c>
      <c r="N34" s="257">
        <v>0</v>
      </c>
      <c r="O34" s="261">
        <v>0</v>
      </c>
      <c r="P34" s="258">
        <v>0</v>
      </c>
      <c r="Q34" s="260">
        <v>0</v>
      </c>
      <c r="R34" s="261">
        <v>0</v>
      </c>
      <c r="S34" s="261">
        <v>0</v>
      </c>
      <c r="T34" s="261">
        <v>0</v>
      </c>
      <c r="U34" s="261">
        <v>0</v>
      </c>
      <c r="V34" s="261">
        <v>5</v>
      </c>
      <c r="W34" s="258">
        <v>5</v>
      </c>
      <c r="X34" s="263">
        <v>5</v>
      </c>
      <c r="Y34" s="257">
        <v>0</v>
      </c>
      <c r="Z34" s="261">
        <v>2</v>
      </c>
      <c r="AA34" s="258">
        <v>2</v>
      </c>
      <c r="AB34" s="260">
        <v>0</v>
      </c>
      <c r="AC34" s="261">
        <v>8</v>
      </c>
      <c r="AD34" s="261">
        <v>25</v>
      </c>
      <c r="AE34" s="261">
        <v>14</v>
      </c>
      <c r="AF34" s="261">
        <v>0</v>
      </c>
      <c r="AG34" s="261">
        <v>0</v>
      </c>
      <c r="AH34" s="258">
        <v>47</v>
      </c>
      <c r="AI34" s="263">
        <v>49</v>
      </c>
      <c r="AJ34" s="257">
        <v>0</v>
      </c>
      <c r="AK34" s="261">
        <v>0</v>
      </c>
      <c r="AL34" s="258">
        <v>0</v>
      </c>
      <c r="AM34" s="260">
        <v>0</v>
      </c>
      <c r="AN34" s="261">
        <v>0</v>
      </c>
      <c r="AO34" s="261">
        <v>18</v>
      </c>
      <c r="AP34" s="261">
        <v>0</v>
      </c>
      <c r="AQ34" s="261">
        <v>0</v>
      </c>
      <c r="AR34" s="261">
        <v>0</v>
      </c>
      <c r="AS34" s="258">
        <v>18</v>
      </c>
      <c r="AT34" s="263">
        <v>18</v>
      </c>
      <c r="AU34" s="257">
        <v>0</v>
      </c>
      <c r="AV34" s="261">
        <v>0</v>
      </c>
      <c r="AW34" s="258">
        <v>0</v>
      </c>
      <c r="AX34" s="260">
        <v>0</v>
      </c>
      <c r="AY34" s="261">
        <v>16</v>
      </c>
      <c r="AZ34" s="261">
        <v>48</v>
      </c>
      <c r="BA34" s="261">
        <v>9</v>
      </c>
      <c r="BB34" s="261">
        <v>0</v>
      </c>
      <c r="BC34" s="261">
        <v>0</v>
      </c>
      <c r="BD34" s="262">
        <v>73</v>
      </c>
      <c r="BE34" s="263">
        <v>73</v>
      </c>
      <c r="BF34" s="257">
        <v>0</v>
      </c>
      <c r="BG34" s="261">
        <v>0</v>
      </c>
      <c r="BH34" s="258">
        <v>0</v>
      </c>
      <c r="BI34" s="260">
        <v>0</v>
      </c>
      <c r="BJ34" s="261">
        <v>0</v>
      </c>
      <c r="BK34" s="261">
        <v>22</v>
      </c>
      <c r="BL34" s="261">
        <v>0</v>
      </c>
      <c r="BM34" s="261">
        <v>5</v>
      </c>
      <c r="BN34" s="261">
        <v>0</v>
      </c>
      <c r="BO34" s="258">
        <v>27</v>
      </c>
      <c r="BP34" s="263">
        <v>27</v>
      </c>
      <c r="BQ34" s="257">
        <v>0</v>
      </c>
      <c r="BR34" s="261">
        <v>0</v>
      </c>
      <c r="BS34" s="258">
        <v>0</v>
      </c>
      <c r="BT34" s="260">
        <v>0</v>
      </c>
      <c r="BU34" s="261">
        <v>0</v>
      </c>
      <c r="BV34" s="261">
        <v>0</v>
      </c>
      <c r="BW34" s="261">
        <v>0</v>
      </c>
      <c r="BX34" s="261">
        <v>7</v>
      </c>
      <c r="BY34" s="261">
        <v>0</v>
      </c>
      <c r="BZ34" s="258">
        <v>7</v>
      </c>
      <c r="CA34" s="263">
        <v>7</v>
      </c>
      <c r="CB34" s="257">
        <v>0</v>
      </c>
      <c r="CC34" s="261">
        <v>0</v>
      </c>
      <c r="CD34" s="258">
        <v>0</v>
      </c>
      <c r="CE34" s="260">
        <v>0</v>
      </c>
      <c r="CF34" s="261">
        <v>7</v>
      </c>
      <c r="CG34" s="261">
        <v>8</v>
      </c>
      <c r="CH34" s="261">
        <v>0</v>
      </c>
      <c r="CI34" s="261">
        <v>0</v>
      </c>
      <c r="CJ34" s="261">
        <v>0</v>
      </c>
      <c r="CK34" s="258">
        <v>15</v>
      </c>
      <c r="CL34" s="263">
        <v>15</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8</v>
      </c>
      <c r="H35" s="261">
        <v>4</v>
      </c>
      <c r="I35" s="261">
        <v>11</v>
      </c>
      <c r="J35" s="261">
        <v>0</v>
      </c>
      <c r="K35" s="261">
        <v>0</v>
      </c>
      <c r="L35" s="262">
        <v>23</v>
      </c>
      <c r="M35" s="263">
        <v>2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7</v>
      </c>
      <c r="AD35" s="261">
        <v>0</v>
      </c>
      <c r="AE35" s="261">
        <v>4</v>
      </c>
      <c r="AF35" s="261">
        <v>0</v>
      </c>
      <c r="AG35" s="261">
        <v>0</v>
      </c>
      <c r="AH35" s="258">
        <v>11</v>
      </c>
      <c r="AI35" s="263">
        <v>11</v>
      </c>
      <c r="AJ35" s="257">
        <v>21</v>
      </c>
      <c r="AK35" s="261">
        <v>15</v>
      </c>
      <c r="AL35" s="258">
        <v>36</v>
      </c>
      <c r="AM35" s="260">
        <v>0</v>
      </c>
      <c r="AN35" s="261">
        <v>12</v>
      </c>
      <c r="AO35" s="261">
        <v>0</v>
      </c>
      <c r="AP35" s="261">
        <v>18</v>
      </c>
      <c r="AQ35" s="261">
        <v>0</v>
      </c>
      <c r="AR35" s="261">
        <v>0</v>
      </c>
      <c r="AS35" s="258">
        <v>30</v>
      </c>
      <c r="AT35" s="263">
        <v>66</v>
      </c>
      <c r="AU35" s="257">
        <v>0</v>
      </c>
      <c r="AV35" s="261">
        <v>0</v>
      </c>
      <c r="AW35" s="258">
        <v>0</v>
      </c>
      <c r="AX35" s="260">
        <v>0</v>
      </c>
      <c r="AY35" s="261">
        <v>0</v>
      </c>
      <c r="AZ35" s="261">
        <v>4</v>
      </c>
      <c r="BA35" s="261">
        <v>0</v>
      </c>
      <c r="BB35" s="261">
        <v>0</v>
      </c>
      <c r="BC35" s="261">
        <v>0</v>
      </c>
      <c r="BD35" s="262">
        <v>4</v>
      </c>
      <c r="BE35" s="263">
        <v>4</v>
      </c>
      <c r="BF35" s="257">
        <v>0</v>
      </c>
      <c r="BG35" s="261">
        <v>0</v>
      </c>
      <c r="BH35" s="258">
        <v>0</v>
      </c>
      <c r="BI35" s="260">
        <v>0</v>
      </c>
      <c r="BJ35" s="261">
        <v>7</v>
      </c>
      <c r="BK35" s="261">
        <v>11</v>
      </c>
      <c r="BL35" s="261">
        <v>1</v>
      </c>
      <c r="BM35" s="261">
        <v>0</v>
      </c>
      <c r="BN35" s="261">
        <v>0</v>
      </c>
      <c r="BO35" s="258">
        <v>19</v>
      </c>
      <c r="BP35" s="263">
        <v>19</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2</v>
      </c>
      <c r="AE36" s="261">
        <v>0</v>
      </c>
      <c r="AF36" s="261">
        <v>0</v>
      </c>
      <c r="AG36" s="261">
        <v>0</v>
      </c>
      <c r="AH36" s="258">
        <v>13</v>
      </c>
      <c r="AI36" s="263">
        <v>13</v>
      </c>
      <c r="AJ36" s="257">
        <v>0</v>
      </c>
      <c r="AK36" s="261">
        <v>0</v>
      </c>
      <c r="AL36" s="258">
        <v>0</v>
      </c>
      <c r="AM36" s="260">
        <v>0</v>
      </c>
      <c r="AN36" s="261">
        <v>0</v>
      </c>
      <c r="AO36" s="261">
        <v>26</v>
      </c>
      <c r="AP36" s="261">
        <v>0</v>
      </c>
      <c r="AQ36" s="261">
        <v>0</v>
      </c>
      <c r="AR36" s="261">
        <v>0</v>
      </c>
      <c r="AS36" s="258">
        <v>26</v>
      </c>
      <c r="AT36" s="263">
        <v>26</v>
      </c>
      <c r="AU36" s="257">
        <v>0</v>
      </c>
      <c r="AV36" s="261">
        <v>0</v>
      </c>
      <c r="AW36" s="258">
        <v>0</v>
      </c>
      <c r="AX36" s="260">
        <v>0</v>
      </c>
      <c r="AY36" s="261">
        <v>0</v>
      </c>
      <c r="AZ36" s="261">
        <v>8</v>
      </c>
      <c r="BA36" s="261">
        <v>0</v>
      </c>
      <c r="BB36" s="261">
        <v>4</v>
      </c>
      <c r="BC36" s="261">
        <v>0</v>
      </c>
      <c r="BD36" s="262">
        <v>12</v>
      </c>
      <c r="BE36" s="263">
        <v>12</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94</v>
      </c>
      <c r="H37" s="261">
        <v>12</v>
      </c>
      <c r="I37" s="261">
        <v>0</v>
      </c>
      <c r="J37" s="261">
        <v>73</v>
      </c>
      <c r="K37" s="261">
        <v>80</v>
      </c>
      <c r="L37" s="262">
        <v>259</v>
      </c>
      <c r="M37" s="263">
        <v>259</v>
      </c>
      <c r="N37" s="257">
        <v>0</v>
      </c>
      <c r="O37" s="261">
        <v>0</v>
      </c>
      <c r="P37" s="258">
        <v>0</v>
      </c>
      <c r="Q37" s="260">
        <v>0</v>
      </c>
      <c r="R37" s="261">
        <v>0</v>
      </c>
      <c r="S37" s="261">
        <v>0</v>
      </c>
      <c r="T37" s="261">
        <v>0</v>
      </c>
      <c r="U37" s="261">
        <v>8</v>
      </c>
      <c r="V37" s="261">
        <v>13</v>
      </c>
      <c r="W37" s="258">
        <v>21</v>
      </c>
      <c r="X37" s="263">
        <v>21</v>
      </c>
      <c r="Y37" s="257">
        <v>0</v>
      </c>
      <c r="Z37" s="261">
        <v>0</v>
      </c>
      <c r="AA37" s="258">
        <v>0</v>
      </c>
      <c r="AB37" s="260">
        <v>0</v>
      </c>
      <c r="AC37" s="261">
        <v>9</v>
      </c>
      <c r="AD37" s="261">
        <v>7</v>
      </c>
      <c r="AE37" s="261">
        <v>0</v>
      </c>
      <c r="AF37" s="261">
        <v>0</v>
      </c>
      <c r="AG37" s="261">
        <v>32</v>
      </c>
      <c r="AH37" s="258">
        <v>48</v>
      </c>
      <c r="AI37" s="263">
        <v>48</v>
      </c>
      <c r="AJ37" s="257">
        <v>17</v>
      </c>
      <c r="AK37" s="261">
        <v>6</v>
      </c>
      <c r="AL37" s="258">
        <v>23</v>
      </c>
      <c r="AM37" s="260">
        <v>0</v>
      </c>
      <c r="AN37" s="261">
        <v>24</v>
      </c>
      <c r="AO37" s="261">
        <v>0</v>
      </c>
      <c r="AP37" s="261">
        <v>0</v>
      </c>
      <c r="AQ37" s="261">
        <v>0</v>
      </c>
      <c r="AR37" s="261">
        <v>4</v>
      </c>
      <c r="AS37" s="258">
        <v>28</v>
      </c>
      <c r="AT37" s="263">
        <v>51</v>
      </c>
      <c r="AU37" s="257">
        <v>0</v>
      </c>
      <c r="AV37" s="261">
        <v>0</v>
      </c>
      <c r="AW37" s="258">
        <v>0</v>
      </c>
      <c r="AX37" s="260">
        <v>0</v>
      </c>
      <c r="AY37" s="261">
        <v>38</v>
      </c>
      <c r="AZ37" s="261">
        <v>54</v>
      </c>
      <c r="BA37" s="261">
        <v>19</v>
      </c>
      <c r="BB37" s="261">
        <v>0</v>
      </c>
      <c r="BC37" s="261">
        <v>0</v>
      </c>
      <c r="BD37" s="262">
        <v>111</v>
      </c>
      <c r="BE37" s="263">
        <v>111</v>
      </c>
      <c r="BF37" s="257">
        <v>0</v>
      </c>
      <c r="BG37" s="261">
        <v>0</v>
      </c>
      <c r="BH37" s="258">
        <v>0</v>
      </c>
      <c r="BI37" s="260">
        <v>0</v>
      </c>
      <c r="BJ37" s="261">
        <v>7</v>
      </c>
      <c r="BK37" s="261">
        <v>0</v>
      </c>
      <c r="BL37" s="261">
        <v>0</v>
      </c>
      <c r="BM37" s="261">
        <v>14</v>
      </c>
      <c r="BN37" s="261">
        <v>0</v>
      </c>
      <c r="BO37" s="258">
        <v>21</v>
      </c>
      <c r="BP37" s="263">
        <v>21</v>
      </c>
      <c r="BQ37" s="257">
        <v>0</v>
      </c>
      <c r="BR37" s="261">
        <v>0</v>
      </c>
      <c r="BS37" s="258">
        <v>0</v>
      </c>
      <c r="BT37" s="260">
        <v>0</v>
      </c>
      <c r="BU37" s="261">
        <v>0</v>
      </c>
      <c r="BV37" s="261">
        <v>8</v>
      </c>
      <c r="BW37" s="261">
        <v>0</v>
      </c>
      <c r="BX37" s="261">
        <v>0</v>
      </c>
      <c r="BY37" s="261">
        <v>0</v>
      </c>
      <c r="BZ37" s="258">
        <v>8</v>
      </c>
      <c r="CA37" s="263">
        <v>8</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9</v>
      </c>
      <c r="H38" s="261">
        <v>65</v>
      </c>
      <c r="I38" s="261">
        <v>4</v>
      </c>
      <c r="J38" s="261">
        <v>0</v>
      </c>
      <c r="K38" s="261">
        <v>14</v>
      </c>
      <c r="L38" s="262">
        <v>92</v>
      </c>
      <c r="M38" s="263">
        <v>92</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33</v>
      </c>
      <c r="AD38" s="261">
        <v>8</v>
      </c>
      <c r="AE38" s="261">
        <v>16</v>
      </c>
      <c r="AF38" s="261">
        <v>0</v>
      </c>
      <c r="AG38" s="261">
        <v>5</v>
      </c>
      <c r="AH38" s="258">
        <v>62</v>
      </c>
      <c r="AI38" s="263">
        <v>62</v>
      </c>
      <c r="AJ38" s="257">
        <v>0</v>
      </c>
      <c r="AK38" s="261">
        <v>14</v>
      </c>
      <c r="AL38" s="258">
        <v>14</v>
      </c>
      <c r="AM38" s="260">
        <v>0</v>
      </c>
      <c r="AN38" s="261">
        <v>0</v>
      </c>
      <c r="AO38" s="261">
        <v>8</v>
      </c>
      <c r="AP38" s="261">
        <v>0</v>
      </c>
      <c r="AQ38" s="261">
        <v>0</v>
      </c>
      <c r="AR38" s="261">
        <v>0</v>
      </c>
      <c r="AS38" s="258">
        <v>8</v>
      </c>
      <c r="AT38" s="263">
        <v>22</v>
      </c>
      <c r="AU38" s="257">
        <v>0</v>
      </c>
      <c r="AV38" s="261">
        <v>0</v>
      </c>
      <c r="AW38" s="258">
        <v>0</v>
      </c>
      <c r="AX38" s="260">
        <v>0</v>
      </c>
      <c r="AY38" s="261">
        <v>21</v>
      </c>
      <c r="AZ38" s="261">
        <v>8</v>
      </c>
      <c r="BA38" s="261">
        <v>8</v>
      </c>
      <c r="BB38" s="261">
        <v>0</v>
      </c>
      <c r="BC38" s="261">
        <v>0</v>
      </c>
      <c r="BD38" s="262">
        <v>37</v>
      </c>
      <c r="BE38" s="263">
        <v>37</v>
      </c>
      <c r="BF38" s="257">
        <v>0</v>
      </c>
      <c r="BG38" s="261">
        <v>0</v>
      </c>
      <c r="BH38" s="258">
        <v>0</v>
      </c>
      <c r="BI38" s="260">
        <v>0</v>
      </c>
      <c r="BJ38" s="261">
        <v>0</v>
      </c>
      <c r="BK38" s="261">
        <v>0</v>
      </c>
      <c r="BL38" s="261">
        <v>0</v>
      </c>
      <c r="BM38" s="261">
        <v>5</v>
      </c>
      <c r="BN38" s="261">
        <v>0</v>
      </c>
      <c r="BO38" s="258">
        <v>5</v>
      </c>
      <c r="BP38" s="263">
        <v>5</v>
      </c>
      <c r="BQ38" s="257">
        <v>0</v>
      </c>
      <c r="BR38" s="261">
        <v>0</v>
      </c>
      <c r="BS38" s="258">
        <v>0</v>
      </c>
      <c r="BT38" s="260">
        <v>0</v>
      </c>
      <c r="BU38" s="261">
        <v>0</v>
      </c>
      <c r="BV38" s="261">
        <v>2</v>
      </c>
      <c r="BW38" s="261">
        <v>12</v>
      </c>
      <c r="BX38" s="261">
        <v>0</v>
      </c>
      <c r="BY38" s="261">
        <v>0</v>
      </c>
      <c r="BZ38" s="258">
        <v>14</v>
      </c>
      <c r="CA38" s="263">
        <v>14</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v>
      </c>
      <c r="AD39" s="268">
        <v>0</v>
      </c>
      <c r="AE39" s="268">
        <v>0</v>
      </c>
      <c r="AF39" s="268">
        <v>0</v>
      </c>
      <c r="AG39" s="268">
        <v>0</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12</v>
      </c>
      <c r="BA39" s="268">
        <v>0</v>
      </c>
      <c r="BB39" s="268">
        <v>0</v>
      </c>
      <c r="BC39" s="268">
        <v>0</v>
      </c>
      <c r="BD39" s="269">
        <v>12</v>
      </c>
      <c r="BE39" s="270">
        <v>12</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88671875" style="242" customWidth="1"/>
    <col min="18" max="27" width="9" style="242"/>
    <col min="28" max="28" width="7.77734375" style="242" customWidth="1"/>
    <col min="29" max="38" width="9" style="242"/>
    <col min="39" max="39" width="7.5546875" style="242" customWidth="1"/>
    <col min="40" max="49" width="9" style="242"/>
    <col min="50" max="50" width="7.77734375" style="242" customWidth="1"/>
    <col min="51" max="60" width="9" style="242"/>
    <col min="61" max="61" width="7.4414062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9</v>
      </c>
      <c r="M1" s="504">
        <f>IF(L1&lt;3,L1+12-2,L1-2)</f>
        <v>7</v>
      </c>
      <c r="N1" s="504"/>
    </row>
    <row r="2" spans="2:112" ht="24" customHeight="1" thickBot="1" x14ac:dyDescent="0.25">
      <c r="B2" s="271" t="s">
        <v>153</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60</v>
      </c>
      <c r="CN3" s="522"/>
      <c r="CO3" s="522"/>
      <c r="CP3" s="522"/>
      <c r="CQ3" s="522"/>
      <c r="CR3" s="522"/>
      <c r="CS3" s="522"/>
      <c r="CT3" s="522"/>
      <c r="CU3" s="522"/>
      <c r="CV3" s="522"/>
      <c r="CW3" s="523"/>
      <c r="CX3" s="521" t="s">
        <v>156</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6" t="s">
        <v>44</v>
      </c>
      <c r="E5" s="247"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327" t="s">
        <v>43</v>
      </c>
      <c r="Z5" s="243" t="s">
        <v>44</v>
      </c>
      <c r="AA5" s="249"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9" t="s">
        <v>45</v>
      </c>
      <c r="AX5" s="248" t="s">
        <v>83</v>
      </c>
      <c r="AY5" s="243" t="s">
        <v>47</v>
      </c>
      <c r="AZ5" s="243" t="s">
        <v>48</v>
      </c>
      <c r="BA5" s="243" t="s">
        <v>49</v>
      </c>
      <c r="BB5" s="243" t="s">
        <v>50</v>
      </c>
      <c r="BC5" s="243" t="s">
        <v>51</v>
      </c>
      <c r="BD5" s="249" t="s">
        <v>45</v>
      </c>
      <c r="BE5" s="506"/>
      <c r="BF5" s="327" t="s">
        <v>43</v>
      </c>
      <c r="BG5" s="243" t="s">
        <v>44</v>
      </c>
      <c r="BH5" s="246" t="s">
        <v>45</v>
      </c>
      <c r="BI5" s="248" t="s">
        <v>83</v>
      </c>
      <c r="BJ5" s="243" t="s">
        <v>47</v>
      </c>
      <c r="BK5" s="243" t="s">
        <v>48</v>
      </c>
      <c r="BL5" s="243" t="s">
        <v>49</v>
      </c>
      <c r="BM5" s="243" t="s">
        <v>50</v>
      </c>
      <c r="BN5" s="243" t="s">
        <v>51</v>
      </c>
      <c r="BO5" s="246" t="s">
        <v>45</v>
      </c>
      <c r="BP5" s="506"/>
      <c r="BQ5" s="327" t="s">
        <v>43</v>
      </c>
      <c r="BR5" s="243" t="s">
        <v>44</v>
      </c>
      <c r="BS5" s="246" t="s">
        <v>45</v>
      </c>
      <c r="BT5" s="248" t="s">
        <v>83</v>
      </c>
      <c r="BU5" s="243" t="s">
        <v>47</v>
      </c>
      <c r="BV5" s="243" t="s">
        <v>48</v>
      </c>
      <c r="BW5" s="243" t="s">
        <v>49</v>
      </c>
      <c r="BX5" s="243" t="s">
        <v>50</v>
      </c>
      <c r="BY5" s="243" t="s">
        <v>51</v>
      </c>
      <c r="BZ5" s="246" t="s">
        <v>45</v>
      </c>
      <c r="CA5" s="506"/>
      <c r="CB5" s="327" t="s">
        <v>43</v>
      </c>
      <c r="CC5" s="243" t="s">
        <v>44</v>
      </c>
      <c r="CD5" s="246" t="s">
        <v>45</v>
      </c>
      <c r="CE5" s="248" t="s">
        <v>83</v>
      </c>
      <c r="CF5" s="243" t="s">
        <v>47</v>
      </c>
      <c r="CG5" s="243" t="s">
        <v>48</v>
      </c>
      <c r="CH5" s="243" t="s">
        <v>49</v>
      </c>
      <c r="CI5" s="243" t="s">
        <v>50</v>
      </c>
      <c r="CJ5" s="243" t="s">
        <v>51</v>
      </c>
      <c r="CK5" s="246" t="s">
        <v>45</v>
      </c>
      <c r="CL5" s="506"/>
      <c r="CM5" s="339"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1">
        <v>0</v>
      </c>
      <c r="E6" s="252">
        <v>0</v>
      </c>
      <c r="F6" s="253">
        <v>0</v>
      </c>
      <c r="G6" s="254">
        <v>12825</v>
      </c>
      <c r="H6" s="254">
        <v>18461</v>
      </c>
      <c r="I6" s="254">
        <v>19260</v>
      </c>
      <c r="J6" s="254">
        <v>26319</v>
      </c>
      <c r="K6" s="254">
        <v>23248</v>
      </c>
      <c r="L6" s="255">
        <v>100113</v>
      </c>
      <c r="M6" s="256">
        <v>100113</v>
      </c>
      <c r="N6" s="250">
        <v>0</v>
      </c>
      <c r="O6" s="254">
        <v>10</v>
      </c>
      <c r="P6" s="251">
        <v>10</v>
      </c>
      <c r="Q6" s="253">
        <v>0</v>
      </c>
      <c r="R6" s="254">
        <v>77</v>
      </c>
      <c r="S6" s="254">
        <v>156</v>
      </c>
      <c r="T6" s="254">
        <v>227</v>
      </c>
      <c r="U6" s="254">
        <v>686</v>
      </c>
      <c r="V6" s="254">
        <v>1333</v>
      </c>
      <c r="W6" s="251">
        <v>2479</v>
      </c>
      <c r="X6" s="256">
        <v>2489</v>
      </c>
      <c r="Y6" s="250">
        <v>1413</v>
      </c>
      <c r="Z6" s="254">
        <v>3823</v>
      </c>
      <c r="AA6" s="251">
        <v>5236</v>
      </c>
      <c r="AB6" s="253">
        <v>0</v>
      </c>
      <c r="AC6" s="254">
        <v>9542</v>
      </c>
      <c r="AD6" s="254">
        <v>14535</v>
      </c>
      <c r="AE6" s="254">
        <v>9044</v>
      </c>
      <c r="AF6" s="254">
        <v>7715</v>
      </c>
      <c r="AG6" s="254">
        <v>6012</v>
      </c>
      <c r="AH6" s="251">
        <v>46848</v>
      </c>
      <c r="AI6" s="256">
        <v>52084</v>
      </c>
      <c r="AJ6" s="250">
        <v>139</v>
      </c>
      <c r="AK6" s="254">
        <v>848</v>
      </c>
      <c r="AL6" s="251">
        <v>987</v>
      </c>
      <c r="AM6" s="253">
        <v>0</v>
      </c>
      <c r="AN6" s="254">
        <v>1250</v>
      </c>
      <c r="AO6" s="254">
        <v>1943</v>
      </c>
      <c r="AP6" s="254">
        <v>1123</v>
      </c>
      <c r="AQ6" s="254">
        <v>1195</v>
      </c>
      <c r="AR6" s="254">
        <v>688</v>
      </c>
      <c r="AS6" s="251">
        <v>6199</v>
      </c>
      <c r="AT6" s="256">
        <v>7186</v>
      </c>
      <c r="AU6" s="250">
        <v>0</v>
      </c>
      <c r="AV6" s="254">
        <v>0</v>
      </c>
      <c r="AW6" s="251">
        <v>0</v>
      </c>
      <c r="AX6" s="253">
        <v>0</v>
      </c>
      <c r="AY6" s="254">
        <v>10730</v>
      </c>
      <c r="AZ6" s="254">
        <v>10442</v>
      </c>
      <c r="BA6" s="254">
        <v>5996</v>
      </c>
      <c r="BB6" s="254">
        <v>3176</v>
      </c>
      <c r="BC6" s="254">
        <v>1350</v>
      </c>
      <c r="BD6" s="255">
        <v>31694</v>
      </c>
      <c r="BE6" s="256">
        <v>31694</v>
      </c>
      <c r="BF6" s="250">
        <v>0</v>
      </c>
      <c r="BG6" s="254">
        <v>0</v>
      </c>
      <c r="BH6" s="251">
        <v>0</v>
      </c>
      <c r="BI6" s="253">
        <v>0</v>
      </c>
      <c r="BJ6" s="254">
        <v>2292</v>
      </c>
      <c r="BK6" s="254">
        <v>3548</v>
      </c>
      <c r="BL6" s="254">
        <v>1942</v>
      </c>
      <c r="BM6" s="254">
        <v>1484</v>
      </c>
      <c r="BN6" s="254">
        <v>600</v>
      </c>
      <c r="BO6" s="251">
        <v>9866</v>
      </c>
      <c r="BP6" s="256">
        <v>9866</v>
      </c>
      <c r="BQ6" s="250">
        <v>17</v>
      </c>
      <c r="BR6" s="254">
        <v>86</v>
      </c>
      <c r="BS6" s="251">
        <v>103</v>
      </c>
      <c r="BT6" s="253">
        <v>0</v>
      </c>
      <c r="BU6" s="254">
        <v>1001</v>
      </c>
      <c r="BV6" s="254">
        <v>1984</v>
      </c>
      <c r="BW6" s="254">
        <v>2935</v>
      </c>
      <c r="BX6" s="254">
        <v>2448</v>
      </c>
      <c r="BY6" s="254">
        <v>1104</v>
      </c>
      <c r="BZ6" s="251">
        <v>9472</v>
      </c>
      <c r="CA6" s="256">
        <v>9575</v>
      </c>
      <c r="CB6" s="250">
        <v>5</v>
      </c>
      <c r="CC6" s="254">
        <v>10</v>
      </c>
      <c r="CD6" s="251">
        <v>15</v>
      </c>
      <c r="CE6" s="253">
        <v>0</v>
      </c>
      <c r="CF6" s="254">
        <v>172</v>
      </c>
      <c r="CG6" s="254">
        <v>328</v>
      </c>
      <c r="CH6" s="254">
        <v>334</v>
      </c>
      <c r="CI6" s="254">
        <v>433</v>
      </c>
      <c r="CJ6" s="254">
        <v>319</v>
      </c>
      <c r="CK6" s="251">
        <v>1586</v>
      </c>
      <c r="CL6" s="256">
        <v>1601</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58">
        <v>0</v>
      </c>
      <c r="E7" s="259">
        <v>0</v>
      </c>
      <c r="F7" s="260">
        <v>0</v>
      </c>
      <c r="G7" s="261">
        <v>4557</v>
      </c>
      <c r="H7" s="261">
        <v>9274</v>
      </c>
      <c r="I7" s="261">
        <v>7495</v>
      </c>
      <c r="J7" s="261">
        <v>11596</v>
      </c>
      <c r="K7" s="261">
        <v>9570</v>
      </c>
      <c r="L7" s="262">
        <v>42492</v>
      </c>
      <c r="M7" s="263">
        <v>42492</v>
      </c>
      <c r="N7" s="257">
        <v>0</v>
      </c>
      <c r="O7" s="261">
        <v>9</v>
      </c>
      <c r="P7" s="258">
        <v>9</v>
      </c>
      <c r="Q7" s="260">
        <v>0</v>
      </c>
      <c r="R7" s="261">
        <v>19</v>
      </c>
      <c r="S7" s="261">
        <v>52</v>
      </c>
      <c r="T7" s="261">
        <v>120</v>
      </c>
      <c r="U7" s="261">
        <v>299</v>
      </c>
      <c r="V7" s="261">
        <v>657</v>
      </c>
      <c r="W7" s="258">
        <v>1147</v>
      </c>
      <c r="X7" s="263">
        <v>1156</v>
      </c>
      <c r="Y7" s="257">
        <v>759</v>
      </c>
      <c r="Z7" s="261">
        <v>2054</v>
      </c>
      <c r="AA7" s="258">
        <v>2813</v>
      </c>
      <c r="AB7" s="260">
        <v>0</v>
      </c>
      <c r="AC7" s="261">
        <v>3467</v>
      </c>
      <c r="AD7" s="261">
        <v>8146</v>
      </c>
      <c r="AE7" s="261">
        <v>4439</v>
      </c>
      <c r="AF7" s="261">
        <v>3640</v>
      </c>
      <c r="AG7" s="261">
        <v>2771</v>
      </c>
      <c r="AH7" s="258">
        <v>22463</v>
      </c>
      <c r="AI7" s="263">
        <v>25276</v>
      </c>
      <c r="AJ7" s="257">
        <v>61</v>
      </c>
      <c r="AK7" s="261">
        <v>579</v>
      </c>
      <c r="AL7" s="258">
        <v>640</v>
      </c>
      <c r="AM7" s="260">
        <v>0</v>
      </c>
      <c r="AN7" s="261">
        <v>379</v>
      </c>
      <c r="AO7" s="261">
        <v>910</v>
      </c>
      <c r="AP7" s="261">
        <v>457</v>
      </c>
      <c r="AQ7" s="261">
        <v>597</v>
      </c>
      <c r="AR7" s="261">
        <v>287</v>
      </c>
      <c r="AS7" s="258">
        <v>2630</v>
      </c>
      <c r="AT7" s="263">
        <v>3270</v>
      </c>
      <c r="AU7" s="257">
        <v>0</v>
      </c>
      <c r="AV7" s="261">
        <v>0</v>
      </c>
      <c r="AW7" s="258">
        <v>0</v>
      </c>
      <c r="AX7" s="260">
        <v>0</v>
      </c>
      <c r="AY7" s="261">
        <v>3489</v>
      </c>
      <c r="AZ7" s="261">
        <v>4362</v>
      </c>
      <c r="BA7" s="261">
        <v>2298</v>
      </c>
      <c r="BB7" s="261">
        <v>1126</v>
      </c>
      <c r="BC7" s="261">
        <v>573</v>
      </c>
      <c r="BD7" s="262">
        <v>11848</v>
      </c>
      <c r="BE7" s="263">
        <v>11848</v>
      </c>
      <c r="BF7" s="257">
        <v>0</v>
      </c>
      <c r="BG7" s="261">
        <v>0</v>
      </c>
      <c r="BH7" s="258">
        <v>0</v>
      </c>
      <c r="BI7" s="260">
        <v>0</v>
      </c>
      <c r="BJ7" s="261">
        <v>757</v>
      </c>
      <c r="BK7" s="261">
        <v>1721</v>
      </c>
      <c r="BL7" s="261">
        <v>881</v>
      </c>
      <c r="BM7" s="261">
        <v>663</v>
      </c>
      <c r="BN7" s="261">
        <v>281</v>
      </c>
      <c r="BO7" s="258">
        <v>4303</v>
      </c>
      <c r="BP7" s="263">
        <v>4303</v>
      </c>
      <c r="BQ7" s="257">
        <v>3</v>
      </c>
      <c r="BR7" s="261">
        <v>32</v>
      </c>
      <c r="BS7" s="258">
        <v>35</v>
      </c>
      <c r="BT7" s="260">
        <v>0</v>
      </c>
      <c r="BU7" s="261">
        <v>311</v>
      </c>
      <c r="BV7" s="261">
        <v>817</v>
      </c>
      <c r="BW7" s="261">
        <v>1183</v>
      </c>
      <c r="BX7" s="261">
        <v>817</v>
      </c>
      <c r="BY7" s="261">
        <v>526</v>
      </c>
      <c r="BZ7" s="258">
        <v>3654</v>
      </c>
      <c r="CA7" s="263">
        <v>3689</v>
      </c>
      <c r="CB7" s="257">
        <v>5</v>
      </c>
      <c r="CC7" s="261">
        <v>10</v>
      </c>
      <c r="CD7" s="258">
        <v>15</v>
      </c>
      <c r="CE7" s="260">
        <v>0</v>
      </c>
      <c r="CF7" s="261">
        <v>105</v>
      </c>
      <c r="CG7" s="261">
        <v>168</v>
      </c>
      <c r="CH7" s="261">
        <v>210</v>
      </c>
      <c r="CI7" s="261">
        <v>276</v>
      </c>
      <c r="CJ7" s="261">
        <v>198</v>
      </c>
      <c r="CK7" s="258">
        <v>957</v>
      </c>
      <c r="CL7" s="263">
        <v>972</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58">
        <v>0</v>
      </c>
      <c r="E8" s="259">
        <v>0</v>
      </c>
      <c r="F8" s="260">
        <v>0</v>
      </c>
      <c r="G8" s="261">
        <v>2164</v>
      </c>
      <c r="H8" s="261">
        <v>2626</v>
      </c>
      <c r="I8" s="261">
        <v>2602</v>
      </c>
      <c r="J8" s="261">
        <v>4419</v>
      </c>
      <c r="K8" s="261">
        <v>3810</v>
      </c>
      <c r="L8" s="262">
        <v>15621</v>
      </c>
      <c r="M8" s="263">
        <v>15621</v>
      </c>
      <c r="N8" s="257">
        <v>0</v>
      </c>
      <c r="O8" s="261">
        <v>1</v>
      </c>
      <c r="P8" s="258">
        <v>1</v>
      </c>
      <c r="Q8" s="260">
        <v>0</v>
      </c>
      <c r="R8" s="261">
        <v>27</v>
      </c>
      <c r="S8" s="261">
        <v>47</v>
      </c>
      <c r="T8" s="261">
        <v>39</v>
      </c>
      <c r="U8" s="261">
        <v>116</v>
      </c>
      <c r="V8" s="261">
        <v>175</v>
      </c>
      <c r="W8" s="258">
        <v>404</v>
      </c>
      <c r="X8" s="263">
        <v>405</v>
      </c>
      <c r="Y8" s="257">
        <v>240</v>
      </c>
      <c r="Z8" s="261">
        <v>699</v>
      </c>
      <c r="AA8" s="258">
        <v>939</v>
      </c>
      <c r="AB8" s="260">
        <v>0</v>
      </c>
      <c r="AC8" s="261">
        <v>2481</v>
      </c>
      <c r="AD8" s="261">
        <v>2377</v>
      </c>
      <c r="AE8" s="261">
        <v>1883</v>
      </c>
      <c r="AF8" s="261">
        <v>1450</v>
      </c>
      <c r="AG8" s="261">
        <v>923</v>
      </c>
      <c r="AH8" s="258">
        <v>9114</v>
      </c>
      <c r="AI8" s="263">
        <v>10053</v>
      </c>
      <c r="AJ8" s="257">
        <v>17</v>
      </c>
      <c r="AK8" s="261">
        <v>6</v>
      </c>
      <c r="AL8" s="258">
        <v>23</v>
      </c>
      <c r="AM8" s="260">
        <v>0</v>
      </c>
      <c r="AN8" s="261">
        <v>182</v>
      </c>
      <c r="AO8" s="261">
        <v>210</v>
      </c>
      <c r="AP8" s="261">
        <v>193</v>
      </c>
      <c r="AQ8" s="261">
        <v>172</v>
      </c>
      <c r="AR8" s="261">
        <v>137</v>
      </c>
      <c r="AS8" s="258">
        <v>894</v>
      </c>
      <c r="AT8" s="263">
        <v>917</v>
      </c>
      <c r="AU8" s="257">
        <v>0</v>
      </c>
      <c r="AV8" s="261">
        <v>0</v>
      </c>
      <c r="AW8" s="258">
        <v>0</v>
      </c>
      <c r="AX8" s="260">
        <v>0</v>
      </c>
      <c r="AY8" s="261">
        <v>1978</v>
      </c>
      <c r="AZ8" s="261">
        <v>1600</v>
      </c>
      <c r="BA8" s="261">
        <v>931</v>
      </c>
      <c r="BB8" s="261">
        <v>543</v>
      </c>
      <c r="BC8" s="261">
        <v>171</v>
      </c>
      <c r="BD8" s="262">
        <v>5223</v>
      </c>
      <c r="BE8" s="263">
        <v>5223</v>
      </c>
      <c r="BF8" s="257">
        <v>0</v>
      </c>
      <c r="BG8" s="261">
        <v>0</v>
      </c>
      <c r="BH8" s="258">
        <v>0</v>
      </c>
      <c r="BI8" s="260">
        <v>0</v>
      </c>
      <c r="BJ8" s="261">
        <v>349</v>
      </c>
      <c r="BK8" s="261">
        <v>465</v>
      </c>
      <c r="BL8" s="261">
        <v>280</v>
      </c>
      <c r="BM8" s="261">
        <v>250</v>
      </c>
      <c r="BN8" s="261">
        <v>67</v>
      </c>
      <c r="BO8" s="258">
        <v>1411</v>
      </c>
      <c r="BP8" s="263">
        <v>1411</v>
      </c>
      <c r="BQ8" s="257">
        <v>0</v>
      </c>
      <c r="BR8" s="261">
        <v>10</v>
      </c>
      <c r="BS8" s="258">
        <v>10</v>
      </c>
      <c r="BT8" s="260">
        <v>0</v>
      </c>
      <c r="BU8" s="261">
        <v>143</v>
      </c>
      <c r="BV8" s="261">
        <v>225</v>
      </c>
      <c r="BW8" s="261">
        <v>454</v>
      </c>
      <c r="BX8" s="261">
        <v>253</v>
      </c>
      <c r="BY8" s="261">
        <v>128</v>
      </c>
      <c r="BZ8" s="258">
        <v>1203</v>
      </c>
      <c r="CA8" s="263">
        <v>1213</v>
      </c>
      <c r="CB8" s="257">
        <v>0</v>
      </c>
      <c r="CC8" s="261">
        <v>0</v>
      </c>
      <c r="CD8" s="258">
        <v>0</v>
      </c>
      <c r="CE8" s="260">
        <v>0</v>
      </c>
      <c r="CF8" s="261">
        <v>34</v>
      </c>
      <c r="CG8" s="261">
        <v>73</v>
      </c>
      <c r="CH8" s="261">
        <v>29</v>
      </c>
      <c r="CI8" s="261">
        <v>95</v>
      </c>
      <c r="CJ8" s="261">
        <v>66</v>
      </c>
      <c r="CK8" s="258">
        <v>297</v>
      </c>
      <c r="CL8" s="263">
        <v>297</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58">
        <v>0</v>
      </c>
      <c r="E9" s="259">
        <v>0</v>
      </c>
      <c r="F9" s="260">
        <v>0</v>
      </c>
      <c r="G9" s="261">
        <v>590</v>
      </c>
      <c r="H9" s="261">
        <v>1085</v>
      </c>
      <c r="I9" s="261">
        <v>1460</v>
      </c>
      <c r="J9" s="261">
        <v>1596</v>
      </c>
      <c r="K9" s="261">
        <v>1318</v>
      </c>
      <c r="L9" s="262">
        <v>6049</v>
      </c>
      <c r="M9" s="263">
        <v>6049</v>
      </c>
      <c r="N9" s="257">
        <v>0</v>
      </c>
      <c r="O9" s="261">
        <v>0</v>
      </c>
      <c r="P9" s="258">
        <v>0</v>
      </c>
      <c r="Q9" s="260">
        <v>0</v>
      </c>
      <c r="R9" s="261">
        <v>0</v>
      </c>
      <c r="S9" s="261">
        <v>20</v>
      </c>
      <c r="T9" s="261">
        <v>12</v>
      </c>
      <c r="U9" s="261">
        <v>53</v>
      </c>
      <c r="V9" s="261">
        <v>68</v>
      </c>
      <c r="W9" s="258">
        <v>153</v>
      </c>
      <c r="X9" s="263">
        <v>153</v>
      </c>
      <c r="Y9" s="257">
        <v>24</v>
      </c>
      <c r="Z9" s="261">
        <v>220</v>
      </c>
      <c r="AA9" s="258">
        <v>244</v>
      </c>
      <c r="AB9" s="260">
        <v>0</v>
      </c>
      <c r="AC9" s="261">
        <v>287</v>
      </c>
      <c r="AD9" s="261">
        <v>991</v>
      </c>
      <c r="AE9" s="261">
        <v>631</v>
      </c>
      <c r="AF9" s="261">
        <v>482</v>
      </c>
      <c r="AG9" s="261">
        <v>412</v>
      </c>
      <c r="AH9" s="258">
        <v>2803</v>
      </c>
      <c r="AI9" s="263">
        <v>3047</v>
      </c>
      <c r="AJ9" s="257">
        <v>0</v>
      </c>
      <c r="AK9" s="261">
        <v>58</v>
      </c>
      <c r="AL9" s="258">
        <v>58</v>
      </c>
      <c r="AM9" s="260">
        <v>0</v>
      </c>
      <c r="AN9" s="261">
        <v>32</v>
      </c>
      <c r="AO9" s="261">
        <v>76</v>
      </c>
      <c r="AP9" s="261">
        <v>73</v>
      </c>
      <c r="AQ9" s="261">
        <v>26</v>
      </c>
      <c r="AR9" s="261">
        <v>8</v>
      </c>
      <c r="AS9" s="258">
        <v>215</v>
      </c>
      <c r="AT9" s="263">
        <v>273</v>
      </c>
      <c r="AU9" s="257">
        <v>0</v>
      </c>
      <c r="AV9" s="261">
        <v>0</v>
      </c>
      <c r="AW9" s="258">
        <v>0</v>
      </c>
      <c r="AX9" s="260">
        <v>0</v>
      </c>
      <c r="AY9" s="261">
        <v>855</v>
      </c>
      <c r="AZ9" s="261">
        <v>784</v>
      </c>
      <c r="BA9" s="261">
        <v>739</v>
      </c>
      <c r="BB9" s="261">
        <v>225</v>
      </c>
      <c r="BC9" s="261">
        <v>119</v>
      </c>
      <c r="BD9" s="262">
        <v>2722</v>
      </c>
      <c r="BE9" s="263">
        <v>2722</v>
      </c>
      <c r="BF9" s="257">
        <v>0</v>
      </c>
      <c r="BG9" s="261">
        <v>0</v>
      </c>
      <c r="BH9" s="258">
        <v>0</v>
      </c>
      <c r="BI9" s="260">
        <v>0</v>
      </c>
      <c r="BJ9" s="261">
        <v>34</v>
      </c>
      <c r="BK9" s="261">
        <v>166</v>
      </c>
      <c r="BL9" s="261">
        <v>93</v>
      </c>
      <c r="BM9" s="261">
        <v>42</v>
      </c>
      <c r="BN9" s="261">
        <v>0</v>
      </c>
      <c r="BO9" s="258">
        <v>335</v>
      </c>
      <c r="BP9" s="263">
        <v>335</v>
      </c>
      <c r="BQ9" s="257">
        <v>0</v>
      </c>
      <c r="BR9" s="261">
        <v>9</v>
      </c>
      <c r="BS9" s="258">
        <v>9</v>
      </c>
      <c r="BT9" s="260">
        <v>0</v>
      </c>
      <c r="BU9" s="261">
        <v>101</v>
      </c>
      <c r="BV9" s="261">
        <v>167</v>
      </c>
      <c r="BW9" s="261">
        <v>246</v>
      </c>
      <c r="BX9" s="261">
        <v>225</v>
      </c>
      <c r="BY9" s="261">
        <v>108</v>
      </c>
      <c r="BZ9" s="258">
        <v>847</v>
      </c>
      <c r="CA9" s="263">
        <v>856</v>
      </c>
      <c r="CB9" s="257">
        <v>0</v>
      </c>
      <c r="CC9" s="261">
        <v>0</v>
      </c>
      <c r="CD9" s="258">
        <v>0</v>
      </c>
      <c r="CE9" s="260">
        <v>0</v>
      </c>
      <c r="CF9" s="261">
        <v>0</v>
      </c>
      <c r="CG9" s="261">
        <v>1</v>
      </c>
      <c r="CH9" s="261">
        <v>12</v>
      </c>
      <c r="CI9" s="261">
        <v>0</v>
      </c>
      <c r="CJ9" s="261">
        <v>0</v>
      </c>
      <c r="CK9" s="258">
        <v>13</v>
      </c>
      <c r="CL9" s="263">
        <v>13</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58">
        <v>0</v>
      </c>
      <c r="E10" s="259">
        <v>0</v>
      </c>
      <c r="F10" s="260">
        <v>0</v>
      </c>
      <c r="G10" s="261">
        <v>871</v>
      </c>
      <c r="H10" s="261">
        <v>430</v>
      </c>
      <c r="I10" s="261">
        <v>602</v>
      </c>
      <c r="J10" s="261">
        <v>904</v>
      </c>
      <c r="K10" s="261">
        <v>838</v>
      </c>
      <c r="L10" s="262">
        <v>3645</v>
      </c>
      <c r="M10" s="263">
        <v>3645</v>
      </c>
      <c r="N10" s="257">
        <v>0</v>
      </c>
      <c r="O10" s="261">
        <v>0</v>
      </c>
      <c r="P10" s="258">
        <v>0</v>
      </c>
      <c r="Q10" s="260">
        <v>0</v>
      </c>
      <c r="R10" s="261">
        <v>4</v>
      </c>
      <c r="S10" s="261">
        <v>8</v>
      </c>
      <c r="T10" s="261">
        <v>5</v>
      </c>
      <c r="U10" s="261">
        <v>22</v>
      </c>
      <c r="V10" s="261">
        <v>55</v>
      </c>
      <c r="W10" s="258">
        <v>94</v>
      </c>
      <c r="X10" s="263">
        <v>94</v>
      </c>
      <c r="Y10" s="257">
        <v>0</v>
      </c>
      <c r="Z10" s="261">
        <v>0</v>
      </c>
      <c r="AA10" s="258">
        <v>0</v>
      </c>
      <c r="AB10" s="260">
        <v>0</v>
      </c>
      <c r="AC10" s="261">
        <v>282</v>
      </c>
      <c r="AD10" s="261">
        <v>242</v>
      </c>
      <c r="AE10" s="261">
        <v>179</v>
      </c>
      <c r="AF10" s="261">
        <v>238</v>
      </c>
      <c r="AG10" s="261">
        <v>154</v>
      </c>
      <c r="AH10" s="258">
        <v>1095</v>
      </c>
      <c r="AI10" s="263">
        <v>1095</v>
      </c>
      <c r="AJ10" s="257">
        <v>10</v>
      </c>
      <c r="AK10" s="261">
        <v>0</v>
      </c>
      <c r="AL10" s="258">
        <v>10</v>
      </c>
      <c r="AM10" s="260">
        <v>0</v>
      </c>
      <c r="AN10" s="261">
        <v>44</v>
      </c>
      <c r="AO10" s="261">
        <v>47</v>
      </c>
      <c r="AP10" s="261">
        <v>4</v>
      </c>
      <c r="AQ10" s="261">
        <v>42</v>
      </c>
      <c r="AR10" s="261">
        <v>0</v>
      </c>
      <c r="AS10" s="258">
        <v>137</v>
      </c>
      <c r="AT10" s="263">
        <v>147</v>
      </c>
      <c r="AU10" s="257">
        <v>0</v>
      </c>
      <c r="AV10" s="261">
        <v>0</v>
      </c>
      <c r="AW10" s="258">
        <v>0</v>
      </c>
      <c r="AX10" s="260">
        <v>0</v>
      </c>
      <c r="AY10" s="261">
        <v>547</v>
      </c>
      <c r="AZ10" s="261">
        <v>259</v>
      </c>
      <c r="BA10" s="261">
        <v>213</v>
      </c>
      <c r="BB10" s="261">
        <v>77</v>
      </c>
      <c r="BC10" s="261">
        <v>37</v>
      </c>
      <c r="BD10" s="262">
        <v>1133</v>
      </c>
      <c r="BE10" s="263">
        <v>1133</v>
      </c>
      <c r="BF10" s="257">
        <v>0</v>
      </c>
      <c r="BG10" s="261">
        <v>0</v>
      </c>
      <c r="BH10" s="258">
        <v>0</v>
      </c>
      <c r="BI10" s="260">
        <v>0</v>
      </c>
      <c r="BJ10" s="261">
        <v>121</v>
      </c>
      <c r="BK10" s="261">
        <v>51</v>
      </c>
      <c r="BL10" s="261">
        <v>43</v>
      </c>
      <c r="BM10" s="261">
        <v>67</v>
      </c>
      <c r="BN10" s="261">
        <v>12</v>
      </c>
      <c r="BO10" s="258">
        <v>294</v>
      </c>
      <c r="BP10" s="263">
        <v>294</v>
      </c>
      <c r="BQ10" s="257">
        <v>0</v>
      </c>
      <c r="BR10" s="261">
        <v>0</v>
      </c>
      <c r="BS10" s="258">
        <v>0</v>
      </c>
      <c r="BT10" s="260">
        <v>0</v>
      </c>
      <c r="BU10" s="261">
        <v>72</v>
      </c>
      <c r="BV10" s="261">
        <v>133</v>
      </c>
      <c r="BW10" s="261">
        <v>85</v>
      </c>
      <c r="BX10" s="261">
        <v>33</v>
      </c>
      <c r="BY10" s="261">
        <v>42</v>
      </c>
      <c r="BZ10" s="258">
        <v>365</v>
      </c>
      <c r="CA10" s="263">
        <v>365</v>
      </c>
      <c r="CB10" s="257">
        <v>0</v>
      </c>
      <c r="CC10" s="261">
        <v>0</v>
      </c>
      <c r="CD10" s="258">
        <v>0</v>
      </c>
      <c r="CE10" s="260">
        <v>0</v>
      </c>
      <c r="CF10" s="261">
        <v>5</v>
      </c>
      <c r="CG10" s="261">
        <v>0</v>
      </c>
      <c r="CH10" s="261">
        <v>0</v>
      </c>
      <c r="CI10" s="261">
        <v>0</v>
      </c>
      <c r="CJ10" s="261">
        <v>0</v>
      </c>
      <c r="CK10" s="258">
        <v>5</v>
      </c>
      <c r="CL10" s="263">
        <v>5</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58">
        <v>0</v>
      </c>
      <c r="E11" s="259">
        <v>0</v>
      </c>
      <c r="F11" s="260">
        <v>0</v>
      </c>
      <c r="G11" s="261">
        <v>259</v>
      </c>
      <c r="H11" s="261">
        <v>201</v>
      </c>
      <c r="I11" s="261">
        <v>439</v>
      </c>
      <c r="J11" s="261">
        <v>287</v>
      </c>
      <c r="K11" s="261">
        <v>565</v>
      </c>
      <c r="L11" s="262">
        <v>1751</v>
      </c>
      <c r="M11" s="263">
        <v>1751</v>
      </c>
      <c r="N11" s="257">
        <v>0</v>
      </c>
      <c r="O11" s="261">
        <v>0</v>
      </c>
      <c r="P11" s="258">
        <v>0</v>
      </c>
      <c r="Q11" s="260">
        <v>0</v>
      </c>
      <c r="R11" s="261">
        <v>0</v>
      </c>
      <c r="S11" s="261">
        <v>0</v>
      </c>
      <c r="T11" s="261">
        <v>5</v>
      </c>
      <c r="U11" s="261">
        <v>11</v>
      </c>
      <c r="V11" s="261">
        <v>13</v>
      </c>
      <c r="W11" s="258">
        <v>29</v>
      </c>
      <c r="X11" s="263">
        <v>29</v>
      </c>
      <c r="Y11" s="257">
        <v>18</v>
      </c>
      <c r="Z11" s="261">
        <v>53</v>
      </c>
      <c r="AA11" s="258">
        <v>71</v>
      </c>
      <c r="AB11" s="260">
        <v>0</v>
      </c>
      <c r="AC11" s="261">
        <v>211</v>
      </c>
      <c r="AD11" s="261">
        <v>164</v>
      </c>
      <c r="AE11" s="261">
        <v>94</v>
      </c>
      <c r="AF11" s="261">
        <v>123</v>
      </c>
      <c r="AG11" s="261">
        <v>85</v>
      </c>
      <c r="AH11" s="258">
        <v>677</v>
      </c>
      <c r="AI11" s="263">
        <v>748</v>
      </c>
      <c r="AJ11" s="257">
        <v>0</v>
      </c>
      <c r="AK11" s="261">
        <v>18</v>
      </c>
      <c r="AL11" s="258">
        <v>18</v>
      </c>
      <c r="AM11" s="260">
        <v>0</v>
      </c>
      <c r="AN11" s="261">
        <v>58</v>
      </c>
      <c r="AO11" s="261">
        <v>101</v>
      </c>
      <c r="AP11" s="261">
        <v>51</v>
      </c>
      <c r="AQ11" s="261">
        <v>34</v>
      </c>
      <c r="AR11" s="261">
        <v>33</v>
      </c>
      <c r="AS11" s="258">
        <v>277</v>
      </c>
      <c r="AT11" s="263">
        <v>295</v>
      </c>
      <c r="AU11" s="257">
        <v>0</v>
      </c>
      <c r="AV11" s="261">
        <v>0</v>
      </c>
      <c r="AW11" s="258">
        <v>0</v>
      </c>
      <c r="AX11" s="260">
        <v>0</v>
      </c>
      <c r="AY11" s="261">
        <v>212</v>
      </c>
      <c r="AZ11" s="261">
        <v>228</v>
      </c>
      <c r="BA11" s="261">
        <v>75</v>
      </c>
      <c r="BB11" s="261">
        <v>134</v>
      </c>
      <c r="BC11" s="261">
        <v>44</v>
      </c>
      <c r="BD11" s="262">
        <v>693</v>
      </c>
      <c r="BE11" s="263">
        <v>693</v>
      </c>
      <c r="BF11" s="257">
        <v>0</v>
      </c>
      <c r="BG11" s="261">
        <v>0</v>
      </c>
      <c r="BH11" s="258">
        <v>0</v>
      </c>
      <c r="BI11" s="260">
        <v>0</v>
      </c>
      <c r="BJ11" s="261">
        <v>66</v>
      </c>
      <c r="BK11" s="261">
        <v>65</v>
      </c>
      <c r="BL11" s="261">
        <v>79</v>
      </c>
      <c r="BM11" s="261">
        <v>45</v>
      </c>
      <c r="BN11" s="261">
        <v>29</v>
      </c>
      <c r="BO11" s="258">
        <v>284</v>
      </c>
      <c r="BP11" s="263">
        <v>284</v>
      </c>
      <c r="BQ11" s="257">
        <v>0</v>
      </c>
      <c r="BR11" s="261">
        <v>10</v>
      </c>
      <c r="BS11" s="258">
        <v>10</v>
      </c>
      <c r="BT11" s="260">
        <v>0</v>
      </c>
      <c r="BU11" s="261">
        <v>17</v>
      </c>
      <c r="BV11" s="261">
        <v>46</v>
      </c>
      <c r="BW11" s="261">
        <v>85</v>
      </c>
      <c r="BX11" s="261">
        <v>108</v>
      </c>
      <c r="BY11" s="261">
        <v>3</v>
      </c>
      <c r="BZ11" s="258">
        <v>259</v>
      </c>
      <c r="CA11" s="263">
        <v>269</v>
      </c>
      <c r="CB11" s="257">
        <v>0</v>
      </c>
      <c r="CC11" s="261">
        <v>0</v>
      </c>
      <c r="CD11" s="258">
        <v>0</v>
      </c>
      <c r="CE11" s="260">
        <v>0</v>
      </c>
      <c r="CF11" s="261">
        <v>0</v>
      </c>
      <c r="CG11" s="261">
        <v>0</v>
      </c>
      <c r="CH11" s="261">
        <v>0</v>
      </c>
      <c r="CI11" s="261">
        <v>3</v>
      </c>
      <c r="CJ11" s="261">
        <v>11</v>
      </c>
      <c r="CK11" s="258">
        <v>14</v>
      </c>
      <c r="CL11" s="263">
        <v>14</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58">
        <v>0</v>
      </c>
      <c r="E12" s="259">
        <v>0</v>
      </c>
      <c r="F12" s="260">
        <v>0</v>
      </c>
      <c r="G12" s="261">
        <v>802</v>
      </c>
      <c r="H12" s="261">
        <v>673</v>
      </c>
      <c r="I12" s="261">
        <v>1035</v>
      </c>
      <c r="J12" s="261">
        <v>1441</v>
      </c>
      <c r="K12" s="261">
        <v>1550</v>
      </c>
      <c r="L12" s="262">
        <v>5501</v>
      </c>
      <c r="M12" s="263">
        <v>5501</v>
      </c>
      <c r="N12" s="257">
        <v>0</v>
      </c>
      <c r="O12" s="261">
        <v>0</v>
      </c>
      <c r="P12" s="258">
        <v>0</v>
      </c>
      <c r="Q12" s="260">
        <v>0</v>
      </c>
      <c r="R12" s="261">
        <v>4</v>
      </c>
      <c r="S12" s="261">
        <v>3</v>
      </c>
      <c r="T12" s="261">
        <v>5</v>
      </c>
      <c r="U12" s="261">
        <v>46</v>
      </c>
      <c r="V12" s="261">
        <v>74</v>
      </c>
      <c r="W12" s="258">
        <v>132</v>
      </c>
      <c r="X12" s="263">
        <v>132</v>
      </c>
      <c r="Y12" s="257">
        <v>75</v>
      </c>
      <c r="Z12" s="261">
        <v>92</v>
      </c>
      <c r="AA12" s="258">
        <v>167</v>
      </c>
      <c r="AB12" s="260">
        <v>0</v>
      </c>
      <c r="AC12" s="261">
        <v>460</v>
      </c>
      <c r="AD12" s="261">
        <v>401</v>
      </c>
      <c r="AE12" s="261">
        <v>315</v>
      </c>
      <c r="AF12" s="261">
        <v>343</v>
      </c>
      <c r="AG12" s="261">
        <v>317</v>
      </c>
      <c r="AH12" s="258">
        <v>1836</v>
      </c>
      <c r="AI12" s="263">
        <v>2003</v>
      </c>
      <c r="AJ12" s="257">
        <v>0</v>
      </c>
      <c r="AK12" s="261">
        <v>20</v>
      </c>
      <c r="AL12" s="258">
        <v>20</v>
      </c>
      <c r="AM12" s="260">
        <v>0</v>
      </c>
      <c r="AN12" s="261">
        <v>44</v>
      </c>
      <c r="AO12" s="261">
        <v>138</v>
      </c>
      <c r="AP12" s="261">
        <v>72</v>
      </c>
      <c r="AQ12" s="261">
        <v>64</v>
      </c>
      <c r="AR12" s="261">
        <v>38</v>
      </c>
      <c r="AS12" s="258">
        <v>356</v>
      </c>
      <c r="AT12" s="263">
        <v>376</v>
      </c>
      <c r="AU12" s="257">
        <v>0</v>
      </c>
      <c r="AV12" s="261">
        <v>0</v>
      </c>
      <c r="AW12" s="258">
        <v>0</v>
      </c>
      <c r="AX12" s="260">
        <v>0</v>
      </c>
      <c r="AY12" s="261">
        <v>521</v>
      </c>
      <c r="AZ12" s="261">
        <v>203</v>
      </c>
      <c r="BA12" s="261">
        <v>140</v>
      </c>
      <c r="BB12" s="261">
        <v>161</v>
      </c>
      <c r="BC12" s="261">
        <v>19</v>
      </c>
      <c r="BD12" s="262">
        <v>1044</v>
      </c>
      <c r="BE12" s="263">
        <v>1044</v>
      </c>
      <c r="BF12" s="257">
        <v>0</v>
      </c>
      <c r="BG12" s="261">
        <v>0</v>
      </c>
      <c r="BH12" s="258">
        <v>0</v>
      </c>
      <c r="BI12" s="260">
        <v>0</v>
      </c>
      <c r="BJ12" s="261">
        <v>75</v>
      </c>
      <c r="BK12" s="261">
        <v>90</v>
      </c>
      <c r="BL12" s="261">
        <v>49</v>
      </c>
      <c r="BM12" s="261">
        <v>92</v>
      </c>
      <c r="BN12" s="261">
        <v>9</v>
      </c>
      <c r="BO12" s="258">
        <v>315</v>
      </c>
      <c r="BP12" s="263">
        <v>315</v>
      </c>
      <c r="BQ12" s="257">
        <v>12</v>
      </c>
      <c r="BR12" s="261">
        <v>3</v>
      </c>
      <c r="BS12" s="258">
        <v>15</v>
      </c>
      <c r="BT12" s="260">
        <v>0</v>
      </c>
      <c r="BU12" s="261">
        <v>15</v>
      </c>
      <c r="BV12" s="261">
        <v>87</v>
      </c>
      <c r="BW12" s="261">
        <v>52</v>
      </c>
      <c r="BX12" s="261">
        <v>177</v>
      </c>
      <c r="BY12" s="261">
        <v>55</v>
      </c>
      <c r="BZ12" s="258">
        <v>386</v>
      </c>
      <c r="CA12" s="263">
        <v>401</v>
      </c>
      <c r="CB12" s="257">
        <v>0</v>
      </c>
      <c r="CC12" s="261">
        <v>0</v>
      </c>
      <c r="CD12" s="258">
        <v>0</v>
      </c>
      <c r="CE12" s="260">
        <v>0</v>
      </c>
      <c r="CF12" s="261">
        <v>0</v>
      </c>
      <c r="CG12" s="261">
        <v>31</v>
      </c>
      <c r="CH12" s="261">
        <v>11</v>
      </c>
      <c r="CI12" s="261">
        <v>22</v>
      </c>
      <c r="CJ12" s="261">
        <v>23</v>
      </c>
      <c r="CK12" s="258">
        <v>87</v>
      </c>
      <c r="CL12" s="263">
        <v>87</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58">
        <v>0</v>
      </c>
      <c r="E13" s="259">
        <v>0</v>
      </c>
      <c r="F13" s="260">
        <v>0</v>
      </c>
      <c r="G13" s="261">
        <v>1429</v>
      </c>
      <c r="H13" s="261">
        <v>988</v>
      </c>
      <c r="I13" s="261">
        <v>1462</v>
      </c>
      <c r="J13" s="261">
        <v>1769</v>
      </c>
      <c r="K13" s="261">
        <v>1318</v>
      </c>
      <c r="L13" s="262">
        <v>6966</v>
      </c>
      <c r="M13" s="263">
        <v>6966</v>
      </c>
      <c r="N13" s="257">
        <v>0</v>
      </c>
      <c r="O13" s="261">
        <v>0</v>
      </c>
      <c r="P13" s="258">
        <v>0</v>
      </c>
      <c r="Q13" s="260">
        <v>0</v>
      </c>
      <c r="R13" s="261">
        <v>3</v>
      </c>
      <c r="S13" s="261">
        <v>7</v>
      </c>
      <c r="T13" s="261">
        <v>9</v>
      </c>
      <c r="U13" s="261">
        <v>8</v>
      </c>
      <c r="V13" s="261">
        <v>39</v>
      </c>
      <c r="W13" s="258">
        <v>66</v>
      </c>
      <c r="X13" s="263">
        <v>66</v>
      </c>
      <c r="Y13" s="257">
        <v>70</v>
      </c>
      <c r="Z13" s="261">
        <v>202</v>
      </c>
      <c r="AA13" s="258">
        <v>272</v>
      </c>
      <c r="AB13" s="260">
        <v>0</v>
      </c>
      <c r="AC13" s="261">
        <v>655</v>
      </c>
      <c r="AD13" s="261">
        <v>448</v>
      </c>
      <c r="AE13" s="261">
        <v>211</v>
      </c>
      <c r="AF13" s="261">
        <v>235</v>
      </c>
      <c r="AG13" s="261">
        <v>165</v>
      </c>
      <c r="AH13" s="258">
        <v>1714</v>
      </c>
      <c r="AI13" s="263">
        <v>1986</v>
      </c>
      <c r="AJ13" s="257">
        <v>20</v>
      </c>
      <c r="AK13" s="261">
        <v>48</v>
      </c>
      <c r="AL13" s="258">
        <v>68</v>
      </c>
      <c r="AM13" s="260">
        <v>0</v>
      </c>
      <c r="AN13" s="261">
        <v>99</v>
      </c>
      <c r="AO13" s="261">
        <v>150</v>
      </c>
      <c r="AP13" s="261">
        <v>51</v>
      </c>
      <c r="AQ13" s="261">
        <v>6</v>
      </c>
      <c r="AR13" s="261">
        <v>48</v>
      </c>
      <c r="AS13" s="258">
        <v>354</v>
      </c>
      <c r="AT13" s="263">
        <v>422</v>
      </c>
      <c r="AU13" s="257">
        <v>0</v>
      </c>
      <c r="AV13" s="261">
        <v>0</v>
      </c>
      <c r="AW13" s="258">
        <v>0</v>
      </c>
      <c r="AX13" s="260">
        <v>0</v>
      </c>
      <c r="AY13" s="261">
        <v>930</v>
      </c>
      <c r="AZ13" s="261">
        <v>570</v>
      </c>
      <c r="BA13" s="261">
        <v>345</v>
      </c>
      <c r="BB13" s="261">
        <v>162</v>
      </c>
      <c r="BC13" s="261">
        <v>39</v>
      </c>
      <c r="BD13" s="262">
        <v>2046</v>
      </c>
      <c r="BE13" s="263">
        <v>2046</v>
      </c>
      <c r="BF13" s="257">
        <v>0</v>
      </c>
      <c r="BG13" s="261">
        <v>0</v>
      </c>
      <c r="BH13" s="258">
        <v>0</v>
      </c>
      <c r="BI13" s="260">
        <v>0</v>
      </c>
      <c r="BJ13" s="261">
        <v>173</v>
      </c>
      <c r="BK13" s="261">
        <v>121</v>
      </c>
      <c r="BL13" s="261">
        <v>17</v>
      </c>
      <c r="BM13" s="261">
        <v>14</v>
      </c>
      <c r="BN13" s="261">
        <v>13</v>
      </c>
      <c r="BO13" s="258">
        <v>338</v>
      </c>
      <c r="BP13" s="263">
        <v>338</v>
      </c>
      <c r="BQ13" s="257">
        <v>0</v>
      </c>
      <c r="BR13" s="261">
        <v>10</v>
      </c>
      <c r="BS13" s="258">
        <v>10</v>
      </c>
      <c r="BT13" s="260">
        <v>0</v>
      </c>
      <c r="BU13" s="261">
        <v>76</v>
      </c>
      <c r="BV13" s="261">
        <v>86</v>
      </c>
      <c r="BW13" s="261">
        <v>141</v>
      </c>
      <c r="BX13" s="261">
        <v>211</v>
      </c>
      <c r="BY13" s="261">
        <v>3</v>
      </c>
      <c r="BZ13" s="258">
        <v>517</v>
      </c>
      <c r="CA13" s="263">
        <v>527</v>
      </c>
      <c r="CB13" s="257">
        <v>0</v>
      </c>
      <c r="CC13" s="261">
        <v>0</v>
      </c>
      <c r="CD13" s="258">
        <v>0</v>
      </c>
      <c r="CE13" s="260">
        <v>0</v>
      </c>
      <c r="CF13" s="261">
        <v>11</v>
      </c>
      <c r="CG13" s="261">
        <v>12</v>
      </c>
      <c r="CH13" s="261">
        <v>0</v>
      </c>
      <c r="CI13" s="261">
        <v>4</v>
      </c>
      <c r="CJ13" s="261">
        <v>4</v>
      </c>
      <c r="CK13" s="258">
        <v>31</v>
      </c>
      <c r="CL13" s="263">
        <v>31</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58">
        <v>0</v>
      </c>
      <c r="E14" s="259">
        <v>0</v>
      </c>
      <c r="F14" s="260">
        <v>0</v>
      </c>
      <c r="G14" s="261">
        <v>149</v>
      </c>
      <c r="H14" s="261">
        <v>158</v>
      </c>
      <c r="I14" s="261">
        <v>319</v>
      </c>
      <c r="J14" s="261">
        <v>332</v>
      </c>
      <c r="K14" s="261">
        <v>360</v>
      </c>
      <c r="L14" s="262">
        <v>1318</v>
      </c>
      <c r="M14" s="263">
        <v>1318</v>
      </c>
      <c r="N14" s="257">
        <v>0</v>
      </c>
      <c r="O14" s="261">
        <v>0</v>
      </c>
      <c r="P14" s="258">
        <v>0</v>
      </c>
      <c r="Q14" s="260">
        <v>0</v>
      </c>
      <c r="R14" s="261">
        <v>0</v>
      </c>
      <c r="S14" s="261">
        <v>0</v>
      </c>
      <c r="T14" s="261">
        <v>0</v>
      </c>
      <c r="U14" s="261">
        <v>14</v>
      </c>
      <c r="V14" s="261">
        <v>27</v>
      </c>
      <c r="W14" s="258">
        <v>41</v>
      </c>
      <c r="X14" s="263">
        <v>41</v>
      </c>
      <c r="Y14" s="257">
        <v>17</v>
      </c>
      <c r="Z14" s="261">
        <v>8</v>
      </c>
      <c r="AA14" s="258">
        <v>25</v>
      </c>
      <c r="AB14" s="260">
        <v>0</v>
      </c>
      <c r="AC14" s="261">
        <v>244</v>
      </c>
      <c r="AD14" s="261">
        <v>192</v>
      </c>
      <c r="AE14" s="261">
        <v>107</v>
      </c>
      <c r="AF14" s="261">
        <v>183</v>
      </c>
      <c r="AG14" s="261">
        <v>75</v>
      </c>
      <c r="AH14" s="258">
        <v>801</v>
      </c>
      <c r="AI14" s="263">
        <v>826</v>
      </c>
      <c r="AJ14" s="257">
        <v>0</v>
      </c>
      <c r="AK14" s="261">
        <v>12</v>
      </c>
      <c r="AL14" s="258">
        <v>12</v>
      </c>
      <c r="AM14" s="260">
        <v>0</v>
      </c>
      <c r="AN14" s="261">
        <v>24</v>
      </c>
      <c r="AO14" s="261">
        <v>17</v>
      </c>
      <c r="AP14" s="261">
        <v>0</v>
      </c>
      <c r="AQ14" s="261">
        <v>12</v>
      </c>
      <c r="AR14" s="261">
        <v>23</v>
      </c>
      <c r="AS14" s="258">
        <v>76</v>
      </c>
      <c r="AT14" s="263">
        <v>88</v>
      </c>
      <c r="AU14" s="257">
        <v>0</v>
      </c>
      <c r="AV14" s="261">
        <v>0</v>
      </c>
      <c r="AW14" s="258">
        <v>0</v>
      </c>
      <c r="AX14" s="260">
        <v>0</v>
      </c>
      <c r="AY14" s="261">
        <v>116</v>
      </c>
      <c r="AZ14" s="261">
        <v>121</v>
      </c>
      <c r="BA14" s="261">
        <v>97</v>
      </c>
      <c r="BB14" s="261">
        <v>96</v>
      </c>
      <c r="BC14" s="261">
        <v>22</v>
      </c>
      <c r="BD14" s="262">
        <v>452</v>
      </c>
      <c r="BE14" s="263">
        <v>452</v>
      </c>
      <c r="BF14" s="257">
        <v>0</v>
      </c>
      <c r="BG14" s="261">
        <v>0</v>
      </c>
      <c r="BH14" s="258">
        <v>0</v>
      </c>
      <c r="BI14" s="260">
        <v>0</v>
      </c>
      <c r="BJ14" s="261">
        <v>87</v>
      </c>
      <c r="BK14" s="261">
        <v>89</v>
      </c>
      <c r="BL14" s="261">
        <v>62</v>
      </c>
      <c r="BM14" s="261">
        <v>18</v>
      </c>
      <c r="BN14" s="261">
        <v>7</v>
      </c>
      <c r="BO14" s="258">
        <v>263</v>
      </c>
      <c r="BP14" s="263">
        <v>263</v>
      </c>
      <c r="BQ14" s="257">
        <v>0</v>
      </c>
      <c r="BR14" s="261">
        <v>0</v>
      </c>
      <c r="BS14" s="258">
        <v>0</v>
      </c>
      <c r="BT14" s="260">
        <v>0</v>
      </c>
      <c r="BU14" s="261">
        <v>29</v>
      </c>
      <c r="BV14" s="261">
        <v>59</v>
      </c>
      <c r="BW14" s="261">
        <v>21</v>
      </c>
      <c r="BX14" s="261">
        <v>10</v>
      </c>
      <c r="BY14" s="261">
        <v>48</v>
      </c>
      <c r="BZ14" s="258">
        <v>167</v>
      </c>
      <c r="CA14" s="263">
        <v>167</v>
      </c>
      <c r="CB14" s="257">
        <v>0</v>
      </c>
      <c r="CC14" s="261">
        <v>0</v>
      </c>
      <c r="CD14" s="258">
        <v>0</v>
      </c>
      <c r="CE14" s="260">
        <v>0</v>
      </c>
      <c r="CF14" s="261">
        <v>0</v>
      </c>
      <c r="CG14" s="261">
        <v>0</v>
      </c>
      <c r="CH14" s="261">
        <v>20</v>
      </c>
      <c r="CI14" s="261">
        <v>4</v>
      </c>
      <c r="CJ14" s="261">
        <v>15</v>
      </c>
      <c r="CK14" s="258">
        <v>39</v>
      </c>
      <c r="CL14" s="263">
        <v>39</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58">
        <v>0</v>
      </c>
      <c r="E15" s="259">
        <v>0</v>
      </c>
      <c r="F15" s="260">
        <v>0</v>
      </c>
      <c r="G15" s="261">
        <v>409</v>
      </c>
      <c r="H15" s="261">
        <v>656</v>
      </c>
      <c r="I15" s="261">
        <v>925</v>
      </c>
      <c r="J15" s="261">
        <v>553</v>
      </c>
      <c r="K15" s="261">
        <v>711</v>
      </c>
      <c r="L15" s="262">
        <v>3254</v>
      </c>
      <c r="M15" s="263">
        <v>3254</v>
      </c>
      <c r="N15" s="257">
        <v>0</v>
      </c>
      <c r="O15" s="261">
        <v>0</v>
      </c>
      <c r="P15" s="258">
        <v>0</v>
      </c>
      <c r="Q15" s="260">
        <v>0</v>
      </c>
      <c r="R15" s="261">
        <v>0</v>
      </c>
      <c r="S15" s="261">
        <v>4</v>
      </c>
      <c r="T15" s="261">
        <v>8</v>
      </c>
      <c r="U15" s="261">
        <v>5</v>
      </c>
      <c r="V15" s="261">
        <v>34</v>
      </c>
      <c r="W15" s="258">
        <v>51</v>
      </c>
      <c r="X15" s="263">
        <v>51</v>
      </c>
      <c r="Y15" s="257">
        <v>50</v>
      </c>
      <c r="Z15" s="261">
        <v>182</v>
      </c>
      <c r="AA15" s="258">
        <v>232</v>
      </c>
      <c r="AB15" s="260">
        <v>0</v>
      </c>
      <c r="AC15" s="261">
        <v>172</v>
      </c>
      <c r="AD15" s="261">
        <v>192</v>
      </c>
      <c r="AE15" s="261">
        <v>175</v>
      </c>
      <c r="AF15" s="261">
        <v>143</v>
      </c>
      <c r="AG15" s="261">
        <v>127</v>
      </c>
      <c r="AH15" s="258">
        <v>809</v>
      </c>
      <c r="AI15" s="263">
        <v>1041</v>
      </c>
      <c r="AJ15" s="257">
        <v>9</v>
      </c>
      <c r="AK15" s="261">
        <v>8</v>
      </c>
      <c r="AL15" s="258">
        <v>17</v>
      </c>
      <c r="AM15" s="260">
        <v>0</v>
      </c>
      <c r="AN15" s="261">
        <v>32</v>
      </c>
      <c r="AO15" s="261">
        <v>6</v>
      </c>
      <c r="AP15" s="261">
        <v>30</v>
      </c>
      <c r="AQ15" s="261">
        <v>46</v>
      </c>
      <c r="AR15" s="261">
        <v>0</v>
      </c>
      <c r="AS15" s="258">
        <v>114</v>
      </c>
      <c r="AT15" s="263">
        <v>131</v>
      </c>
      <c r="AU15" s="257">
        <v>0</v>
      </c>
      <c r="AV15" s="261">
        <v>0</v>
      </c>
      <c r="AW15" s="258">
        <v>0</v>
      </c>
      <c r="AX15" s="260">
        <v>0</v>
      </c>
      <c r="AY15" s="261">
        <v>399</v>
      </c>
      <c r="AZ15" s="261">
        <v>271</v>
      </c>
      <c r="BA15" s="261">
        <v>102</v>
      </c>
      <c r="BB15" s="261">
        <v>50</v>
      </c>
      <c r="BC15" s="261">
        <v>54</v>
      </c>
      <c r="BD15" s="262">
        <v>876</v>
      </c>
      <c r="BE15" s="263">
        <v>876</v>
      </c>
      <c r="BF15" s="257">
        <v>0</v>
      </c>
      <c r="BG15" s="261">
        <v>0</v>
      </c>
      <c r="BH15" s="258">
        <v>0</v>
      </c>
      <c r="BI15" s="260">
        <v>0</v>
      </c>
      <c r="BJ15" s="261">
        <v>94</v>
      </c>
      <c r="BK15" s="261">
        <v>81</v>
      </c>
      <c r="BL15" s="261">
        <v>82</v>
      </c>
      <c r="BM15" s="261">
        <v>37</v>
      </c>
      <c r="BN15" s="261">
        <v>8</v>
      </c>
      <c r="BO15" s="258">
        <v>302</v>
      </c>
      <c r="BP15" s="263">
        <v>302</v>
      </c>
      <c r="BQ15" s="257">
        <v>0</v>
      </c>
      <c r="BR15" s="261">
        <v>0</v>
      </c>
      <c r="BS15" s="258">
        <v>0</v>
      </c>
      <c r="BT15" s="260">
        <v>0</v>
      </c>
      <c r="BU15" s="261">
        <v>68</v>
      </c>
      <c r="BV15" s="261">
        <v>78</v>
      </c>
      <c r="BW15" s="261">
        <v>132</v>
      </c>
      <c r="BX15" s="261">
        <v>63</v>
      </c>
      <c r="BY15" s="261">
        <v>32</v>
      </c>
      <c r="BZ15" s="258">
        <v>373</v>
      </c>
      <c r="CA15" s="263">
        <v>373</v>
      </c>
      <c r="CB15" s="257">
        <v>0</v>
      </c>
      <c r="CC15" s="261">
        <v>0</v>
      </c>
      <c r="CD15" s="258">
        <v>0</v>
      </c>
      <c r="CE15" s="260">
        <v>0</v>
      </c>
      <c r="CF15" s="261">
        <v>3</v>
      </c>
      <c r="CG15" s="261">
        <v>8</v>
      </c>
      <c r="CH15" s="261">
        <v>3</v>
      </c>
      <c r="CI15" s="261">
        <v>0</v>
      </c>
      <c r="CJ15" s="261">
        <v>0</v>
      </c>
      <c r="CK15" s="258">
        <v>14</v>
      </c>
      <c r="CL15" s="263">
        <v>14</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58">
        <v>0</v>
      </c>
      <c r="E16" s="259">
        <v>0</v>
      </c>
      <c r="F16" s="260">
        <v>0</v>
      </c>
      <c r="G16" s="261">
        <v>152</v>
      </c>
      <c r="H16" s="261">
        <v>374</v>
      </c>
      <c r="I16" s="261">
        <v>370</v>
      </c>
      <c r="J16" s="261">
        <v>320</v>
      </c>
      <c r="K16" s="261">
        <v>795</v>
      </c>
      <c r="L16" s="262">
        <v>2011</v>
      </c>
      <c r="M16" s="263">
        <v>2011</v>
      </c>
      <c r="N16" s="257">
        <v>0</v>
      </c>
      <c r="O16" s="261">
        <v>0</v>
      </c>
      <c r="P16" s="258">
        <v>0</v>
      </c>
      <c r="Q16" s="260">
        <v>0</v>
      </c>
      <c r="R16" s="261">
        <v>0</v>
      </c>
      <c r="S16" s="261">
        <v>0</v>
      </c>
      <c r="T16" s="261">
        <v>0</v>
      </c>
      <c r="U16" s="261">
        <v>13</v>
      </c>
      <c r="V16" s="261">
        <v>2</v>
      </c>
      <c r="W16" s="258">
        <v>15</v>
      </c>
      <c r="X16" s="263">
        <v>15</v>
      </c>
      <c r="Y16" s="257">
        <v>17</v>
      </c>
      <c r="Z16" s="261">
        <v>58</v>
      </c>
      <c r="AA16" s="258">
        <v>75</v>
      </c>
      <c r="AB16" s="260">
        <v>0</v>
      </c>
      <c r="AC16" s="261">
        <v>123</v>
      </c>
      <c r="AD16" s="261">
        <v>111</v>
      </c>
      <c r="AE16" s="261">
        <v>67</v>
      </c>
      <c r="AF16" s="261">
        <v>129</v>
      </c>
      <c r="AG16" s="261">
        <v>99</v>
      </c>
      <c r="AH16" s="258">
        <v>529</v>
      </c>
      <c r="AI16" s="263">
        <v>604</v>
      </c>
      <c r="AJ16" s="257">
        <v>0</v>
      </c>
      <c r="AK16" s="261">
        <v>0</v>
      </c>
      <c r="AL16" s="258">
        <v>0</v>
      </c>
      <c r="AM16" s="260">
        <v>0</v>
      </c>
      <c r="AN16" s="261">
        <v>6</v>
      </c>
      <c r="AO16" s="261">
        <v>51</v>
      </c>
      <c r="AP16" s="261">
        <v>0</v>
      </c>
      <c r="AQ16" s="261">
        <v>20</v>
      </c>
      <c r="AR16" s="261">
        <v>22</v>
      </c>
      <c r="AS16" s="258">
        <v>99</v>
      </c>
      <c r="AT16" s="263">
        <v>99</v>
      </c>
      <c r="AU16" s="257">
        <v>0</v>
      </c>
      <c r="AV16" s="261">
        <v>0</v>
      </c>
      <c r="AW16" s="258">
        <v>0</v>
      </c>
      <c r="AX16" s="260">
        <v>0</v>
      </c>
      <c r="AY16" s="261">
        <v>144</v>
      </c>
      <c r="AZ16" s="261">
        <v>150</v>
      </c>
      <c r="BA16" s="261">
        <v>82</v>
      </c>
      <c r="BB16" s="261">
        <v>28</v>
      </c>
      <c r="BC16" s="261">
        <v>4</v>
      </c>
      <c r="BD16" s="262">
        <v>408</v>
      </c>
      <c r="BE16" s="263">
        <v>408</v>
      </c>
      <c r="BF16" s="257">
        <v>0</v>
      </c>
      <c r="BG16" s="261">
        <v>0</v>
      </c>
      <c r="BH16" s="258">
        <v>0</v>
      </c>
      <c r="BI16" s="260">
        <v>0</v>
      </c>
      <c r="BJ16" s="261">
        <v>5</v>
      </c>
      <c r="BK16" s="261">
        <v>17</v>
      </c>
      <c r="BL16" s="261">
        <v>16</v>
      </c>
      <c r="BM16" s="261">
        <v>22</v>
      </c>
      <c r="BN16" s="261">
        <v>9</v>
      </c>
      <c r="BO16" s="258">
        <v>69</v>
      </c>
      <c r="BP16" s="263">
        <v>69</v>
      </c>
      <c r="BQ16" s="257">
        <v>0</v>
      </c>
      <c r="BR16" s="261">
        <v>0</v>
      </c>
      <c r="BS16" s="258">
        <v>0</v>
      </c>
      <c r="BT16" s="260">
        <v>0</v>
      </c>
      <c r="BU16" s="261">
        <v>3</v>
      </c>
      <c r="BV16" s="261">
        <v>17</v>
      </c>
      <c r="BW16" s="261">
        <v>27</v>
      </c>
      <c r="BX16" s="261">
        <v>10</v>
      </c>
      <c r="BY16" s="261">
        <v>0</v>
      </c>
      <c r="BZ16" s="258">
        <v>57</v>
      </c>
      <c r="CA16" s="263">
        <v>57</v>
      </c>
      <c r="CB16" s="257">
        <v>0</v>
      </c>
      <c r="CC16" s="261">
        <v>0</v>
      </c>
      <c r="CD16" s="258">
        <v>0</v>
      </c>
      <c r="CE16" s="260">
        <v>0</v>
      </c>
      <c r="CF16" s="261">
        <v>0</v>
      </c>
      <c r="CG16" s="261">
        <v>0</v>
      </c>
      <c r="CH16" s="261">
        <v>0</v>
      </c>
      <c r="CI16" s="261">
        <v>3</v>
      </c>
      <c r="CJ16" s="261">
        <v>0</v>
      </c>
      <c r="CK16" s="258">
        <v>3</v>
      </c>
      <c r="CL16" s="263">
        <v>3</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58">
        <v>0</v>
      </c>
      <c r="E17" s="259">
        <v>0</v>
      </c>
      <c r="F17" s="260">
        <v>0</v>
      </c>
      <c r="G17" s="261">
        <v>31</v>
      </c>
      <c r="H17" s="261">
        <v>78</v>
      </c>
      <c r="I17" s="261">
        <v>6</v>
      </c>
      <c r="J17" s="261">
        <v>84</v>
      </c>
      <c r="K17" s="261">
        <v>119</v>
      </c>
      <c r="L17" s="262">
        <v>318</v>
      </c>
      <c r="M17" s="263">
        <v>318</v>
      </c>
      <c r="N17" s="257">
        <v>0</v>
      </c>
      <c r="O17" s="261">
        <v>0</v>
      </c>
      <c r="P17" s="258">
        <v>0</v>
      </c>
      <c r="Q17" s="260">
        <v>0</v>
      </c>
      <c r="R17" s="261">
        <v>0</v>
      </c>
      <c r="S17" s="261">
        <v>0</v>
      </c>
      <c r="T17" s="261">
        <v>0</v>
      </c>
      <c r="U17" s="261">
        <v>4</v>
      </c>
      <c r="V17" s="261">
        <v>26</v>
      </c>
      <c r="W17" s="258">
        <v>30</v>
      </c>
      <c r="X17" s="263">
        <v>30</v>
      </c>
      <c r="Y17" s="257">
        <v>0</v>
      </c>
      <c r="Z17" s="261">
        <v>8</v>
      </c>
      <c r="AA17" s="258">
        <v>8</v>
      </c>
      <c r="AB17" s="260">
        <v>0</v>
      </c>
      <c r="AC17" s="261">
        <v>2</v>
      </c>
      <c r="AD17" s="261">
        <v>28</v>
      </c>
      <c r="AE17" s="261">
        <v>8</v>
      </c>
      <c r="AF17" s="261">
        <v>28</v>
      </c>
      <c r="AG17" s="261">
        <v>65</v>
      </c>
      <c r="AH17" s="258">
        <v>131</v>
      </c>
      <c r="AI17" s="263">
        <v>139</v>
      </c>
      <c r="AJ17" s="257">
        <v>0</v>
      </c>
      <c r="AK17" s="261">
        <v>8</v>
      </c>
      <c r="AL17" s="258">
        <v>8</v>
      </c>
      <c r="AM17" s="260">
        <v>0</v>
      </c>
      <c r="AN17" s="261">
        <v>0</v>
      </c>
      <c r="AO17" s="261">
        <v>0</v>
      </c>
      <c r="AP17" s="261">
        <v>0</v>
      </c>
      <c r="AQ17" s="261">
        <v>0</v>
      </c>
      <c r="AR17" s="261">
        <v>39</v>
      </c>
      <c r="AS17" s="258">
        <v>39</v>
      </c>
      <c r="AT17" s="263">
        <v>47</v>
      </c>
      <c r="AU17" s="257">
        <v>0</v>
      </c>
      <c r="AV17" s="261">
        <v>0</v>
      </c>
      <c r="AW17" s="258">
        <v>0</v>
      </c>
      <c r="AX17" s="260">
        <v>0</v>
      </c>
      <c r="AY17" s="261">
        <v>19</v>
      </c>
      <c r="AZ17" s="261">
        <v>29</v>
      </c>
      <c r="BA17" s="261">
        <v>9</v>
      </c>
      <c r="BB17" s="261">
        <v>3</v>
      </c>
      <c r="BC17" s="261">
        <v>0</v>
      </c>
      <c r="BD17" s="262">
        <v>60</v>
      </c>
      <c r="BE17" s="263">
        <v>60</v>
      </c>
      <c r="BF17" s="257">
        <v>0</v>
      </c>
      <c r="BG17" s="261">
        <v>0</v>
      </c>
      <c r="BH17" s="258">
        <v>0</v>
      </c>
      <c r="BI17" s="260">
        <v>0</v>
      </c>
      <c r="BJ17" s="261">
        <v>7</v>
      </c>
      <c r="BK17" s="261">
        <v>12</v>
      </c>
      <c r="BL17" s="261">
        <v>9</v>
      </c>
      <c r="BM17" s="261">
        <v>21</v>
      </c>
      <c r="BN17" s="261">
        <v>18</v>
      </c>
      <c r="BO17" s="258">
        <v>67</v>
      </c>
      <c r="BP17" s="263">
        <v>67</v>
      </c>
      <c r="BQ17" s="257">
        <v>0</v>
      </c>
      <c r="BR17" s="261">
        <v>0</v>
      </c>
      <c r="BS17" s="258">
        <v>0</v>
      </c>
      <c r="BT17" s="260">
        <v>0</v>
      </c>
      <c r="BU17" s="261">
        <v>0</v>
      </c>
      <c r="BV17" s="261">
        <v>6</v>
      </c>
      <c r="BW17" s="261">
        <v>47</v>
      </c>
      <c r="BX17" s="261">
        <v>3</v>
      </c>
      <c r="BY17" s="261">
        <v>0</v>
      </c>
      <c r="BZ17" s="258">
        <v>56</v>
      </c>
      <c r="CA17" s="263">
        <v>56</v>
      </c>
      <c r="CB17" s="257">
        <v>0</v>
      </c>
      <c r="CC17" s="261">
        <v>0</v>
      </c>
      <c r="CD17" s="258">
        <v>0</v>
      </c>
      <c r="CE17" s="260">
        <v>0</v>
      </c>
      <c r="CF17" s="261">
        <v>0</v>
      </c>
      <c r="CG17" s="261">
        <v>0</v>
      </c>
      <c r="CH17" s="261">
        <v>0</v>
      </c>
      <c r="CI17" s="261">
        <v>0</v>
      </c>
      <c r="CJ17" s="261">
        <v>0</v>
      </c>
      <c r="CK17" s="258">
        <v>0</v>
      </c>
      <c r="CL17" s="263">
        <v>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58">
        <v>0</v>
      </c>
      <c r="E18" s="259">
        <v>0</v>
      </c>
      <c r="F18" s="260">
        <v>0</v>
      </c>
      <c r="G18" s="261">
        <v>98</v>
      </c>
      <c r="H18" s="261">
        <v>274</v>
      </c>
      <c r="I18" s="261">
        <v>162</v>
      </c>
      <c r="J18" s="261">
        <v>207</v>
      </c>
      <c r="K18" s="261">
        <v>78</v>
      </c>
      <c r="L18" s="262">
        <v>819</v>
      </c>
      <c r="M18" s="263">
        <v>819</v>
      </c>
      <c r="N18" s="257">
        <v>0</v>
      </c>
      <c r="O18" s="261">
        <v>0</v>
      </c>
      <c r="P18" s="258">
        <v>0</v>
      </c>
      <c r="Q18" s="260">
        <v>0</v>
      </c>
      <c r="R18" s="261">
        <v>0</v>
      </c>
      <c r="S18" s="261">
        <v>1</v>
      </c>
      <c r="T18" s="261">
        <v>0</v>
      </c>
      <c r="U18" s="261">
        <v>8</v>
      </c>
      <c r="V18" s="261">
        <v>8</v>
      </c>
      <c r="W18" s="258">
        <v>17</v>
      </c>
      <c r="X18" s="263">
        <v>17</v>
      </c>
      <c r="Y18" s="257">
        <v>7</v>
      </c>
      <c r="Z18" s="261">
        <v>12</v>
      </c>
      <c r="AA18" s="258">
        <v>19</v>
      </c>
      <c r="AB18" s="260">
        <v>0</v>
      </c>
      <c r="AC18" s="261">
        <v>47</v>
      </c>
      <c r="AD18" s="261">
        <v>125</v>
      </c>
      <c r="AE18" s="261">
        <v>71</v>
      </c>
      <c r="AF18" s="261">
        <v>39</v>
      </c>
      <c r="AG18" s="261">
        <v>38</v>
      </c>
      <c r="AH18" s="258">
        <v>320</v>
      </c>
      <c r="AI18" s="263">
        <v>339</v>
      </c>
      <c r="AJ18" s="257">
        <v>10</v>
      </c>
      <c r="AK18" s="261">
        <v>0</v>
      </c>
      <c r="AL18" s="258">
        <v>10</v>
      </c>
      <c r="AM18" s="260">
        <v>0</v>
      </c>
      <c r="AN18" s="261">
        <v>27</v>
      </c>
      <c r="AO18" s="261">
        <v>12</v>
      </c>
      <c r="AP18" s="261">
        <v>24</v>
      </c>
      <c r="AQ18" s="261">
        <v>0</v>
      </c>
      <c r="AR18" s="261">
        <v>0</v>
      </c>
      <c r="AS18" s="258">
        <v>63</v>
      </c>
      <c r="AT18" s="263">
        <v>73</v>
      </c>
      <c r="AU18" s="257">
        <v>0</v>
      </c>
      <c r="AV18" s="261">
        <v>0</v>
      </c>
      <c r="AW18" s="258">
        <v>0</v>
      </c>
      <c r="AX18" s="260">
        <v>0</v>
      </c>
      <c r="AY18" s="261">
        <v>242</v>
      </c>
      <c r="AZ18" s="261">
        <v>206</v>
      </c>
      <c r="BA18" s="261">
        <v>66</v>
      </c>
      <c r="BB18" s="261">
        <v>53</v>
      </c>
      <c r="BC18" s="261">
        <v>22</v>
      </c>
      <c r="BD18" s="262">
        <v>589</v>
      </c>
      <c r="BE18" s="263">
        <v>589</v>
      </c>
      <c r="BF18" s="257">
        <v>0</v>
      </c>
      <c r="BG18" s="261">
        <v>0</v>
      </c>
      <c r="BH18" s="258">
        <v>0</v>
      </c>
      <c r="BI18" s="260">
        <v>0</v>
      </c>
      <c r="BJ18" s="261">
        <v>94</v>
      </c>
      <c r="BK18" s="261">
        <v>165</v>
      </c>
      <c r="BL18" s="261">
        <v>45</v>
      </c>
      <c r="BM18" s="261">
        <v>20</v>
      </c>
      <c r="BN18" s="261">
        <v>8</v>
      </c>
      <c r="BO18" s="258">
        <v>332</v>
      </c>
      <c r="BP18" s="263">
        <v>332</v>
      </c>
      <c r="BQ18" s="257">
        <v>0</v>
      </c>
      <c r="BR18" s="261">
        <v>0</v>
      </c>
      <c r="BS18" s="258">
        <v>0</v>
      </c>
      <c r="BT18" s="260">
        <v>0</v>
      </c>
      <c r="BU18" s="261">
        <v>39</v>
      </c>
      <c r="BV18" s="261">
        <v>26</v>
      </c>
      <c r="BW18" s="261">
        <v>54</v>
      </c>
      <c r="BX18" s="261">
        <v>5</v>
      </c>
      <c r="BY18" s="261">
        <v>0</v>
      </c>
      <c r="BZ18" s="258">
        <v>124</v>
      </c>
      <c r="CA18" s="263">
        <v>124</v>
      </c>
      <c r="CB18" s="257">
        <v>0</v>
      </c>
      <c r="CC18" s="261">
        <v>0</v>
      </c>
      <c r="CD18" s="258">
        <v>0</v>
      </c>
      <c r="CE18" s="260">
        <v>0</v>
      </c>
      <c r="CF18" s="261">
        <v>3</v>
      </c>
      <c r="CG18" s="261">
        <v>0</v>
      </c>
      <c r="CH18" s="261">
        <v>6</v>
      </c>
      <c r="CI18" s="261">
        <v>4</v>
      </c>
      <c r="CJ18" s="261">
        <v>0</v>
      </c>
      <c r="CK18" s="258">
        <v>13</v>
      </c>
      <c r="CL18" s="263">
        <v>13</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58">
        <v>0</v>
      </c>
      <c r="E19" s="259">
        <v>0</v>
      </c>
      <c r="F19" s="260">
        <v>0</v>
      </c>
      <c r="G19" s="261">
        <v>120</v>
      </c>
      <c r="H19" s="261">
        <v>320</v>
      </c>
      <c r="I19" s="261">
        <v>638</v>
      </c>
      <c r="J19" s="261">
        <v>285</v>
      </c>
      <c r="K19" s="261">
        <v>485</v>
      </c>
      <c r="L19" s="262">
        <v>1848</v>
      </c>
      <c r="M19" s="263">
        <v>1848</v>
      </c>
      <c r="N19" s="257">
        <v>0</v>
      </c>
      <c r="O19" s="261">
        <v>0</v>
      </c>
      <c r="P19" s="258">
        <v>0</v>
      </c>
      <c r="Q19" s="260">
        <v>0</v>
      </c>
      <c r="R19" s="261">
        <v>0</v>
      </c>
      <c r="S19" s="261">
        <v>4</v>
      </c>
      <c r="T19" s="261">
        <v>4</v>
      </c>
      <c r="U19" s="261">
        <v>9</v>
      </c>
      <c r="V19" s="261">
        <v>10</v>
      </c>
      <c r="W19" s="258">
        <v>27</v>
      </c>
      <c r="X19" s="263">
        <v>27</v>
      </c>
      <c r="Y19" s="257">
        <v>28</v>
      </c>
      <c r="Z19" s="261">
        <v>37</v>
      </c>
      <c r="AA19" s="258">
        <v>65</v>
      </c>
      <c r="AB19" s="260">
        <v>0</v>
      </c>
      <c r="AC19" s="261">
        <v>84</v>
      </c>
      <c r="AD19" s="261">
        <v>146</v>
      </c>
      <c r="AE19" s="261">
        <v>140</v>
      </c>
      <c r="AF19" s="261">
        <v>80</v>
      </c>
      <c r="AG19" s="261">
        <v>62</v>
      </c>
      <c r="AH19" s="258">
        <v>512</v>
      </c>
      <c r="AI19" s="263">
        <v>577</v>
      </c>
      <c r="AJ19" s="257">
        <v>0</v>
      </c>
      <c r="AK19" s="261">
        <v>0</v>
      </c>
      <c r="AL19" s="258">
        <v>0</v>
      </c>
      <c r="AM19" s="260">
        <v>0</v>
      </c>
      <c r="AN19" s="261">
        <v>16</v>
      </c>
      <c r="AO19" s="261">
        <v>12</v>
      </c>
      <c r="AP19" s="261">
        <v>18</v>
      </c>
      <c r="AQ19" s="261">
        <v>25</v>
      </c>
      <c r="AR19" s="261">
        <v>0</v>
      </c>
      <c r="AS19" s="258">
        <v>71</v>
      </c>
      <c r="AT19" s="263">
        <v>71</v>
      </c>
      <c r="AU19" s="257">
        <v>0</v>
      </c>
      <c r="AV19" s="261">
        <v>0</v>
      </c>
      <c r="AW19" s="258">
        <v>0</v>
      </c>
      <c r="AX19" s="260">
        <v>0</v>
      </c>
      <c r="AY19" s="261">
        <v>213</v>
      </c>
      <c r="AZ19" s="261">
        <v>207</v>
      </c>
      <c r="BA19" s="261">
        <v>153</v>
      </c>
      <c r="BB19" s="261">
        <v>100</v>
      </c>
      <c r="BC19" s="261">
        <v>20</v>
      </c>
      <c r="BD19" s="262">
        <v>693</v>
      </c>
      <c r="BE19" s="263">
        <v>693</v>
      </c>
      <c r="BF19" s="257">
        <v>0</v>
      </c>
      <c r="BG19" s="261">
        <v>0</v>
      </c>
      <c r="BH19" s="258">
        <v>0</v>
      </c>
      <c r="BI19" s="260">
        <v>0</v>
      </c>
      <c r="BJ19" s="261">
        <v>54</v>
      </c>
      <c r="BK19" s="261">
        <v>64</v>
      </c>
      <c r="BL19" s="261">
        <v>105</v>
      </c>
      <c r="BM19" s="261">
        <v>23</v>
      </c>
      <c r="BN19" s="261">
        <v>19</v>
      </c>
      <c r="BO19" s="258">
        <v>265</v>
      </c>
      <c r="BP19" s="263">
        <v>265</v>
      </c>
      <c r="BQ19" s="257">
        <v>0</v>
      </c>
      <c r="BR19" s="261">
        <v>3</v>
      </c>
      <c r="BS19" s="258">
        <v>3</v>
      </c>
      <c r="BT19" s="260">
        <v>0</v>
      </c>
      <c r="BU19" s="261">
        <v>7</v>
      </c>
      <c r="BV19" s="261">
        <v>40</v>
      </c>
      <c r="BW19" s="261">
        <v>52</v>
      </c>
      <c r="BX19" s="261">
        <v>82</v>
      </c>
      <c r="BY19" s="261">
        <v>39</v>
      </c>
      <c r="BZ19" s="258">
        <v>220</v>
      </c>
      <c r="CA19" s="263">
        <v>223</v>
      </c>
      <c r="CB19" s="257">
        <v>0</v>
      </c>
      <c r="CC19" s="261">
        <v>0</v>
      </c>
      <c r="CD19" s="258">
        <v>0</v>
      </c>
      <c r="CE19" s="260">
        <v>0</v>
      </c>
      <c r="CF19" s="261">
        <v>0</v>
      </c>
      <c r="CG19" s="261">
        <v>15</v>
      </c>
      <c r="CH19" s="261">
        <v>12</v>
      </c>
      <c r="CI19" s="261">
        <v>2</v>
      </c>
      <c r="CJ19" s="261">
        <v>0</v>
      </c>
      <c r="CK19" s="258">
        <v>29</v>
      </c>
      <c r="CL19" s="263">
        <v>29</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58">
        <v>0</v>
      </c>
      <c r="E20" s="259">
        <v>0</v>
      </c>
      <c r="F20" s="260">
        <v>0</v>
      </c>
      <c r="G20" s="261">
        <v>423</v>
      </c>
      <c r="H20" s="261">
        <v>308</v>
      </c>
      <c r="I20" s="261">
        <v>461</v>
      </c>
      <c r="J20" s="261">
        <v>1219</v>
      </c>
      <c r="K20" s="261">
        <v>281</v>
      </c>
      <c r="L20" s="262">
        <v>2692</v>
      </c>
      <c r="M20" s="263">
        <v>2692</v>
      </c>
      <c r="N20" s="257">
        <v>0</v>
      </c>
      <c r="O20" s="261">
        <v>0</v>
      </c>
      <c r="P20" s="258">
        <v>0</v>
      </c>
      <c r="Q20" s="260">
        <v>0</v>
      </c>
      <c r="R20" s="261">
        <v>0</v>
      </c>
      <c r="S20" s="261">
        <v>0</v>
      </c>
      <c r="T20" s="261">
        <v>7</v>
      </c>
      <c r="U20" s="261">
        <v>9</v>
      </c>
      <c r="V20" s="261">
        <v>13</v>
      </c>
      <c r="W20" s="258">
        <v>29</v>
      </c>
      <c r="X20" s="263">
        <v>29</v>
      </c>
      <c r="Y20" s="257">
        <v>27</v>
      </c>
      <c r="Z20" s="261">
        <v>30</v>
      </c>
      <c r="AA20" s="258">
        <v>57</v>
      </c>
      <c r="AB20" s="260">
        <v>0</v>
      </c>
      <c r="AC20" s="261">
        <v>241</v>
      </c>
      <c r="AD20" s="261">
        <v>301</v>
      </c>
      <c r="AE20" s="261">
        <v>172</v>
      </c>
      <c r="AF20" s="261">
        <v>100</v>
      </c>
      <c r="AG20" s="261">
        <v>192</v>
      </c>
      <c r="AH20" s="258">
        <v>1006</v>
      </c>
      <c r="AI20" s="263">
        <v>1063</v>
      </c>
      <c r="AJ20" s="257">
        <v>12</v>
      </c>
      <c r="AK20" s="261">
        <v>0</v>
      </c>
      <c r="AL20" s="258">
        <v>12</v>
      </c>
      <c r="AM20" s="260">
        <v>0</v>
      </c>
      <c r="AN20" s="261">
        <v>51</v>
      </c>
      <c r="AO20" s="261">
        <v>32</v>
      </c>
      <c r="AP20" s="261">
        <v>53</v>
      </c>
      <c r="AQ20" s="261">
        <v>0</v>
      </c>
      <c r="AR20" s="261">
        <v>4</v>
      </c>
      <c r="AS20" s="258">
        <v>140</v>
      </c>
      <c r="AT20" s="263">
        <v>152</v>
      </c>
      <c r="AU20" s="257">
        <v>0</v>
      </c>
      <c r="AV20" s="261">
        <v>0</v>
      </c>
      <c r="AW20" s="258">
        <v>0</v>
      </c>
      <c r="AX20" s="260">
        <v>0</v>
      </c>
      <c r="AY20" s="261">
        <v>263</v>
      </c>
      <c r="AZ20" s="261">
        <v>429</v>
      </c>
      <c r="BA20" s="261">
        <v>234</v>
      </c>
      <c r="BB20" s="261">
        <v>139</v>
      </c>
      <c r="BC20" s="261">
        <v>50</v>
      </c>
      <c r="BD20" s="262">
        <v>1115</v>
      </c>
      <c r="BE20" s="263">
        <v>1115</v>
      </c>
      <c r="BF20" s="257">
        <v>0</v>
      </c>
      <c r="BG20" s="261">
        <v>0</v>
      </c>
      <c r="BH20" s="258">
        <v>0</v>
      </c>
      <c r="BI20" s="260">
        <v>0</v>
      </c>
      <c r="BJ20" s="261">
        <v>97</v>
      </c>
      <c r="BK20" s="261">
        <v>147</v>
      </c>
      <c r="BL20" s="261">
        <v>39</v>
      </c>
      <c r="BM20" s="261">
        <v>37</v>
      </c>
      <c r="BN20" s="261">
        <v>29</v>
      </c>
      <c r="BO20" s="258">
        <v>349</v>
      </c>
      <c r="BP20" s="263">
        <v>349</v>
      </c>
      <c r="BQ20" s="257">
        <v>0</v>
      </c>
      <c r="BR20" s="261">
        <v>0</v>
      </c>
      <c r="BS20" s="258">
        <v>0</v>
      </c>
      <c r="BT20" s="260">
        <v>0</v>
      </c>
      <c r="BU20" s="261">
        <v>2</v>
      </c>
      <c r="BV20" s="261">
        <v>93</v>
      </c>
      <c r="BW20" s="261">
        <v>84</v>
      </c>
      <c r="BX20" s="261">
        <v>111</v>
      </c>
      <c r="BY20" s="261">
        <v>50</v>
      </c>
      <c r="BZ20" s="258">
        <v>340</v>
      </c>
      <c r="CA20" s="263">
        <v>340</v>
      </c>
      <c r="CB20" s="257">
        <v>0</v>
      </c>
      <c r="CC20" s="261">
        <v>0</v>
      </c>
      <c r="CD20" s="258">
        <v>0</v>
      </c>
      <c r="CE20" s="260">
        <v>0</v>
      </c>
      <c r="CF20" s="261">
        <v>0</v>
      </c>
      <c r="CG20" s="261">
        <v>0</v>
      </c>
      <c r="CH20" s="261">
        <v>0</v>
      </c>
      <c r="CI20" s="261">
        <v>0</v>
      </c>
      <c r="CJ20" s="261">
        <v>0</v>
      </c>
      <c r="CK20" s="258">
        <v>0</v>
      </c>
      <c r="CL20" s="263">
        <v>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58">
        <v>0</v>
      </c>
      <c r="E21" s="259">
        <v>0</v>
      </c>
      <c r="F21" s="260">
        <v>0</v>
      </c>
      <c r="G21" s="261">
        <v>62</v>
      </c>
      <c r="H21" s="261">
        <v>97</v>
      </c>
      <c r="I21" s="261">
        <v>183</v>
      </c>
      <c r="J21" s="261">
        <v>107</v>
      </c>
      <c r="K21" s="261">
        <v>109</v>
      </c>
      <c r="L21" s="262">
        <v>558</v>
      </c>
      <c r="M21" s="263">
        <v>558</v>
      </c>
      <c r="N21" s="257">
        <v>0</v>
      </c>
      <c r="O21" s="261">
        <v>0</v>
      </c>
      <c r="P21" s="258">
        <v>0</v>
      </c>
      <c r="Q21" s="260">
        <v>0</v>
      </c>
      <c r="R21" s="261">
        <v>0</v>
      </c>
      <c r="S21" s="261">
        <v>0</v>
      </c>
      <c r="T21" s="261">
        <v>8</v>
      </c>
      <c r="U21" s="261">
        <v>9</v>
      </c>
      <c r="V21" s="261">
        <v>7</v>
      </c>
      <c r="W21" s="258">
        <v>24</v>
      </c>
      <c r="X21" s="263">
        <v>24</v>
      </c>
      <c r="Y21" s="257">
        <v>11</v>
      </c>
      <c r="Z21" s="261">
        <v>17</v>
      </c>
      <c r="AA21" s="258">
        <v>28</v>
      </c>
      <c r="AB21" s="260">
        <v>0</v>
      </c>
      <c r="AC21" s="261">
        <v>221</v>
      </c>
      <c r="AD21" s="261">
        <v>82</v>
      </c>
      <c r="AE21" s="261">
        <v>15</v>
      </c>
      <c r="AF21" s="261">
        <v>124</v>
      </c>
      <c r="AG21" s="261">
        <v>108</v>
      </c>
      <c r="AH21" s="258">
        <v>550</v>
      </c>
      <c r="AI21" s="263">
        <v>578</v>
      </c>
      <c r="AJ21" s="257">
        <v>0</v>
      </c>
      <c r="AK21" s="261">
        <v>0</v>
      </c>
      <c r="AL21" s="258">
        <v>0</v>
      </c>
      <c r="AM21" s="260">
        <v>0</v>
      </c>
      <c r="AN21" s="261">
        <v>38</v>
      </c>
      <c r="AO21" s="261">
        <v>0</v>
      </c>
      <c r="AP21" s="261">
        <v>12</v>
      </c>
      <c r="AQ21" s="261">
        <v>24</v>
      </c>
      <c r="AR21" s="261">
        <v>0</v>
      </c>
      <c r="AS21" s="258">
        <v>74</v>
      </c>
      <c r="AT21" s="263">
        <v>74</v>
      </c>
      <c r="AU21" s="257">
        <v>0</v>
      </c>
      <c r="AV21" s="261">
        <v>0</v>
      </c>
      <c r="AW21" s="258">
        <v>0</v>
      </c>
      <c r="AX21" s="260">
        <v>0</v>
      </c>
      <c r="AY21" s="261">
        <v>96</v>
      </c>
      <c r="AZ21" s="261">
        <v>121</v>
      </c>
      <c r="BA21" s="261">
        <v>32</v>
      </c>
      <c r="BB21" s="261">
        <v>18</v>
      </c>
      <c r="BC21" s="261">
        <v>59</v>
      </c>
      <c r="BD21" s="262">
        <v>326</v>
      </c>
      <c r="BE21" s="263">
        <v>326</v>
      </c>
      <c r="BF21" s="257">
        <v>0</v>
      </c>
      <c r="BG21" s="261">
        <v>0</v>
      </c>
      <c r="BH21" s="258">
        <v>0</v>
      </c>
      <c r="BI21" s="260">
        <v>0</v>
      </c>
      <c r="BJ21" s="261">
        <v>51</v>
      </c>
      <c r="BK21" s="261">
        <v>43</v>
      </c>
      <c r="BL21" s="261">
        <v>31</v>
      </c>
      <c r="BM21" s="261">
        <v>21</v>
      </c>
      <c r="BN21" s="261">
        <v>12</v>
      </c>
      <c r="BO21" s="258">
        <v>158</v>
      </c>
      <c r="BP21" s="263">
        <v>158</v>
      </c>
      <c r="BQ21" s="257">
        <v>0</v>
      </c>
      <c r="BR21" s="261">
        <v>3</v>
      </c>
      <c r="BS21" s="258">
        <v>3</v>
      </c>
      <c r="BT21" s="260">
        <v>0</v>
      </c>
      <c r="BU21" s="261">
        <v>12</v>
      </c>
      <c r="BV21" s="261">
        <v>0</v>
      </c>
      <c r="BW21" s="261">
        <v>11</v>
      </c>
      <c r="BX21" s="261">
        <v>3</v>
      </c>
      <c r="BY21" s="261">
        <v>23</v>
      </c>
      <c r="BZ21" s="258">
        <v>49</v>
      </c>
      <c r="CA21" s="263">
        <v>52</v>
      </c>
      <c r="CB21" s="257">
        <v>0</v>
      </c>
      <c r="CC21" s="261">
        <v>0</v>
      </c>
      <c r="CD21" s="258">
        <v>0</v>
      </c>
      <c r="CE21" s="260">
        <v>0</v>
      </c>
      <c r="CF21" s="261">
        <v>0</v>
      </c>
      <c r="CG21" s="261">
        <v>0</v>
      </c>
      <c r="CH21" s="261">
        <v>10</v>
      </c>
      <c r="CI21" s="261">
        <v>12</v>
      </c>
      <c r="CJ21" s="261">
        <v>0</v>
      </c>
      <c r="CK21" s="258">
        <v>22</v>
      </c>
      <c r="CL21" s="263">
        <v>22</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58">
        <v>0</v>
      </c>
      <c r="E22" s="259">
        <v>0</v>
      </c>
      <c r="F22" s="260">
        <v>0</v>
      </c>
      <c r="G22" s="261">
        <v>117</v>
      </c>
      <c r="H22" s="261">
        <v>112</v>
      </c>
      <c r="I22" s="261">
        <v>201</v>
      </c>
      <c r="J22" s="261">
        <v>231</v>
      </c>
      <c r="K22" s="261">
        <v>53</v>
      </c>
      <c r="L22" s="262">
        <v>714</v>
      </c>
      <c r="M22" s="263">
        <v>714</v>
      </c>
      <c r="N22" s="257">
        <v>0</v>
      </c>
      <c r="O22" s="261">
        <v>0</v>
      </c>
      <c r="P22" s="258">
        <v>0</v>
      </c>
      <c r="Q22" s="260">
        <v>0</v>
      </c>
      <c r="R22" s="261">
        <v>3</v>
      </c>
      <c r="S22" s="261">
        <v>5</v>
      </c>
      <c r="T22" s="261">
        <v>0</v>
      </c>
      <c r="U22" s="261">
        <v>13</v>
      </c>
      <c r="V22" s="261">
        <v>19</v>
      </c>
      <c r="W22" s="258">
        <v>40</v>
      </c>
      <c r="X22" s="263">
        <v>40</v>
      </c>
      <c r="Y22" s="257">
        <v>5</v>
      </c>
      <c r="Z22" s="261">
        <v>34</v>
      </c>
      <c r="AA22" s="258">
        <v>39</v>
      </c>
      <c r="AB22" s="260">
        <v>0</v>
      </c>
      <c r="AC22" s="261">
        <v>89</v>
      </c>
      <c r="AD22" s="261">
        <v>82</v>
      </c>
      <c r="AE22" s="261">
        <v>143</v>
      </c>
      <c r="AF22" s="261">
        <v>83</v>
      </c>
      <c r="AG22" s="261">
        <v>101</v>
      </c>
      <c r="AH22" s="258">
        <v>498</v>
      </c>
      <c r="AI22" s="263">
        <v>537</v>
      </c>
      <c r="AJ22" s="257">
        <v>0</v>
      </c>
      <c r="AK22" s="261">
        <v>40</v>
      </c>
      <c r="AL22" s="258">
        <v>40</v>
      </c>
      <c r="AM22" s="260">
        <v>0</v>
      </c>
      <c r="AN22" s="261">
        <v>44</v>
      </c>
      <c r="AO22" s="261">
        <v>79</v>
      </c>
      <c r="AP22" s="261">
        <v>33</v>
      </c>
      <c r="AQ22" s="261">
        <v>14</v>
      </c>
      <c r="AR22" s="261">
        <v>16</v>
      </c>
      <c r="AS22" s="258">
        <v>186</v>
      </c>
      <c r="AT22" s="263">
        <v>226</v>
      </c>
      <c r="AU22" s="257">
        <v>0</v>
      </c>
      <c r="AV22" s="261">
        <v>0</v>
      </c>
      <c r="AW22" s="258">
        <v>0</v>
      </c>
      <c r="AX22" s="260">
        <v>0</v>
      </c>
      <c r="AY22" s="261">
        <v>109</v>
      </c>
      <c r="AZ22" s="261">
        <v>227</v>
      </c>
      <c r="BA22" s="261">
        <v>133</v>
      </c>
      <c r="BB22" s="261">
        <v>39</v>
      </c>
      <c r="BC22" s="261">
        <v>59</v>
      </c>
      <c r="BD22" s="262">
        <v>567</v>
      </c>
      <c r="BE22" s="263">
        <v>567</v>
      </c>
      <c r="BF22" s="257">
        <v>0</v>
      </c>
      <c r="BG22" s="261">
        <v>0</v>
      </c>
      <c r="BH22" s="258">
        <v>0</v>
      </c>
      <c r="BI22" s="260">
        <v>0</v>
      </c>
      <c r="BJ22" s="261">
        <v>32</v>
      </c>
      <c r="BK22" s="261">
        <v>61</v>
      </c>
      <c r="BL22" s="261">
        <v>37</v>
      </c>
      <c r="BM22" s="261">
        <v>25</v>
      </c>
      <c r="BN22" s="261">
        <v>16</v>
      </c>
      <c r="BO22" s="258">
        <v>171</v>
      </c>
      <c r="BP22" s="263">
        <v>171</v>
      </c>
      <c r="BQ22" s="257">
        <v>0</v>
      </c>
      <c r="BR22" s="261">
        <v>0</v>
      </c>
      <c r="BS22" s="258">
        <v>0</v>
      </c>
      <c r="BT22" s="260">
        <v>0</v>
      </c>
      <c r="BU22" s="261">
        <v>46</v>
      </c>
      <c r="BV22" s="261">
        <v>7</v>
      </c>
      <c r="BW22" s="261">
        <v>83</v>
      </c>
      <c r="BX22" s="261">
        <v>69</v>
      </c>
      <c r="BY22" s="261">
        <v>5</v>
      </c>
      <c r="BZ22" s="258">
        <v>210</v>
      </c>
      <c r="CA22" s="263">
        <v>210</v>
      </c>
      <c r="CB22" s="257">
        <v>0</v>
      </c>
      <c r="CC22" s="261">
        <v>0</v>
      </c>
      <c r="CD22" s="258">
        <v>0</v>
      </c>
      <c r="CE22" s="260">
        <v>0</v>
      </c>
      <c r="CF22" s="261">
        <v>0</v>
      </c>
      <c r="CG22" s="261">
        <v>0</v>
      </c>
      <c r="CH22" s="261">
        <v>0</v>
      </c>
      <c r="CI22" s="261">
        <v>3</v>
      </c>
      <c r="CJ22" s="261">
        <v>0</v>
      </c>
      <c r="CK22" s="258">
        <v>3</v>
      </c>
      <c r="CL22" s="263">
        <v>3</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58">
        <v>0</v>
      </c>
      <c r="E23" s="259">
        <v>0</v>
      </c>
      <c r="F23" s="260">
        <v>0</v>
      </c>
      <c r="G23" s="261">
        <v>172</v>
      </c>
      <c r="H23" s="261">
        <v>437</v>
      </c>
      <c r="I23" s="261">
        <v>193</v>
      </c>
      <c r="J23" s="261">
        <v>318</v>
      </c>
      <c r="K23" s="261">
        <v>454</v>
      </c>
      <c r="L23" s="262">
        <v>1574</v>
      </c>
      <c r="M23" s="263">
        <v>1574</v>
      </c>
      <c r="N23" s="257">
        <v>0</v>
      </c>
      <c r="O23" s="261">
        <v>0</v>
      </c>
      <c r="P23" s="258">
        <v>0</v>
      </c>
      <c r="Q23" s="260">
        <v>0</v>
      </c>
      <c r="R23" s="261">
        <v>0</v>
      </c>
      <c r="S23" s="261">
        <v>0</v>
      </c>
      <c r="T23" s="261">
        <v>0</v>
      </c>
      <c r="U23" s="261">
        <v>0</v>
      </c>
      <c r="V23" s="261">
        <v>12</v>
      </c>
      <c r="W23" s="258">
        <v>12</v>
      </c>
      <c r="X23" s="263">
        <v>12</v>
      </c>
      <c r="Y23" s="257">
        <v>8</v>
      </c>
      <c r="Z23" s="261">
        <v>17</v>
      </c>
      <c r="AA23" s="258">
        <v>25</v>
      </c>
      <c r="AB23" s="260">
        <v>0</v>
      </c>
      <c r="AC23" s="261">
        <v>160</v>
      </c>
      <c r="AD23" s="261">
        <v>118</v>
      </c>
      <c r="AE23" s="261">
        <v>76</v>
      </c>
      <c r="AF23" s="261">
        <v>29</v>
      </c>
      <c r="AG23" s="261">
        <v>73</v>
      </c>
      <c r="AH23" s="258">
        <v>456</v>
      </c>
      <c r="AI23" s="263">
        <v>481</v>
      </c>
      <c r="AJ23" s="257">
        <v>0</v>
      </c>
      <c r="AK23" s="261">
        <v>0</v>
      </c>
      <c r="AL23" s="258">
        <v>0</v>
      </c>
      <c r="AM23" s="260">
        <v>0</v>
      </c>
      <c r="AN23" s="261">
        <v>46</v>
      </c>
      <c r="AO23" s="261">
        <v>12</v>
      </c>
      <c r="AP23" s="261">
        <v>18</v>
      </c>
      <c r="AQ23" s="261">
        <v>2</v>
      </c>
      <c r="AR23" s="261">
        <v>0</v>
      </c>
      <c r="AS23" s="258">
        <v>78</v>
      </c>
      <c r="AT23" s="263">
        <v>78</v>
      </c>
      <c r="AU23" s="257">
        <v>0</v>
      </c>
      <c r="AV23" s="261">
        <v>0</v>
      </c>
      <c r="AW23" s="258">
        <v>0</v>
      </c>
      <c r="AX23" s="260">
        <v>0</v>
      </c>
      <c r="AY23" s="261">
        <v>159</v>
      </c>
      <c r="AZ23" s="261">
        <v>145</v>
      </c>
      <c r="BA23" s="261">
        <v>64</v>
      </c>
      <c r="BB23" s="261">
        <v>52</v>
      </c>
      <c r="BC23" s="261">
        <v>19</v>
      </c>
      <c r="BD23" s="262">
        <v>439</v>
      </c>
      <c r="BE23" s="263">
        <v>439</v>
      </c>
      <c r="BF23" s="257">
        <v>0</v>
      </c>
      <c r="BG23" s="261">
        <v>0</v>
      </c>
      <c r="BH23" s="258">
        <v>0</v>
      </c>
      <c r="BI23" s="260">
        <v>0</v>
      </c>
      <c r="BJ23" s="261">
        <v>25</v>
      </c>
      <c r="BK23" s="261">
        <v>24</v>
      </c>
      <c r="BL23" s="261">
        <v>0</v>
      </c>
      <c r="BM23" s="261">
        <v>4</v>
      </c>
      <c r="BN23" s="261">
        <v>0</v>
      </c>
      <c r="BO23" s="258">
        <v>53</v>
      </c>
      <c r="BP23" s="263">
        <v>53</v>
      </c>
      <c r="BQ23" s="257">
        <v>2</v>
      </c>
      <c r="BR23" s="261">
        <v>6</v>
      </c>
      <c r="BS23" s="258">
        <v>8</v>
      </c>
      <c r="BT23" s="260">
        <v>0</v>
      </c>
      <c r="BU23" s="261">
        <v>22</v>
      </c>
      <c r="BV23" s="261">
        <v>6</v>
      </c>
      <c r="BW23" s="261">
        <v>67</v>
      </c>
      <c r="BX23" s="261">
        <v>33</v>
      </c>
      <c r="BY23" s="261">
        <v>20</v>
      </c>
      <c r="BZ23" s="258">
        <v>148</v>
      </c>
      <c r="CA23" s="263">
        <v>156</v>
      </c>
      <c r="CB23" s="257">
        <v>0</v>
      </c>
      <c r="CC23" s="261">
        <v>0</v>
      </c>
      <c r="CD23" s="258">
        <v>0</v>
      </c>
      <c r="CE23" s="260">
        <v>0</v>
      </c>
      <c r="CF23" s="261">
        <v>0</v>
      </c>
      <c r="CG23" s="261">
        <v>14</v>
      </c>
      <c r="CH23" s="261">
        <v>0</v>
      </c>
      <c r="CI23" s="261">
        <v>3</v>
      </c>
      <c r="CJ23" s="261">
        <v>0</v>
      </c>
      <c r="CK23" s="258">
        <v>17</v>
      </c>
      <c r="CL23" s="263">
        <v>17</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58">
        <v>0</v>
      </c>
      <c r="E24" s="259">
        <v>0</v>
      </c>
      <c r="F24" s="260">
        <v>0</v>
      </c>
      <c r="G24" s="261">
        <v>17</v>
      </c>
      <c r="H24" s="261">
        <v>8</v>
      </c>
      <c r="I24" s="261">
        <v>24</v>
      </c>
      <c r="J24" s="261">
        <v>4</v>
      </c>
      <c r="K24" s="261">
        <v>89</v>
      </c>
      <c r="L24" s="262">
        <v>142</v>
      </c>
      <c r="M24" s="263">
        <v>142</v>
      </c>
      <c r="N24" s="257">
        <v>0</v>
      </c>
      <c r="O24" s="261">
        <v>0</v>
      </c>
      <c r="P24" s="258">
        <v>0</v>
      </c>
      <c r="Q24" s="260">
        <v>0</v>
      </c>
      <c r="R24" s="261">
        <v>0</v>
      </c>
      <c r="S24" s="261">
        <v>0</v>
      </c>
      <c r="T24" s="261">
        <v>2</v>
      </c>
      <c r="U24" s="261">
        <v>0</v>
      </c>
      <c r="V24" s="261">
        <v>37</v>
      </c>
      <c r="W24" s="258">
        <v>39</v>
      </c>
      <c r="X24" s="263">
        <v>39</v>
      </c>
      <c r="Y24" s="257">
        <v>0</v>
      </c>
      <c r="Z24" s="261">
        <v>0</v>
      </c>
      <c r="AA24" s="258">
        <v>0</v>
      </c>
      <c r="AB24" s="260">
        <v>0</v>
      </c>
      <c r="AC24" s="261">
        <v>22</v>
      </c>
      <c r="AD24" s="261">
        <v>16</v>
      </c>
      <c r="AE24" s="261">
        <v>15</v>
      </c>
      <c r="AF24" s="261">
        <v>5</v>
      </c>
      <c r="AG24" s="261">
        <v>96</v>
      </c>
      <c r="AH24" s="258">
        <v>154</v>
      </c>
      <c r="AI24" s="263">
        <v>154</v>
      </c>
      <c r="AJ24" s="257">
        <v>0</v>
      </c>
      <c r="AK24" s="261">
        <v>0</v>
      </c>
      <c r="AL24" s="258">
        <v>0</v>
      </c>
      <c r="AM24" s="260">
        <v>0</v>
      </c>
      <c r="AN24" s="261">
        <v>24</v>
      </c>
      <c r="AO24" s="261">
        <v>18</v>
      </c>
      <c r="AP24" s="261">
        <v>0</v>
      </c>
      <c r="AQ24" s="261">
        <v>21</v>
      </c>
      <c r="AR24" s="261">
        <v>0</v>
      </c>
      <c r="AS24" s="258">
        <v>63</v>
      </c>
      <c r="AT24" s="263">
        <v>63</v>
      </c>
      <c r="AU24" s="257">
        <v>0</v>
      </c>
      <c r="AV24" s="261">
        <v>0</v>
      </c>
      <c r="AW24" s="258">
        <v>0</v>
      </c>
      <c r="AX24" s="260">
        <v>0</v>
      </c>
      <c r="AY24" s="261">
        <v>33</v>
      </c>
      <c r="AZ24" s="261">
        <v>40</v>
      </c>
      <c r="BA24" s="261">
        <v>20</v>
      </c>
      <c r="BB24" s="261">
        <v>38</v>
      </c>
      <c r="BC24" s="261">
        <v>18</v>
      </c>
      <c r="BD24" s="262">
        <v>149</v>
      </c>
      <c r="BE24" s="263">
        <v>149</v>
      </c>
      <c r="BF24" s="257">
        <v>0</v>
      </c>
      <c r="BG24" s="261">
        <v>0</v>
      </c>
      <c r="BH24" s="258">
        <v>0</v>
      </c>
      <c r="BI24" s="260">
        <v>0</v>
      </c>
      <c r="BJ24" s="261">
        <v>27</v>
      </c>
      <c r="BK24" s="261">
        <v>0</v>
      </c>
      <c r="BL24" s="261">
        <v>0</v>
      </c>
      <c r="BM24" s="261">
        <v>9</v>
      </c>
      <c r="BN24" s="261">
        <v>3</v>
      </c>
      <c r="BO24" s="258">
        <v>39</v>
      </c>
      <c r="BP24" s="263">
        <v>39</v>
      </c>
      <c r="BQ24" s="257">
        <v>0</v>
      </c>
      <c r="BR24" s="261">
        <v>0</v>
      </c>
      <c r="BS24" s="258">
        <v>0</v>
      </c>
      <c r="BT24" s="260">
        <v>0</v>
      </c>
      <c r="BU24" s="261">
        <v>3</v>
      </c>
      <c r="BV24" s="261">
        <v>13</v>
      </c>
      <c r="BW24" s="261">
        <v>0</v>
      </c>
      <c r="BX24" s="261">
        <v>154</v>
      </c>
      <c r="BY24" s="261">
        <v>0</v>
      </c>
      <c r="BZ24" s="258">
        <v>170</v>
      </c>
      <c r="CA24" s="263">
        <v>170</v>
      </c>
      <c r="CB24" s="257">
        <v>0</v>
      </c>
      <c r="CC24" s="261">
        <v>0</v>
      </c>
      <c r="CD24" s="258">
        <v>0</v>
      </c>
      <c r="CE24" s="260">
        <v>0</v>
      </c>
      <c r="CF24" s="261">
        <v>0</v>
      </c>
      <c r="CG24" s="261">
        <v>0</v>
      </c>
      <c r="CH24" s="261">
        <v>6</v>
      </c>
      <c r="CI24" s="261">
        <v>0</v>
      </c>
      <c r="CJ24" s="261">
        <v>0</v>
      </c>
      <c r="CK24" s="258">
        <v>6</v>
      </c>
      <c r="CL24" s="263">
        <v>6</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58">
        <v>0</v>
      </c>
      <c r="E25" s="259">
        <v>0</v>
      </c>
      <c r="F25" s="260">
        <v>0</v>
      </c>
      <c r="G25" s="261">
        <v>12</v>
      </c>
      <c r="H25" s="261">
        <v>54</v>
      </c>
      <c r="I25" s="261">
        <v>229</v>
      </c>
      <c r="J25" s="261">
        <v>118</v>
      </c>
      <c r="K25" s="261">
        <v>0</v>
      </c>
      <c r="L25" s="262">
        <v>413</v>
      </c>
      <c r="M25" s="263">
        <v>413</v>
      </c>
      <c r="N25" s="257">
        <v>0</v>
      </c>
      <c r="O25" s="261">
        <v>0</v>
      </c>
      <c r="P25" s="258">
        <v>0</v>
      </c>
      <c r="Q25" s="260">
        <v>0</v>
      </c>
      <c r="R25" s="261">
        <v>4</v>
      </c>
      <c r="S25" s="261">
        <v>0</v>
      </c>
      <c r="T25" s="261">
        <v>3</v>
      </c>
      <c r="U25" s="261">
        <v>0</v>
      </c>
      <c r="V25" s="261">
        <v>5</v>
      </c>
      <c r="W25" s="258">
        <v>12</v>
      </c>
      <c r="X25" s="263">
        <v>12</v>
      </c>
      <c r="Y25" s="257">
        <v>17</v>
      </c>
      <c r="Z25" s="261">
        <v>17</v>
      </c>
      <c r="AA25" s="258">
        <v>34</v>
      </c>
      <c r="AB25" s="260">
        <v>0</v>
      </c>
      <c r="AC25" s="261">
        <v>67</v>
      </c>
      <c r="AD25" s="261">
        <v>70</v>
      </c>
      <c r="AE25" s="261">
        <v>100</v>
      </c>
      <c r="AF25" s="261">
        <v>60</v>
      </c>
      <c r="AG25" s="261">
        <v>5</v>
      </c>
      <c r="AH25" s="258">
        <v>302</v>
      </c>
      <c r="AI25" s="263">
        <v>336</v>
      </c>
      <c r="AJ25" s="257">
        <v>0</v>
      </c>
      <c r="AK25" s="261">
        <v>12</v>
      </c>
      <c r="AL25" s="258">
        <v>12</v>
      </c>
      <c r="AM25" s="260">
        <v>0</v>
      </c>
      <c r="AN25" s="261">
        <v>0</v>
      </c>
      <c r="AO25" s="261">
        <v>24</v>
      </c>
      <c r="AP25" s="261">
        <v>0</v>
      </c>
      <c r="AQ25" s="261">
        <v>24</v>
      </c>
      <c r="AR25" s="261">
        <v>0</v>
      </c>
      <c r="AS25" s="258">
        <v>48</v>
      </c>
      <c r="AT25" s="263">
        <v>60</v>
      </c>
      <c r="AU25" s="257">
        <v>0</v>
      </c>
      <c r="AV25" s="261">
        <v>0</v>
      </c>
      <c r="AW25" s="258">
        <v>0</v>
      </c>
      <c r="AX25" s="260">
        <v>0</v>
      </c>
      <c r="AY25" s="261">
        <v>86</v>
      </c>
      <c r="AZ25" s="261">
        <v>165</v>
      </c>
      <c r="BA25" s="261">
        <v>73</v>
      </c>
      <c r="BB25" s="261">
        <v>43</v>
      </c>
      <c r="BC25" s="261">
        <v>0</v>
      </c>
      <c r="BD25" s="262">
        <v>367</v>
      </c>
      <c r="BE25" s="263">
        <v>367</v>
      </c>
      <c r="BF25" s="257">
        <v>0</v>
      </c>
      <c r="BG25" s="261">
        <v>0</v>
      </c>
      <c r="BH25" s="258">
        <v>0</v>
      </c>
      <c r="BI25" s="260">
        <v>0</v>
      </c>
      <c r="BJ25" s="261">
        <v>16</v>
      </c>
      <c r="BK25" s="261">
        <v>16</v>
      </c>
      <c r="BL25" s="261">
        <v>13</v>
      </c>
      <c r="BM25" s="261">
        <v>29</v>
      </c>
      <c r="BN25" s="261">
        <v>24</v>
      </c>
      <c r="BO25" s="258">
        <v>98</v>
      </c>
      <c r="BP25" s="263">
        <v>98</v>
      </c>
      <c r="BQ25" s="257">
        <v>0</v>
      </c>
      <c r="BR25" s="261">
        <v>0</v>
      </c>
      <c r="BS25" s="258">
        <v>0</v>
      </c>
      <c r="BT25" s="260">
        <v>0</v>
      </c>
      <c r="BU25" s="261">
        <v>28</v>
      </c>
      <c r="BV25" s="261">
        <v>20</v>
      </c>
      <c r="BW25" s="261">
        <v>32</v>
      </c>
      <c r="BX25" s="261">
        <v>8</v>
      </c>
      <c r="BY25" s="261">
        <v>0</v>
      </c>
      <c r="BZ25" s="258">
        <v>88</v>
      </c>
      <c r="CA25" s="263">
        <v>88</v>
      </c>
      <c r="CB25" s="257">
        <v>0</v>
      </c>
      <c r="CC25" s="261">
        <v>0</v>
      </c>
      <c r="CD25" s="258">
        <v>0</v>
      </c>
      <c r="CE25" s="260">
        <v>0</v>
      </c>
      <c r="CF25" s="261">
        <v>0</v>
      </c>
      <c r="CG25" s="261">
        <v>0</v>
      </c>
      <c r="CH25" s="261">
        <v>3</v>
      </c>
      <c r="CI25" s="261">
        <v>0</v>
      </c>
      <c r="CJ25" s="261">
        <v>0</v>
      </c>
      <c r="CK25" s="258">
        <v>3</v>
      </c>
      <c r="CL25" s="263">
        <v>3</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58">
        <v>0</v>
      </c>
      <c r="E26" s="259">
        <v>0</v>
      </c>
      <c r="F26" s="260">
        <v>0</v>
      </c>
      <c r="G26" s="261">
        <v>103</v>
      </c>
      <c r="H26" s="261">
        <v>60</v>
      </c>
      <c r="I26" s="261">
        <v>218</v>
      </c>
      <c r="J26" s="261">
        <v>55</v>
      </c>
      <c r="K26" s="261">
        <v>236</v>
      </c>
      <c r="L26" s="262">
        <v>672</v>
      </c>
      <c r="M26" s="263">
        <v>672</v>
      </c>
      <c r="N26" s="257">
        <v>0</v>
      </c>
      <c r="O26" s="261">
        <v>0</v>
      </c>
      <c r="P26" s="258">
        <v>0</v>
      </c>
      <c r="Q26" s="260">
        <v>0</v>
      </c>
      <c r="R26" s="261">
        <v>13</v>
      </c>
      <c r="S26" s="261">
        <v>0</v>
      </c>
      <c r="T26" s="261">
        <v>0</v>
      </c>
      <c r="U26" s="261">
        <v>0</v>
      </c>
      <c r="V26" s="261">
        <v>15</v>
      </c>
      <c r="W26" s="258">
        <v>28</v>
      </c>
      <c r="X26" s="263">
        <v>28</v>
      </c>
      <c r="Y26" s="257">
        <v>12</v>
      </c>
      <c r="Z26" s="261">
        <v>-10</v>
      </c>
      <c r="AA26" s="258">
        <v>2</v>
      </c>
      <c r="AB26" s="260">
        <v>0</v>
      </c>
      <c r="AC26" s="261">
        <v>104</v>
      </c>
      <c r="AD26" s="261">
        <v>30</v>
      </c>
      <c r="AE26" s="261">
        <v>69</v>
      </c>
      <c r="AF26" s="261">
        <v>68</v>
      </c>
      <c r="AG26" s="261">
        <v>28</v>
      </c>
      <c r="AH26" s="258">
        <v>299</v>
      </c>
      <c r="AI26" s="263">
        <v>301</v>
      </c>
      <c r="AJ26" s="257">
        <v>0</v>
      </c>
      <c r="AK26" s="261">
        <v>0</v>
      </c>
      <c r="AL26" s="258">
        <v>0</v>
      </c>
      <c r="AM26" s="260">
        <v>0</v>
      </c>
      <c r="AN26" s="261">
        <v>0</v>
      </c>
      <c r="AO26" s="261">
        <v>8</v>
      </c>
      <c r="AP26" s="261">
        <v>0</v>
      </c>
      <c r="AQ26" s="261">
        <v>0</v>
      </c>
      <c r="AR26" s="261">
        <v>12</v>
      </c>
      <c r="AS26" s="258">
        <v>20</v>
      </c>
      <c r="AT26" s="263">
        <v>20</v>
      </c>
      <c r="AU26" s="257">
        <v>0</v>
      </c>
      <c r="AV26" s="261">
        <v>0</v>
      </c>
      <c r="AW26" s="258">
        <v>0</v>
      </c>
      <c r="AX26" s="260">
        <v>0</v>
      </c>
      <c r="AY26" s="261">
        <v>109</v>
      </c>
      <c r="AZ26" s="261">
        <v>58</v>
      </c>
      <c r="BA26" s="261">
        <v>34</v>
      </c>
      <c r="BB26" s="261">
        <v>8</v>
      </c>
      <c r="BC26" s="261">
        <v>8</v>
      </c>
      <c r="BD26" s="262">
        <v>217</v>
      </c>
      <c r="BE26" s="263">
        <v>217</v>
      </c>
      <c r="BF26" s="257">
        <v>0</v>
      </c>
      <c r="BG26" s="261">
        <v>0</v>
      </c>
      <c r="BH26" s="258">
        <v>0</v>
      </c>
      <c r="BI26" s="260">
        <v>0</v>
      </c>
      <c r="BJ26" s="261">
        <v>28</v>
      </c>
      <c r="BK26" s="261">
        <v>57</v>
      </c>
      <c r="BL26" s="261">
        <v>4</v>
      </c>
      <c r="BM26" s="261">
        <v>12</v>
      </c>
      <c r="BN26" s="261">
        <v>36</v>
      </c>
      <c r="BO26" s="258">
        <v>137</v>
      </c>
      <c r="BP26" s="263">
        <v>137</v>
      </c>
      <c r="BQ26" s="257">
        <v>0</v>
      </c>
      <c r="BR26" s="261">
        <v>0</v>
      </c>
      <c r="BS26" s="258">
        <v>0</v>
      </c>
      <c r="BT26" s="260">
        <v>0</v>
      </c>
      <c r="BU26" s="261">
        <v>3</v>
      </c>
      <c r="BV26" s="261">
        <v>14</v>
      </c>
      <c r="BW26" s="261">
        <v>8</v>
      </c>
      <c r="BX26" s="261">
        <v>3</v>
      </c>
      <c r="BY26" s="261">
        <v>10</v>
      </c>
      <c r="BZ26" s="258">
        <v>38</v>
      </c>
      <c r="CA26" s="263">
        <v>38</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58">
        <v>0</v>
      </c>
      <c r="E27" s="259">
        <v>0</v>
      </c>
      <c r="F27" s="260">
        <v>0</v>
      </c>
      <c r="G27" s="261">
        <v>39</v>
      </c>
      <c r="H27" s="261">
        <v>51</v>
      </c>
      <c r="I27" s="261">
        <v>13</v>
      </c>
      <c r="J27" s="261">
        <v>12</v>
      </c>
      <c r="K27" s="261">
        <v>10</v>
      </c>
      <c r="L27" s="262">
        <v>125</v>
      </c>
      <c r="M27" s="263">
        <v>125</v>
      </c>
      <c r="N27" s="257">
        <v>0</v>
      </c>
      <c r="O27" s="261">
        <v>0</v>
      </c>
      <c r="P27" s="258">
        <v>0</v>
      </c>
      <c r="Q27" s="260">
        <v>0</v>
      </c>
      <c r="R27" s="261">
        <v>0</v>
      </c>
      <c r="S27" s="261">
        <v>4</v>
      </c>
      <c r="T27" s="261">
        <v>0</v>
      </c>
      <c r="U27" s="261">
        <v>13</v>
      </c>
      <c r="V27" s="261">
        <v>18</v>
      </c>
      <c r="W27" s="258">
        <v>35</v>
      </c>
      <c r="X27" s="263">
        <v>35</v>
      </c>
      <c r="Y27" s="257">
        <v>4</v>
      </c>
      <c r="Z27" s="261">
        <v>28</v>
      </c>
      <c r="AA27" s="258">
        <v>32</v>
      </c>
      <c r="AB27" s="260">
        <v>0</v>
      </c>
      <c r="AC27" s="261">
        <v>36</v>
      </c>
      <c r="AD27" s="261">
        <v>54</v>
      </c>
      <c r="AE27" s="261">
        <v>1</v>
      </c>
      <c r="AF27" s="261">
        <v>0</v>
      </c>
      <c r="AG27" s="261">
        <v>26</v>
      </c>
      <c r="AH27" s="258">
        <v>117</v>
      </c>
      <c r="AI27" s="263">
        <v>149</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35</v>
      </c>
      <c r="AZ27" s="261">
        <v>21</v>
      </c>
      <c r="BA27" s="261">
        <v>13</v>
      </c>
      <c r="BB27" s="261">
        <v>6</v>
      </c>
      <c r="BC27" s="261">
        <v>0</v>
      </c>
      <c r="BD27" s="262">
        <v>75</v>
      </c>
      <c r="BE27" s="263">
        <v>75</v>
      </c>
      <c r="BF27" s="257">
        <v>0</v>
      </c>
      <c r="BG27" s="261">
        <v>0</v>
      </c>
      <c r="BH27" s="258">
        <v>0</v>
      </c>
      <c r="BI27" s="260">
        <v>0</v>
      </c>
      <c r="BJ27" s="261">
        <v>17</v>
      </c>
      <c r="BK27" s="261">
        <v>36</v>
      </c>
      <c r="BL27" s="261">
        <v>7</v>
      </c>
      <c r="BM27" s="261">
        <v>0</v>
      </c>
      <c r="BN27" s="261">
        <v>0</v>
      </c>
      <c r="BO27" s="258">
        <v>60</v>
      </c>
      <c r="BP27" s="263">
        <v>60</v>
      </c>
      <c r="BQ27" s="257">
        <v>0</v>
      </c>
      <c r="BR27" s="261">
        <v>0</v>
      </c>
      <c r="BS27" s="258">
        <v>0</v>
      </c>
      <c r="BT27" s="260">
        <v>0</v>
      </c>
      <c r="BU27" s="261">
        <v>4</v>
      </c>
      <c r="BV27" s="261">
        <v>5</v>
      </c>
      <c r="BW27" s="261">
        <v>0</v>
      </c>
      <c r="BX27" s="261">
        <v>6</v>
      </c>
      <c r="BY27" s="261">
        <v>0</v>
      </c>
      <c r="BZ27" s="258">
        <v>15</v>
      </c>
      <c r="CA27" s="263">
        <v>15</v>
      </c>
      <c r="CB27" s="257">
        <v>0</v>
      </c>
      <c r="CC27" s="261">
        <v>0</v>
      </c>
      <c r="CD27" s="258">
        <v>0</v>
      </c>
      <c r="CE27" s="260">
        <v>0</v>
      </c>
      <c r="CF27" s="261">
        <v>0</v>
      </c>
      <c r="CG27" s="261">
        <v>4</v>
      </c>
      <c r="CH27" s="261">
        <v>0</v>
      </c>
      <c r="CI27" s="261">
        <v>0</v>
      </c>
      <c r="CJ27" s="261">
        <v>0</v>
      </c>
      <c r="CK27" s="258">
        <v>4</v>
      </c>
      <c r="CL27" s="263">
        <v>4</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58">
        <v>0</v>
      </c>
      <c r="E28" s="259">
        <v>0</v>
      </c>
      <c r="F28" s="260">
        <v>0</v>
      </c>
      <c r="G28" s="261">
        <v>50</v>
      </c>
      <c r="H28" s="261">
        <v>50</v>
      </c>
      <c r="I28" s="261">
        <v>16</v>
      </c>
      <c r="J28" s="261">
        <v>102</v>
      </c>
      <c r="K28" s="261">
        <v>175</v>
      </c>
      <c r="L28" s="262">
        <v>393</v>
      </c>
      <c r="M28" s="263">
        <v>393</v>
      </c>
      <c r="N28" s="257">
        <v>0</v>
      </c>
      <c r="O28" s="261">
        <v>0</v>
      </c>
      <c r="P28" s="258">
        <v>0</v>
      </c>
      <c r="Q28" s="260">
        <v>0</v>
      </c>
      <c r="R28" s="261">
        <v>0</v>
      </c>
      <c r="S28" s="261">
        <v>1</v>
      </c>
      <c r="T28" s="261">
        <v>0</v>
      </c>
      <c r="U28" s="261">
        <v>6</v>
      </c>
      <c r="V28" s="261">
        <v>6</v>
      </c>
      <c r="W28" s="258">
        <v>13</v>
      </c>
      <c r="X28" s="263">
        <v>13</v>
      </c>
      <c r="Y28" s="257">
        <v>0</v>
      </c>
      <c r="Z28" s="261">
        <v>6</v>
      </c>
      <c r="AA28" s="258">
        <v>6</v>
      </c>
      <c r="AB28" s="260">
        <v>0</v>
      </c>
      <c r="AC28" s="261">
        <v>21</v>
      </c>
      <c r="AD28" s="261">
        <v>78</v>
      </c>
      <c r="AE28" s="261">
        <v>13</v>
      </c>
      <c r="AF28" s="261">
        <v>47</v>
      </c>
      <c r="AG28" s="261">
        <v>40</v>
      </c>
      <c r="AH28" s="258">
        <v>199</v>
      </c>
      <c r="AI28" s="263">
        <v>205</v>
      </c>
      <c r="AJ28" s="257">
        <v>0</v>
      </c>
      <c r="AK28" s="261">
        <v>27</v>
      </c>
      <c r="AL28" s="258">
        <v>27</v>
      </c>
      <c r="AM28" s="260">
        <v>0</v>
      </c>
      <c r="AN28" s="261">
        <v>0</v>
      </c>
      <c r="AO28" s="261">
        <v>0</v>
      </c>
      <c r="AP28" s="261">
        <v>0</v>
      </c>
      <c r="AQ28" s="261">
        <v>0</v>
      </c>
      <c r="AR28" s="261">
        <v>0</v>
      </c>
      <c r="AS28" s="258">
        <v>0</v>
      </c>
      <c r="AT28" s="263">
        <v>27</v>
      </c>
      <c r="AU28" s="257">
        <v>0</v>
      </c>
      <c r="AV28" s="261">
        <v>0</v>
      </c>
      <c r="AW28" s="258">
        <v>0</v>
      </c>
      <c r="AX28" s="260">
        <v>0</v>
      </c>
      <c r="AY28" s="261">
        <v>47</v>
      </c>
      <c r="AZ28" s="261">
        <v>35</v>
      </c>
      <c r="BA28" s="261">
        <v>33</v>
      </c>
      <c r="BB28" s="261">
        <v>3</v>
      </c>
      <c r="BC28" s="261">
        <v>0</v>
      </c>
      <c r="BD28" s="262">
        <v>118</v>
      </c>
      <c r="BE28" s="263">
        <v>118</v>
      </c>
      <c r="BF28" s="257">
        <v>0</v>
      </c>
      <c r="BG28" s="261">
        <v>0</v>
      </c>
      <c r="BH28" s="258">
        <v>0</v>
      </c>
      <c r="BI28" s="260">
        <v>0</v>
      </c>
      <c r="BJ28" s="261">
        <v>31</v>
      </c>
      <c r="BK28" s="261">
        <v>19</v>
      </c>
      <c r="BL28" s="261">
        <v>4</v>
      </c>
      <c r="BM28" s="261">
        <v>0</v>
      </c>
      <c r="BN28" s="261">
        <v>0</v>
      </c>
      <c r="BO28" s="258">
        <v>54</v>
      </c>
      <c r="BP28" s="263">
        <v>54</v>
      </c>
      <c r="BQ28" s="257">
        <v>0</v>
      </c>
      <c r="BR28" s="261">
        <v>0</v>
      </c>
      <c r="BS28" s="258">
        <v>0</v>
      </c>
      <c r="BT28" s="260">
        <v>0</v>
      </c>
      <c r="BU28" s="261">
        <v>0</v>
      </c>
      <c r="BV28" s="261">
        <v>0</v>
      </c>
      <c r="BW28" s="261">
        <v>27</v>
      </c>
      <c r="BX28" s="261">
        <v>30</v>
      </c>
      <c r="BY28" s="261">
        <v>0</v>
      </c>
      <c r="BZ28" s="258">
        <v>57</v>
      </c>
      <c r="CA28" s="263">
        <v>57</v>
      </c>
      <c r="CB28" s="257">
        <v>0</v>
      </c>
      <c r="CC28" s="261">
        <v>0</v>
      </c>
      <c r="CD28" s="258">
        <v>0</v>
      </c>
      <c r="CE28" s="260">
        <v>0</v>
      </c>
      <c r="CF28" s="261">
        <v>0</v>
      </c>
      <c r="CG28" s="261">
        <v>2</v>
      </c>
      <c r="CH28" s="261">
        <v>0</v>
      </c>
      <c r="CI28" s="261">
        <v>2</v>
      </c>
      <c r="CJ28" s="261">
        <v>0</v>
      </c>
      <c r="CK28" s="258">
        <v>4</v>
      </c>
      <c r="CL28" s="263">
        <v>4</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58">
        <v>0</v>
      </c>
      <c r="E29" s="259">
        <v>0</v>
      </c>
      <c r="F29" s="260">
        <v>0</v>
      </c>
      <c r="G29" s="261">
        <v>32</v>
      </c>
      <c r="H29" s="261">
        <v>45</v>
      </c>
      <c r="I29" s="261">
        <v>53</v>
      </c>
      <c r="J29" s="261">
        <v>0</v>
      </c>
      <c r="K29" s="261">
        <v>0</v>
      </c>
      <c r="L29" s="262">
        <v>130</v>
      </c>
      <c r="M29" s="263">
        <v>130</v>
      </c>
      <c r="N29" s="257">
        <v>0</v>
      </c>
      <c r="O29" s="261">
        <v>0</v>
      </c>
      <c r="P29" s="258">
        <v>0</v>
      </c>
      <c r="Q29" s="260">
        <v>0</v>
      </c>
      <c r="R29" s="261">
        <v>0</v>
      </c>
      <c r="S29" s="261">
        <v>0</v>
      </c>
      <c r="T29" s="261">
        <v>0</v>
      </c>
      <c r="U29" s="261">
        <v>15</v>
      </c>
      <c r="V29" s="261">
        <v>2</v>
      </c>
      <c r="W29" s="258">
        <v>17</v>
      </c>
      <c r="X29" s="263">
        <v>17</v>
      </c>
      <c r="Y29" s="257">
        <v>18</v>
      </c>
      <c r="Z29" s="261">
        <v>27</v>
      </c>
      <c r="AA29" s="258">
        <v>45</v>
      </c>
      <c r="AB29" s="260">
        <v>0</v>
      </c>
      <c r="AC29" s="261">
        <v>0</v>
      </c>
      <c r="AD29" s="261">
        <v>63</v>
      </c>
      <c r="AE29" s="261">
        <v>33</v>
      </c>
      <c r="AF29" s="261">
        <v>21</v>
      </c>
      <c r="AG29" s="261">
        <v>0</v>
      </c>
      <c r="AH29" s="258">
        <v>117</v>
      </c>
      <c r="AI29" s="263">
        <v>162</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4</v>
      </c>
      <c r="AZ29" s="261">
        <v>18</v>
      </c>
      <c r="BA29" s="261">
        <v>14</v>
      </c>
      <c r="BB29" s="261">
        <v>10</v>
      </c>
      <c r="BC29" s="261">
        <v>0</v>
      </c>
      <c r="BD29" s="262">
        <v>46</v>
      </c>
      <c r="BE29" s="263">
        <v>46</v>
      </c>
      <c r="BF29" s="257">
        <v>0</v>
      </c>
      <c r="BG29" s="261">
        <v>0</v>
      </c>
      <c r="BH29" s="258">
        <v>0</v>
      </c>
      <c r="BI29" s="260">
        <v>0</v>
      </c>
      <c r="BJ29" s="261">
        <v>9</v>
      </c>
      <c r="BK29" s="261">
        <v>16</v>
      </c>
      <c r="BL29" s="261">
        <v>8</v>
      </c>
      <c r="BM29" s="261">
        <v>0</v>
      </c>
      <c r="BN29" s="261">
        <v>0</v>
      </c>
      <c r="BO29" s="258">
        <v>33</v>
      </c>
      <c r="BP29" s="263">
        <v>33</v>
      </c>
      <c r="BQ29" s="257">
        <v>0</v>
      </c>
      <c r="BR29" s="261">
        <v>0</v>
      </c>
      <c r="BS29" s="258">
        <v>0</v>
      </c>
      <c r="BT29" s="260">
        <v>0</v>
      </c>
      <c r="BU29" s="261">
        <v>0</v>
      </c>
      <c r="BV29" s="261">
        <v>4</v>
      </c>
      <c r="BW29" s="261">
        <v>30</v>
      </c>
      <c r="BX29" s="261">
        <v>5</v>
      </c>
      <c r="BY29" s="261">
        <v>0</v>
      </c>
      <c r="BZ29" s="258">
        <v>39</v>
      </c>
      <c r="CA29" s="263">
        <v>39</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58">
        <v>0</v>
      </c>
      <c r="E30" s="259">
        <v>0</v>
      </c>
      <c r="F30" s="260">
        <v>0</v>
      </c>
      <c r="G30" s="261">
        <v>9</v>
      </c>
      <c r="H30" s="261">
        <v>13</v>
      </c>
      <c r="I30" s="261">
        <v>0</v>
      </c>
      <c r="J30" s="261">
        <v>26</v>
      </c>
      <c r="K30" s="261">
        <v>0</v>
      </c>
      <c r="L30" s="262">
        <v>48</v>
      </c>
      <c r="M30" s="263">
        <v>48</v>
      </c>
      <c r="N30" s="257">
        <v>0</v>
      </c>
      <c r="O30" s="261">
        <v>0</v>
      </c>
      <c r="P30" s="258">
        <v>0</v>
      </c>
      <c r="Q30" s="260">
        <v>0</v>
      </c>
      <c r="R30" s="261">
        <v>0</v>
      </c>
      <c r="S30" s="261">
        <v>0</v>
      </c>
      <c r="T30" s="261">
        <v>0</v>
      </c>
      <c r="U30" s="261">
        <v>0</v>
      </c>
      <c r="V30" s="261">
        <v>0</v>
      </c>
      <c r="W30" s="258">
        <v>0</v>
      </c>
      <c r="X30" s="263">
        <v>0</v>
      </c>
      <c r="Y30" s="257">
        <v>0</v>
      </c>
      <c r="Z30" s="261">
        <v>6</v>
      </c>
      <c r="AA30" s="258">
        <v>6</v>
      </c>
      <c r="AB30" s="260">
        <v>0</v>
      </c>
      <c r="AC30" s="261">
        <v>0</v>
      </c>
      <c r="AD30" s="261">
        <v>14</v>
      </c>
      <c r="AE30" s="261">
        <v>4</v>
      </c>
      <c r="AF30" s="261">
        <v>0</v>
      </c>
      <c r="AG30" s="261">
        <v>0</v>
      </c>
      <c r="AH30" s="258">
        <v>18</v>
      </c>
      <c r="AI30" s="263">
        <v>2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9</v>
      </c>
      <c r="BA30" s="261">
        <v>18</v>
      </c>
      <c r="BB30" s="261">
        <v>8</v>
      </c>
      <c r="BC30" s="261">
        <v>0</v>
      </c>
      <c r="BD30" s="262">
        <v>35</v>
      </c>
      <c r="BE30" s="263">
        <v>35</v>
      </c>
      <c r="BF30" s="257">
        <v>0</v>
      </c>
      <c r="BG30" s="261">
        <v>0</v>
      </c>
      <c r="BH30" s="258">
        <v>0</v>
      </c>
      <c r="BI30" s="260">
        <v>0</v>
      </c>
      <c r="BJ30" s="261">
        <v>0</v>
      </c>
      <c r="BK30" s="261">
        <v>2</v>
      </c>
      <c r="BL30" s="261">
        <v>5</v>
      </c>
      <c r="BM30" s="261">
        <v>0</v>
      </c>
      <c r="BN30" s="261">
        <v>0</v>
      </c>
      <c r="BO30" s="258">
        <v>7</v>
      </c>
      <c r="BP30" s="263">
        <v>7</v>
      </c>
      <c r="BQ30" s="257">
        <v>0</v>
      </c>
      <c r="BR30" s="261">
        <v>0</v>
      </c>
      <c r="BS30" s="258">
        <v>0</v>
      </c>
      <c r="BT30" s="260">
        <v>0</v>
      </c>
      <c r="BU30" s="261">
        <v>0</v>
      </c>
      <c r="BV30" s="261">
        <v>6</v>
      </c>
      <c r="BW30" s="261">
        <v>11</v>
      </c>
      <c r="BX30" s="261">
        <v>0</v>
      </c>
      <c r="BY30" s="261">
        <v>0</v>
      </c>
      <c r="BZ30" s="258">
        <v>17</v>
      </c>
      <c r="CA30" s="263">
        <v>17</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58">
        <v>0</v>
      </c>
      <c r="E31" s="259">
        <v>0</v>
      </c>
      <c r="F31" s="260">
        <v>0</v>
      </c>
      <c r="G31" s="261">
        <v>15</v>
      </c>
      <c r="H31" s="261">
        <v>26</v>
      </c>
      <c r="I31" s="261">
        <v>0</v>
      </c>
      <c r="J31" s="261">
        <v>110</v>
      </c>
      <c r="K31" s="261">
        <v>0</v>
      </c>
      <c r="L31" s="262">
        <v>151</v>
      </c>
      <c r="M31" s="263">
        <v>151</v>
      </c>
      <c r="N31" s="257">
        <v>0</v>
      </c>
      <c r="O31" s="261">
        <v>0</v>
      </c>
      <c r="P31" s="258">
        <v>0</v>
      </c>
      <c r="Q31" s="260">
        <v>0</v>
      </c>
      <c r="R31" s="261">
        <v>0</v>
      </c>
      <c r="S31" s="261">
        <v>0</v>
      </c>
      <c r="T31" s="261">
        <v>0</v>
      </c>
      <c r="U31" s="261">
        <v>0</v>
      </c>
      <c r="V31" s="261">
        <v>0</v>
      </c>
      <c r="W31" s="258">
        <v>0</v>
      </c>
      <c r="X31" s="263">
        <v>0</v>
      </c>
      <c r="Y31" s="257">
        <v>0</v>
      </c>
      <c r="Z31" s="261">
        <v>7</v>
      </c>
      <c r="AA31" s="258">
        <v>7</v>
      </c>
      <c r="AB31" s="260">
        <v>0</v>
      </c>
      <c r="AC31" s="261">
        <v>21</v>
      </c>
      <c r="AD31" s="261">
        <v>17</v>
      </c>
      <c r="AE31" s="261">
        <v>28</v>
      </c>
      <c r="AF31" s="261">
        <v>4</v>
      </c>
      <c r="AG31" s="261">
        <v>0</v>
      </c>
      <c r="AH31" s="258">
        <v>70</v>
      </c>
      <c r="AI31" s="263">
        <v>77</v>
      </c>
      <c r="AJ31" s="257">
        <v>0</v>
      </c>
      <c r="AK31" s="261">
        <v>0</v>
      </c>
      <c r="AL31" s="258">
        <v>0</v>
      </c>
      <c r="AM31" s="260">
        <v>0</v>
      </c>
      <c r="AN31" s="261">
        <v>9</v>
      </c>
      <c r="AO31" s="261">
        <v>0</v>
      </c>
      <c r="AP31" s="261">
        <v>0</v>
      </c>
      <c r="AQ31" s="261">
        <v>24</v>
      </c>
      <c r="AR31" s="261">
        <v>0</v>
      </c>
      <c r="AS31" s="258">
        <v>33</v>
      </c>
      <c r="AT31" s="263">
        <v>33</v>
      </c>
      <c r="AU31" s="257">
        <v>0</v>
      </c>
      <c r="AV31" s="261">
        <v>0</v>
      </c>
      <c r="AW31" s="258">
        <v>0</v>
      </c>
      <c r="AX31" s="260">
        <v>0</v>
      </c>
      <c r="AY31" s="261">
        <v>14</v>
      </c>
      <c r="AZ31" s="261">
        <v>5</v>
      </c>
      <c r="BA31" s="261">
        <v>4</v>
      </c>
      <c r="BB31" s="261">
        <v>13</v>
      </c>
      <c r="BC31" s="261">
        <v>0</v>
      </c>
      <c r="BD31" s="262">
        <v>36</v>
      </c>
      <c r="BE31" s="263">
        <v>36</v>
      </c>
      <c r="BF31" s="257">
        <v>0</v>
      </c>
      <c r="BG31" s="261">
        <v>0</v>
      </c>
      <c r="BH31" s="258">
        <v>0</v>
      </c>
      <c r="BI31" s="260">
        <v>0</v>
      </c>
      <c r="BJ31" s="261">
        <v>15</v>
      </c>
      <c r="BK31" s="261">
        <v>0</v>
      </c>
      <c r="BL31" s="261">
        <v>14</v>
      </c>
      <c r="BM31" s="261">
        <v>2</v>
      </c>
      <c r="BN31" s="261">
        <v>0</v>
      </c>
      <c r="BO31" s="258">
        <v>31</v>
      </c>
      <c r="BP31" s="263">
        <v>31</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2</v>
      </c>
      <c r="CG31" s="261">
        <v>0</v>
      </c>
      <c r="CH31" s="261">
        <v>0</v>
      </c>
      <c r="CI31" s="261">
        <v>0</v>
      </c>
      <c r="CJ31" s="261">
        <v>0</v>
      </c>
      <c r="CK31" s="258">
        <v>2</v>
      </c>
      <c r="CL31" s="263">
        <v>2</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58">
        <v>0</v>
      </c>
      <c r="E32" s="259">
        <v>0</v>
      </c>
      <c r="F32" s="260">
        <v>0</v>
      </c>
      <c r="G32" s="261">
        <v>17</v>
      </c>
      <c r="H32" s="261">
        <v>0</v>
      </c>
      <c r="I32" s="261">
        <v>93</v>
      </c>
      <c r="J32" s="261">
        <v>100</v>
      </c>
      <c r="K32" s="261">
        <v>0</v>
      </c>
      <c r="L32" s="262">
        <v>210</v>
      </c>
      <c r="M32" s="263">
        <v>210</v>
      </c>
      <c r="N32" s="257">
        <v>0</v>
      </c>
      <c r="O32" s="261">
        <v>0</v>
      </c>
      <c r="P32" s="258">
        <v>0</v>
      </c>
      <c r="Q32" s="260">
        <v>0</v>
      </c>
      <c r="R32" s="261">
        <v>0</v>
      </c>
      <c r="S32" s="261">
        <v>0</v>
      </c>
      <c r="T32" s="261">
        <v>0</v>
      </c>
      <c r="U32" s="261">
        <v>5</v>
      </c>
      <c r="V32" s="261">
        <v>0</v>
      </c>
      <c r="W32" s="258">
        <v>5</v>
      </c>
      <c r="X32" s="263">
        <v>5</v>
      </c>
      <c r="Y32" s="257">
        <v>0</v>
      </c>
      <c r="Z32" s="261">
        <v>0</v>
      </c>
      <c r="AA32" s="258">
        <v>0</v>
      </c>
      <c r="AB32" s="260">
        <v>0</v>
      </c>
      <c r="AC32" s="261">
        <v>4</v>
      </c>
      <c r="AD32" s="261">
        <v>0</v>
      </c>
      <c r="AE32" s="261">
        <v>0</v>
      </c>
      <c r="AF32" s="261">
        <v>12</v>
      </c>
      <c r="AG32" s="261">
        <v>0</v>
      </c>
      <c r="AH32" s="258">
        <v>16</v>
      </c>
      <c r="AI32" s="263">
        <v>16</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17</v>
      </c>
      <c r="AZ32" s="261">
        <v>17</v>
      </c>
      <c r="BA32" s="261">
        <v>0</v>
      </c>
      <c r="BB32" s="261">
        <v>0</v>
      </c>
      <c r="BC32" s="261">
        <v>0</v>
      </c>
      <c r="BD32" s="262">
        <v>34</v>
      </c>
      <c r="BE32" s="263">
        <v>34</v>
      </c>
      <c r="BF32" s="257">
        <v>0</v>
      </c>
      <c r="BG32" s="261">
        <v>0</v>
      </c>
      <c r="BH32" s="258">
        <v>0</v>
      </c>
      <c r="BI32" s="260">
        <v>0</v>
      </c>
      <c r="BJ32" s="261">
        <v>7</v>
      </c>
      <c r="BK32" s="261">
        <v>0</v>
      </c>
      <c r="BL32" s="261">
        <v>0</v>
      </c>
      <c r="BM32" s="261">
        <v>10</v>
      </c>
      <c r="BN32" s="261">
        <v>0</v>
      </c>
      <c r="BO32" s="258">
        <v>17</v>
      </c>
      <c r="BP32" s="263">
        <v>17</v>
      </c>
      <c r="BQ32" s="257">
        <v>0</v>
      </c>
      <c r="BR32" s="261">
        <v>0</v>
      </c>
      <c r="BS32" s="258">
        <v>0</v>
      </c>
      <c r="BT32" s="260">
        <v>0</v>
      </c>
      <c r="BU32" s="261">
        <v>0</v>
      </c>
      <c r="BV32" s="261">
        <v>12</v>
      </c>
      <c r="BW32" s="261">
        <v>0</v>
      </c>
      <c r="BX32" s="261">
        <v>3</v>
      </c>
      <c r="BY32" s="261">
        <v>0</v>
      </c>
      <c r="BZ32" s="258">
        <v>15</v>
      </c>
      <c r="CA32" s="263">
        <v>15</v>
      </c>
      <c r="CB32" s="257">
        <v>0</v>
      </c>
      <c r="CC32" s="261">
        <v>0</v>
      </c>
      <c r="CD32" s="258">
        <v>0</v>
      </c>
      <c r="CE32" s="260">
        <v>0</v>
      </c>
      <c r="CF32" s="261">
        <v>2</v>
      </c>
      <c r="CG32" s="261">
        <v>0</v>
      </c>
      <c r="CH32" s="261">
        <v>0</v>
      </c>
      <c r="CI32" s="261">
        <v>0</v>
      </c>
      <c r="CJ32" s="261">
        <v>0</v>
      </c>
      <c r="CK32" s="258">
        <v>2</v>
      </c>
      <c r="CL32" s="263">
        <v>2</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58">
        <v>0</v>
      </c>
      <c r="E33" s="259">
        <v>0</v>
      </c>
      <c r="F33" s="260">
        <v>0</v>
      </c>
      <c r="G33" s="261">
        <v>0</v>
      </c>
      <c r="H33" s="261">
        <v>0</v>
      </c>
      <c r="I33" s="261">
        <v>42</v>
      </c>
      <c r="J33" s="261">
        <v>3</v>
      </c>
      <c r="K33" s="261">
        <v>0</v>
      </c>
      <c r="L33" s="262">
        <v>45</v>
      </c>
      <c r="M33" s="263">
        <v>45</v>
      </c>
      <c r="N33" s="257">
        <v>0</v>
      </c>
      <c r="O33" s="261">
        <v>0</v>
      </c>
      <c r="P33" s="258">
        <v>0</v>
      </c>
      <c r="Q33" s="260">
        <v>0</v>
      </c>
      <c r="R33" s="261">
        <v>0</v>
      </c>
      <c r="S33" s="261">
        <v>0</v>
      </c>
      <c r="T33" s="261">
        <v>0</v>
      </c>
      <c r="U33" s="261">
        <v>1</v>
      </c>
      <c r="V33" s="261">
        <v>8</v>
      </c>
      <c r="W33" s="258">
        <v>9</v>
      </c>
      <c r="X33" s="263">
        <v>9</v>
      </c>
      <c r="Y33" s="257">
        <v>0</v>
      </c>
      <c r="Z33" s="261">
        <v>0</v>
      </c>
      <c r="AA33" s="258">
        <v>0</v>
      </c>
      <c r="AB33" s="260">
        <v>0</v>
      </c>
      <c r="AC33" s="261">
        <v>16</v>
      </c>
      <c r="AD33" s="261">
        <v>4</v>
      </c>
      <c r="AE33" s="261">
        <v>29</v>
      </c>
      <c r="AF33" s="261">
        <v>15</v>
      </c>
      <c r="AG33" s="261">
        <v>28</v>
      </c>
      <c r="AH33" s="258">
        <v>92</v>
      </c>
      <c r="AI33" s="263">
        <v>92</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8</v>
      </c>
      <c r="AZ33" s="261">
        <v>36</v>
      </c>
      <c r="BA33" s="261">
        <v>28</v>
      </c>
      <c r="BB33" s="261">
        <v>7</v>
      </c>
      <c r="BC33" s="261">
        <v>0</v>
      </c>
      <c r="BD33" s="262">
        <v>79</v>
      </c>
      <c r="BE33" s="263">
        <v>79</v>
      </c>
      <c r="BF33" s="257">
        <v>0</v>
      </c>
      <c r="BG33" s="261">
        <v>0</v>
      </c>
      <c r="BH33" s="258">
        <v>0</v>
      </c>
      <c r="BI33" s="260">
        <v>0</v>
      </c>
      <c r="BJ33" s="261">
        <v>0</v>
      </c>
      <c r="BK33" s="261">
        <v>12</v>
      </c>
      <c r="BL33" s="261">
        <v>0</v>
      </c>
      <c r="BM33" s="261">
        <v>0</v>
      </c>
      <c r="BN33" s="261">
        <v>0</v>
      </c>
      <c r="BO33" s="258">
        <v>12</v>
      </c>
      <c r="BP33" s="263">
        <v>12</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58">
        <v>0</v>
      </c>
      <c r="E34" s="259">
        <v>0</v>
      </c>
      <c r="F34" s="260">
        <v>0</v>
      </c>
      <c r="G34" s="261">
        <v>8</v>
      </c>
      <c r="H34" s="261">
        <v>0</v>
      </c>
      <c r="I34" s="261">
        <v>0</v>
      </c>
      <c r="J34" s="261">
        <v>0</v>
      </c>
      <c r="K34" s="261">
        <v>124</v>
      </c>
      <c r="L34" s="262">
        <v>132</v>
      </c>
      <c r="M34" s="263">
        <v>132</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12</v>
      </c>
      <c r="AE34" s="261">
        <v>5</v>
      </c>
      <c r="AF34" s="261">
        <v>0</v>
      </c>
      <c r="AG34" s="261">
        <v>0</v>
      </c>
      <c r="AH34" s="258">
        <v>17</v>
      </c>
      <c r="AI34" s="263">
        <v>17</v>
      </c>
      <c r="AJ34" s="257">
        <v>0</v>
      </c>
      <c r="AK34" s="261">
        <v>0</v>
      </c>
      <c r="AL34" s="258">
        <v>0</v>
      </c>
      <c r="AM34" s="260">
        <v>0</v>
      </c>
      <c r="AN34" s="261">
        <v>0</v>
      </c>
      <c r="AO34" s="261">
        <v>12</v>
      </c>
      <c r="AP34" s="261">
        <v>0</v>
      </c>
      <c r="AQ34" s="261">
        <v>9</v>
      </c>
      <c r="AR34" s="261">
        <v>0</v>
      </c>
      <c r="AS34" s="258">
        <v>21</v>
      </c>
      <c r="AT34" s="263">
        <v>21</v>
      </c>
      <c r="AU34" s="257">
        <v>0</v>
      </c>
      <c r="AV34" s="261">
        <v>0</v>
      </c>
      <c r="AW34" s="258">
        <v>0</v>
      </c>
      <c r="AX34" s="260">
        <v>0</v>
      </c>
      <c r="AY34" s="261">
        <v>25</v>
      </c>
      <c r="AZ34" s="261">
        <v>39</v>
      </c>
      <c r="BA34" s="261">
        <v>7</v>
      </c>
      <c r="BB34" s="261">
        <v>0</v>
      </c>
      <c r="BC34" s="261">
        <v>0</v>
      </c>
      <c r="BD34" s="262">
        <v>71</v>
      </c>
      <c r="BE34" s="263">
        <v>71</v>
      </c>
      <c r="BF34" s="257">
        <v>0</v>
      </c>
      <c r="BG34" s="261">
        <v>0</v>
      </c>
      <c r="BH34" s="258">
        <v>0</v>
      </c>
      <c r="BI34" s="260">
        <v>0</v>
      </c>
      <c r="BJ34" s="261">
        <v>0</v>
      </c>
      <c r="BK34" s="261">
        <v>0</v>
      </c>
      <c r="BL34" s="261">
        <v>7</v>
      </c>
      <c r="BM34" s="261">
        <v>9</v>
      </c>
      <c r="BN34" s="261">
        <v>0</v>
      </c>
      <c r="BO34" s="258">
        <v>16</v>
      </c>
      <c r="BP34" s="263">
        <v>16</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2</v>
      </c>
      <c r="CI34" s="261">
        <v>0</v>
      </c>
      <c r="CJ34" s="261">
        <v>0</v>
      </c>
      <c r="CK34" s="258">
        <v>12</v>
      </c>
      <c r="CL34" s="263">
        <v>12</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58">
        <v>0</v>
      </c>
      <c r="E35" s="259">
        <v>0</v>
      </c>
      <c r="F35" s="260">
        <v>0</v>
      </c>
      <c r="G35" s="261">
        <v>35</v>
      </c>
      <c r="H35" s="261">
        <v>0</v>
      </c>
      <c r="I35" s="261">
        <v>0</v>
      </c>
      <c r="J35" s="261">
        <v>0</v>
      </c>
      <c r="K35" s="261">
        <v>0</v>
      </c>
      <c r="L35" s="262">
        <v>35</v>
      </c>
      <c r="M35" s="263">
        <v>35</v>
      </c>
      <c r="N35" s="257">
        <v>0</v>
      </c>
      <c r="O35" s="261">
        <v>0</v>
      </c>
      <c r="P35" s="258">
        <v>0</v>
      </c>
      <c r="Q35" s="260">
        <v>0</v>
      </c>
      <c r="R35" s="261">
        <v>0</v>
      </c>
      <c r="S35" s="261">
        <v>0</v>
      </c>
      <c r="T35" s="261">
        <v>0</v>
      </c>
      <c r="U35" s="261">
        <v>3</v>
      </c>
      <c r="V35" s="261">
        <v>0</v>
      </c>
      <c r="W35" s="258">
        <v>3</v>
      </c>
      <c r="X35" s="263">
        <v>3</v>
      </c>
      <c r="Y35" s="257">
        <v>0</v>
      </c>
      <c r="Z35" s="261">
        <v>0</v>
      </c>
      <c r="AA35" s="258">
        <v>0</v>
      </c>
      <c r="AB35" s="260">
        <v>0</v>
      </c>
      <c r="AC35" s="261">
        <v>0</v>
      </c>
      <c r="AD35" s="261">
        <v>5</v>
      </c>
      <c r="AE35" s="261">
        <v>0</v>
      </c>
      <c r="AF35" s="261">
        <v>0</v>
      </c>
      <c r="AG35" s="261">
        <v>0</v>
      </c>
      <c r="AH35" s="258">
        <v>5</v>
      </c>
      <c r="AI35" s="263">
        <v>5</v>
      </c>
      <c r="AJ35" s="257">
        <v>0</v>
      </c>
      <c r="AK35" s="261">
        <v>0</v>
      </c>
      <c r="AL35" s="258">
        <v>0</v>
      </c>
      <c r="AM35" s="260">
        <v>0</v>
      </c>
      <c r="AN35" s="261">
        <v>33</v>
      </c>
      <c r="AO35" s="261">
        <v>28</v>
      </c>
      <c r="AP35" s="261">
        <v>34</v>
      </c>
      <c r="AQ35" s="261">
        <v>0</v>
      </c>
      <c r="AR35" s="261">
        <v>21</v>
      </c>
      <c r="AS35" s="258">
        <v>116</v>
      </c>
      <c r="AT35" s="263">
        <v>116</v>
      </c>
      <c r="AU35" s="257">
        <v>0</v>
      </c>
      <c r="AV35" s="261">
        <v>0</v>
      </c>
      <c r="AW35" s="258">
        <v>0</v>
      </c>
      <c r="AX35" s="260">
        <v>0</v>
      </c>
      <c r="AY35" s="261">
        <v>12</v>
      </c>
      <c r="AZ35" s="261">
        <v>0</v>
      </c>
      <c r="BA35" s="261">
        <v>0</v>
      </c>
      <c r="BB35" s="261">
        <v>0</v>
      </c>
      <c r="BC35" s="261">
        <v>0</v>
      </c>
      <c r="BD35" s="262">
        <v>12</v>
      </c>
      <c r="BE35" s="263">
        <v>12</v>
      </c>
      <c r="BF35" s="257">
        <v>0</v>
      </c>
      <c r="BG35" s="261">
        <v>0</v>
      </c>
      <c r="BH35" s="258">
        <v>0</v>
      </c>
      <c r="BI35" s="260">
        <v>0</v>
      </c>
      <c r="BJ35" s="261">
        <v>11</v>
      </c>
      <c r="BK35" s="261">
        <v>0</v>
      </c>
      <c r="BL35" s="261">
        <v>12</v>
      </c>
      <c r="BM35" s="261">
        <v>0</v>
      </c>
      <c r="BN35" s="261">
        <v>0</v>
      </c>
      <c r="BO35" s="258">
        <v>23</v>
      </c>
      <c r="BP35" s="263">
        <v>23</v>
      </c>
      <c r="BQ35" s="257">
        <v>0</v>
      </c>
      <c r="BR35" s="261">
        <v>0</v>
      </c>
      <c r="BS35" s="258">
        <v>0</v>
      </c>
      <c r="BT35" s="260">
        <v>0</v>
      </c>
      <c r="BU35" s="261">
        <v>0</v>
      </c>
      <c r="BV35" s="261">
        <v>0</v>
      </c>
      <c r="BW35" s="261">
        <v>3</v>
      </c>
      <c r="BX35" s="261">
        <v>2</v>
      </c>
      <c r="BY35" s="261">
        <v>0</v>
      </c>
      <c r="BZ35" s="258">
        <v>5</v>
      </c>
      <c r="CA35" s="263">
        <v>5</v>
      </c>
      <c r="CB35" s="257">
        <v>0</v>
      </c>
      <c r="CC35" s="261">
        <v>0</v>
      </c>
      <c r="CD35" s="258">
        <v>0</v>
      </c>
      <c r="CE35" s="260">
        <v>0</v>
      </c>
      <c r="CF35" s="261">
        <v>7</v>
      </c>
      <c r="CG35" s="261">
        <v>0</v>
      </c>
      <c r="CH35" s="261">
        <v>0</v>
      </c>
      <c r="CI35" s="261">
        <v>0</v>
      </c>
      <c r="CJ35" s="261">
        <v>0</v>
      </c>
      <c r="CK35" s="258">
        <v>7</v>
      </c>
      <c r="CL35" s="263">
        <v>7</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58">
        <v>0</v>
      </c>
      <c r="E36" s="259">
        <v>0</v>
      </c>
      <c r="F36" s="260">
        <v>0</v>
      </c>
      <c r="G36" s="261">
        <v>5</v>
      </c>
      <c r="H36" s="261">
        <v>44</v>
      </c>
      <c r="I36" s="261">
        <v>0</v>
      </c>
      <c r="J36" s="261">
        <v>0</v>
      </c>
      <c r="K36" s="261">
        <v>0</v>
      </c>
      <c r="L36" s="262">
        <v>49</v>
      </c>
      <c r="M36" s="263">
        <v>49</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4</v>
      </c>
      <c r="AE36" s="261">
        <v>0</v>
      </c>
      <c r="AF36" s="261">
        <v>0</v>
      </c>
      <c r="AG36" s="261">
        <v>0</v>
      </c>
      <c r="AH36" s="258">
        <v>4</v>
      </c>
      <c r="AI36" s="263">
        <v>4</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42</v>
      </c>
      <c r="BA36" s="261">
        <v>27</v>
      </c>
      <c r="BB36" s="261">
        <v>0</v>
      </c>
      <c r="BC36" s="261">
        <v>0</v>
      </c>
      <c r="BD36" s="262">
        <v>69</v>
      </c>
      <c r="BE36" s="263">
        <v>69</v>
      </c>
      <c r="BF36" s="257">
        <v>0</v>
      </c>
      <c r="BG36" s="261">
        <v>0</v>
      </c>
      <c r="BH36" s="258">
        <v>0</v>
      </c>
      <c r="BI36" s="260">
        <v>0</v>
      </c>
      <c r="BJ36" s="261">
        <v>0</v>
      </c>
      <c r="BK36" s="261">
        <v>0</v>
      </c>
      <c r="BL36" s="261">
        <v>0</v>
      </c>
      <c r="BM36" s="261">
        <v>0</v>
      </c>
      <c r="BN36" s="261">
        <v>0</v>
      </c>
      <c r="BO36" s="258">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58">
        <v>0</v>
      </c>
      <c r="E37" s="259">
        <v>0</v>
      </c>
      <c r="F37" s="260">
        <v>0</v>
      </c>
      <c r="G37" s="261">
        <v>66</v>
      </c>
      <c r="H37" s="261">
        <v>15</v>
      </c>
      <c r="I37" s="261">
        <v>19</v>
      </c>
      <c r="J37" s="261">
        <v>28</v>
      </c>
      <c r="K37" s="261">
        <v>51</v>
      </c>
      <c r="L37" s="262">
        <v>179</v>
      </c>
      <c r="M37" s="263">
        <v>179</v>
      </c>
      <c r="N37" s="257">
        <v>0</v>
      </c>
      <c r="O37" s="261">
        <v>0</v>
      </c>
      <c r="P37" s="258">
        <v>0</v>
      </c>
      <c r="Q37" s="260">
        <v>0</v>
      </c>
      <c r="R37" s="261">
        <v>0</v>
      </c>
      <c r="S37" s="261">
        <v>0</v>
      </c>
      <c r="T37" s="261">
        <v>0</v>
      </c>
      <c r="U37" s="261">
        <v>4</v>
      </c>
      <c r="V37" s="261">
        <v>3</v>
      </c>
      <c r="W37" s="258">
        <v>7</v>
      </c>
      <c r="X37" s="263">
        <v>7</v>
      </c>
      <c r="Y37" s="257">
        <v>6</v>
      </c>
      <c r="Z37" s="261">
        <v>6</v>
      </c>
      <c r="AA37" s="258">
        <v>12</v>
      </c>
      <c r="AB37" s="260">
        <v>0</v>
      </c>
      <c r="AC37" s="261">
        <v>22</v>
      </c>
      <c r="AD37" s="261">
        <v>10</v>
      </c>
      <c r="AE37" s="261">
        <v>21</v>
      </c>
      <c r="AF37" s="261">
        <v>33</v>
      </c>
      <c r="AG37" s="261">
        <v>9</v>
      </c>
      <c r="AH37" s="258">
        <v>95</v>
      </c>
      <c r="AI37" s="263">
        <v>107</v>
      </c>
      <c r="AJ37" s="257">
        <v>0</v>
      </c>
      <c r="AK37" s="261">
        <v>12</v>
      </c>
      <c r="AL37" s="258">
        <v>12</v>
      </c>
      <c r="AM37" s="260">
        <v>0</v>
      </c>
      <c r="AN37" s="261">
        <v>46</v>
      </c>
      <c r="AO37" s="261">
        <v>0</v>
      </c>
      <c r="AP37" s="261">
        <v>0</v>
      </c>
      <c r="AQ37" s="261">
        <v>21</v>
      </c>
      <c r="AR37" s="261">
        <v>0</v>
      </c>
      <c r="AS37" s="258">
        <v>67</v>
      </c>
      <c r="AT37" s="263">
        <v>79</v>
      </c>
      <c r="AU37" s="257">
        <v>0</v>
      </c>
      <c r="AV37" s="261">
        <v>0</v>
      </c>
      <c r="AW37" s="258">
        <v>0</v>
      </c>
      <c r="AX37" s="260">
        <v>0</v>
      </c>
      <c r="AY37" s="261">
        <v>41</v>
      </c>
      <c r="AZ37" s="261">
        <v>10</v>
      </c>
      <c r="BA37" s="261">
        <v>12</v>
      </c>
      <c r="BB37" s="261">
        <v>7</v>
      </c>
      <c r="BC37" s="261">
        <v>9</v>
      </c>
      <c r="BD37" s="262">
        <v>79</v>
      </c>
      <c r="BE37" s="263">
        <v>79</v>
      </c>
      <c r="BF37" s="257">
        <v>0</v>
      </c>
      <c r="BG37" s="261">
        <v>0</v>
      </c>
      <c r="BH37" s="258">
        <v>0</v>
      </c>
      <c r="BI37" s="260">
        <v>0</v>
      </c>
      <c r="BJ37" s="261">
        <v>7</v>
      </c>
      <c r="BK37" s="261">
        <v>8</v>
      </c>
      <c r="BL37" s="261">
        <v>0</v>
      </c>
      <c r="BM37" s="261">
        <v>12</v>
      </c>
      <c r="BN37" s="261">
        <v>0</v>
      </c>
      <c r="BO37" s="258">
        <v>27</v>
      </c>
      <c r="BP37" s="263">
        <v>27</v>
      </c>
      <c r="BQ37" s="257">
        <v>0</v>
      </c>
      <c r="BR37" s="261">
        <v>0</v>
      </c>
      <c r="BS37" s="258">
        <v>0</v>
      </c>
      <c r="BT37" s="260">
        <v>0</v>
      </c>
      <c r="BU37" s="261">
        <v>0</v>
      </c>
      <c r="BV37" s="261">
        <v>0</v>
      </c>
      <c r="BW37" s="261">
        <v>0</v>
      </c>
      <c r="BX37" s="261">
        <v>17</v>
      </c>
      <c r="BY37" s="261">
        <v>12</v>
      </c>
      <c r="BZ37" s="258">
        <v>29</v>
      </c>
      <c r="CA37" s="263">
        <v>29</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58">
        <v>0</v>
      </c>
      <c r="E38" s="259">
        <v>0</v>
      </c>
      <c r="F38" s="260">
        <v>0</v>
      </c>
      <c r="G38" s="261">
        <v>12</v>
      </c>
      <c r="H38" s="261">
        <v>4</v>
      </c>
      <c r="I38" s="261">
        <v>0</v>
      </c>
      <c r="J38" s="261">
        <v>93</v>
      </c>
      <c r="K38" s="261">
        <v>124</v>
      </c>
      <c r="L38" s="262">
        <v>233</v>
      </c>
      <c r="M38" s="263">
        <v>233</v>
      </c>
      <c r="N38" s="257">
        <v>0</v>
      </c>
      <c r="O38" s="261">
        <v>0</v>
      </c>
      <c r="P38" s="258">
        <v>0</v>
      </c>
      <c r="Q38" s="260">
        <v>0</v>
      </c>
      <c r="R38" s="261">
        <v>0</v>
      </c>
      <c r="S38" s="261">
        <v>0</v>
      </c>
      <c r="T38" s="261">
        <v>0</v>
      </c>
      <c r="U38" s="261">
        <v>0</v>
      </c>
      <c r="V38" s="261">
        <v>0</v>
      </c>
      <c r="W38" s="258">
        <v>0</v>
      </c>
      <c r="X38" s="263">
        <v>0</v>
      </c>
      <c r="Y38" s="257">
        <v>0</v>
      </c>
      <c r="Z38" s="261">
        <v>13</v>
      </c>
      <c r="AA38" s="258">
        <v>13</v>
      </c>
      <c r="AB38" s="260">
        <v>0</v>
      </c>
      <c r="AC38" s="261">
        <v>3</v>
      </c>
      <c r="AD38" s="261">
        <v>12</v>
      </c>
      <c r="AE38" s="261">
        <v>0</v>
      </c>
      <c r="AF38" s="261">
        <v>1</v>
      </c>
      <c r="AG38" s="261">
        <v>9</v>
      </c>
      <c r="AH38" s="258">
        <v>25</v>
      </c>
      <c r="AI38" s="263">
        <v>38</v>
      </c>
      <c r="AJ38" s="257">
        <v>0</v>
      </c>
      <c r="AK38" s="261">
        <v>0</v>
      </c>
      <c r="AL38" s="258">
        <v>0</v>
      </c>
      <c r="AM38" s="260">
        <v>0</v>
      </c>
      <c r="AN38" s="261">
        <v>16</v>
      </c>
      <c r="AO38" s="261">
        <v>0</v>
      </c>
      <c r="AP38" s="261">
        <v>0</v>
      </c>
      <c r="AQ38" s="261">
        <v>12</v>
      </c>
      <c r="AR38" s="261">
        <v>0</v>
      </c>
      <c r="AS38" s="258">
        <v>28</v>
      </c>
      <c r="AT38" s="263">
        <v>28</v>
      </c>
      <c r="AU38" s="257">
        <v>0</v>
      </c>
      <c r="AV38" s="261">
        <v>0</v>
      </c>
      <c r="AW38" s="258">
        <v>0</v>
      </c>
      <c r="AX38" s="260">
        <v>0</v>
      </c>
      <c r="AY38" s="261">
        <v>7</v>
      </c>
      <c r="AZ38" s="261">
        <v>35</v>
      </c>
      <c r="BA38" s="261">
        <v>0</v>
      </c>
      <c r="BB38" s="261">
        <v>27</v>
      </c>
      <c r="BC38" s="261">
        <v>4</v>
      </c>
      <c r="BD38" s="262">
        <v>73</v>
      </c>
      <c r="BE38" s="263">
        <v>73</v>
      </c>
      <c r="BF38" s="257">
        <v>0</v>
      </c>
      <c r="BG38" s="261">
        <v>0</v>
      </c>
      <c r="BH38" s="258">
        <v>0</v>
      </c>
      <c r="BI38" s="260">
        <v>0</v>
      </c>
      <c r="BJ38" s="261">
        <v>3</v>
      </c>
      <c r="BK38" s="261">
        <v>0</v>
      </c>
      <c r="BL38" s="261">
        <v>0</v>
      </c>
      <c r="BM38" s="261">
        <v>0</v>
      </c>
      <c r="BN38" s="261">
        <v>0</v>
      </c>
      <c r="BO38" s="258">
        <v>3</v>
      </c>
      <c r="BP38" s="263">
        <v>3</v>
      </c>
      <c r="BQ38" s="257">
        <v>0</v>
      </c>
      <c r="BR38" s="261">
        <v>0</v>
      </c>
      <c r="BS38" s="258">
        <v>0</v>
      </c>
      <c r="BT38" s="260">
        <v>0</v>
      </c>
      <c r="BU38" s="261">
        <v>0</v>
      </c>
      <c r="BV38" s="261">
        <v>17</v>
      </c>
      <c r="BW38" s="261">
        <v>0</v>
      </c>
      <c r="BX38" s="261">
        <v>7</v>
      </c>
      <c r="BY38" s="261">
        <v>0</v>
      </c>
      <c r="BZ38" s="258">
        <v>24</v>
      </c>
      <c r="CA38" s="263">
        <v>24</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5">
        <v>0</v>
      </c>
      <c r="E39" s="266">
        <v>0</v>
      </c>
      <c r="F39" s="267">
        <v>0</v>
      </c>
      <c r="G39" s="268">
        <v>0</v>
      </c>
      <c r="H39" s="268">
        <v>0</v>
      </c>
      <c r="I39" s="268">
        <v>0</v>
      </c>
      <c r="J39" s="268">
        <v>0</v>
      </c>
      <c r="K39" s="268">
        <v>25</v>
      </c>
      <c r="L39" s="269">
        <v>25</v>
      </c>
      <c r="M39" s="270">
        <v>25</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4</v>
      </c>
      <c r="AH39" s="265">
        <v>4</v>
      </c>
      <c r="AI39" s="270">
        <v>4</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9">
        <v>0</v>
      </c>
      <c r="BE39" s="270">
        <v>0</v>
      </c>
      <c r="BF39" s="264">
        <v>0</v>
      </c>
      <c r="BG39" s="268">
        <v>0</v>
      </c>
      <c r="BH39" s="265">
        <v>0</v>
      </c>
      <c r="BI39" s="267">
        <v>0</v>
      </c>
      <c r="BJ39" s="268">
        <v>0</v>
      </c>
      <c r="BK39" s="268">
        <v>0</v>
      </c>
      <c r="BL39" s="268">
        <v>0</v>
      </c>
      <c r="BM39" s="268">
        <v>0</v>
      </c>
      <c r="BN39" s="268">
        <v>0</v>
      </c>
      <c r="BO39" s="265">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2</v>
      </c>
      <c r="CK39" s="265">
        <v>2</v>
      </c>
      <c r="CL39" s="270">
        <v>2</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15" t="s">
        <v>128</v>
      </c>
      <c r="F1" s="17"/>
      <c r="H1" s="499">
        <f>第１表!F2</f>
        <v>5</v>
      </c>
      <c r="I1" s="499"/>
      <c r="J1" s="235">
        <f>第１表!G2</f>
        <v>9</v>
      </c>
      <c r="K1" s="530">
        <f>IF(J1&lt;3,J1-2+12,J1-2)</f>
        <v>7</v>
      </c>
      <c r="L1" s="530"/>
    </row>
    <row r="2" spans="2:35" ht="24" customHeight="1" thickBot="1" x14ac:dyDescent="0.25">
      <c r="J2" s="5"/>
      <c r="K2" s="5"/>
      <c r="L2" s="5"/>
      <c r="M2" s="5"/>
      <c r="N2" s="5"/>
      <c r="O2" s="5"/>
      <c r="P2" s="25"/>
      <c r="Q2" s="25"/>
      <c r="R2" s="25"/>
    </row>
    <row r="3" spans="2:35" ht="21" customHeight="1" thickBot="1" x14ac:dyDescent="0.25">
      <c r="B3" s="21"/>
      <c r="C3" s="531" t="s">
        <v>53</v>
      </c>
      <c r="D3" s="532"/>
      <c r="E3" s="532"/>
      <c r="F3" s="532"/>
      <c r="G3" s="532"/>
      <c r="H3" s="532"/>
      <c r="I3" s="532"/>
      <c r="J3" s="532"/>
      <c r="K3" s="532"/>
      <c r="L3" s="532"/>
      <c r="M3" s="533"/>
      <c r="N3" s="531" t="s">
        <v>54</v>
      </c>
      <c r="O3" s="532"/>
      <c r="P3" s="532"/>
      <c r="Q3" s="532"/>
      <c r="R3" s="532"/>
      <c r="S3" s="532"/>
      <c r="T3" s="532"/>
      <c r="U3" s="532"/>
      <c r="V3" s="532"/>
      <c r="W3" s="532"/>
      <c r="X3" s="533"/>
      <c r="Y3" s="531" t="s">
        <v>55</v>
      </c>
      <c r="Z3" s="532"/>
      <c r="AA3" s="532"/>
      <c r="AB3" s="532"/>
      <c r="AC3" s="532"/>
      <c r="AD3" s="532"/>
      <c r="AE3" s="532"/>
      <c r="AF3" s="532"/>
      <c r="AG3" s="532"/>
      <c r="AH3" s="532"/>
      <c r="AI3" s="533"/>
    </row>
    <row r="4" spans="2:35" ht="30" customHeight="1" thickBot="1" x14ac:dyDescent="0.25">
      <c r="B4" s="21" t="s">
        <v>42</v>
      </c>
      <c r="C4" s="22" t="s">
        <v>43</v>
      </c>
      <c r="D4" s="6" t="s">
        <v>44</v>
      </c>
      <c r="E4" s="23" t="s">
        <v>45</v>
      </c>
      <c r="F4" s="24" t="s">
        <v>46</v>
      </c>
      <c r="G4" s="6" t="s">
        <v>47</v>
      </c>
      <c r="H4" s="6" t="s">
        <v>48</v>
      </c>
      <c r="I4" s="6" t="s">
        <v>49</v>
      </c>
      <c r="J4" s="6" t="s">
        <v>50</v>
      </c>
      <c r="K4" s="6" t="s">
        <v>51</v>
      </c>
      <c r="L4" s="23" t="s">
        <v>45</v>
      </c>
      <c r="M4" s="11" t="s">
        <v>52</v>
      </c>
      <c r="N4" s="22" t="s">
        <v>43</v>
      </c>
      <c r="O4" s="6" t="s">
        <v>44</v>
      </c>
      <c r="P4" s="23" t="s">
        <v>45</v>
      </c>
      <c r="Q4" s="24" t="s">
        <v>46</v>
      </c>
      <c r="R4" s="6" t="s">
        <v>47</v>
      </c>
      <c r="S4" s="6" t="s">
        <v>48</v>
      </c>
      <c r="T4" s="6" t="s">
        <v>49</v>
      </c>
      <c r="U4" s="6" t="s">
        <v>50</v>
      </c>
      <c r="V4" s="6" t="s">
        <v>51</v>
      </c>
      <c r="W4" s="23" t="s">
        <v>45</v>
      </c>
      <c r="X4" s="11" t="s">
        <v>52</v>
      </c>
      <c r="Y4" s="22" t="s">
        <v>43</v>
      </c>
      <c r="Z4" s="6" t="s">
        <v>44</v>
      </c>
      <c r="AA4" s="23" t="s">
        <v>45</v>
      </c>
      <c r="AB4" s="24" t="s">
        <v>46</v>
      </c>
      <c r="AC4" s="6" t="s">
        <v>47</v>
      </c>
      <c r="AD4" s="6" t="s">
        <v>48</v>
      </c>
      <c r="AE4" s="6" t="s">
        <v>49</v>
      </c>
      <c r="AF4" s="6" t="s">
        <v>50</v>
      </c>
      <c r="AG4" s="6" t="s">
        <v>51</v>
      </c>
      <c r="AH4" s="23" t="s">
        <v>45</v>
      </c>
      <c r="AI4" s="11" t="s">
        <v>52</v>
      </c>
    </row>
    <row r="5" spans="2:35" ht="21" customHeight="1" x14ac:dyDescent="0.2">
      <c r="B5" s="470" t="s">
        <v>4</v>
      </c>
      <c r="C5" s="81">
        <v>182</v>
      </c>
      <c r="D5" s="82">
        <v>315</v>
      </c>
      <c r="E5" s="83">
        <v>497</v>
      </c>
      <c r="F5" s="84">
        <v>0</v>
      </c>
      <c r="G5" s="82">
        <v>18811</v>
      </c>
      <c r="H5" s="82">
        <v>19125</v>
      </c>
      <c r="I5" s="82">
        <v>12904</v>
      </c>
      <c r="J5" s="82">
        <v>8233</v>
      </c>
      <c r="K5" s="82">
        <v>5225</v>
      </c>
      <c r="L5" s="83">
        <v>64298</v>
      </c>
      <c r="M5" s="85">
        <v>64795</v>
      </c>
      <c r="N5" s="86">
        <v>2</v>
      </c>
      <c r="O5" s="82">
        <v>2</v>
      </c>
      <c r="P5" s="83">
        <v>4</v>
      </c>
      <c r="Q5" s="84">
        <v>0</v>
      </c>
      <c r="R5" s="82">
        <v>214</v>
      </c>
      <c r="S5" s="82">
        <v>352</v>
      </c>
      <c r="T5" s="82">
        <v>241</v>
      </c>
      <c r="U5" s="82">
        <v>169</v>
      </c>
      <c r="V5" s="82">
        <v>164</v>
      </c>
      <c r="W5" s="83">
        <v>1140</v>
      </c>
      <c r="X5" s="85">
        <v>1144</v>
      </c>
      <c r="Y5" s="86">
        <v>184</v>
      </c>
      <c r="Z5" s="82">
        <v>317</v>
      </c>
      <c r="AA5" s="83">
        <v>501</v>
      </c>
      <c r="AB5" s="84">
        <v>0</v>
      </c>
      <c r="AC5" s="82">
        <v>19025</v>
      </c>
      <c r="AD5" s="82">
        <v>19477</v>
      </c>
      <c r="AE5" s="82">
        <v>13145</v>
      </c>
      <c r="AF5" s="82">
        <v>8402</v>
      </c>
      <c r="AG5" s="82">
        <v>5389</v>
      </c>
      <c r="AH5" s="83">
        <v>65438</v>
      </c>
      <c r="AI5" s="85">
        <v>65939</v>
      </c>
    </row>
    <row r="6" spans="2:35" ht="21" customHeight="1" x14ac:dyDescent="0.2">
      <c r="B6" s="471" t="s">
        <v>5</v>
      </c>
      <c r="C6" s="87">
        <v>75</v>
      </c>
      <c r="D6" s="88">
        <v>129</v>
      </c>
      <c r="E6" s="89">
        <v>204</v>
      </c>
      <c r="F6" s="90">
        <v>0</v>
      </c>
      <c r="G6" s="88">
        <v>7060</v>
      </c>
      <c r="H6" s="88">
        <v>9022</v>
      </c>
      <c r="I6" s="88">
        <v>5732</v>
      </c>
      <c r="J6" s="88">
        <v>3646</v>
      </c>
      <c r="K6" s="88">
        <v>2416</v>
      </c>
      <c r="L6" s="89">
        <v>27876</v>
      </c>
      <c r="M6" s="91">
        <v>28080</v>
      </c>
      <c r="N6" s="92">
        <v>2</v>
      </c>
      <c r="O6" s="88">
        <v>0</v>
      </c>
      <c r="P6" s="89">
        <v>2</v>
      </c>
      <c r="Q6" s="90">
        <v>0</v>
      </c>
      <c r="R6" s="88">
        <v>74</v>
      </c>
      <c r="S6" s="88">
        <v>166</v>
      </c>
      <c r="T6" s="88">
        <v>134</v>
      </c>
      <c r="U6" s="88">
        <v>80</v>
      </c>
      <c r="V6" s="88">
        <v>79</v>
      </c>
      <c r="W6" s="89">
        <v>533</v>
      </c>
      <c r="X6" s="91">
        <v>535</v>
      </c>
      <c r="Y6" s="92">
        <v>77</v>
      </c>
      <c r="Z6" s="88">
        <v>129</v>
      </c>
      <c r="AA6" s="89">
        <v>206</v>
      </c>
      <c r="AB6" s="90">
        <v>0</v>
      </c>
      <c r="AC6" s="88">
        <v>7134</v>
      </c>
      <c r="AD6" s="88">
        <v>9188</v>
      </c>
      <c r="AE6" s="88">
        <v>5866</v>
      </c>
      <c r="AF6" s="88">
        <v>3726</v>
      </c>
      <c r="AG6" s="88">
        <v>2495</v>
      </c>
      <c r="AH6" s="89">
        <v>28409</v>
      </c>
      <c r="AI6" s="91">
        <v>28615</v>
      </c>
    </row>
    <row r="7" spans="2:35" ht="21" customHeight="1" x14ac:dyDescent="0.2">
      <c r="B7" s="472" t="s">
        <v>6</v>
      </c>
      <c r="C7" s="87">
        <v>30</v>
      </c>
      <c r="D7" s="88">
        <v>37</v>
      </c>
      <c r="E7" s="89">
        <v>67</v>
      </c>
      <c r="F7" s="90">
        <v>0</v>
      </c>
      <c r="G7" s="88">
        <v>2866</v>
      </c>
      <c r="H7" s="88">
        <v>2534</v>
      </c>
      <c r="I7" s="88">
        <v>1908</v>
      </c>
      <c r="J7" s="88">
        <v>1359</v>
      </c>
      <c r="K7" s="88">
        <v>943</v>
      </c>
      <c r="L7" s="89">
        <v>9610</v>
      </c>
      <c r="M7" s="91">
        <v>9677</v>
      </c>
      <c r="N7" s="92">
        <v>0</v>
      </c>
      <c r="O7" s="88">
        <v>0</v>
      </c>
      <c r="P7" s="89">
        <v>0</v>
      </c>
      <c r="Q7" s="90">
        <v>0</v>
      </c>
      <c r="R7" s="88">
        <v>30</v>
      </c>
      <c r="S7" s="88">
        <v>33</v>
      </c>
      <c r="T7" s="88">
        <v>27</v>
      </c>
      <c r="U7" s="88">
        <v>25</v>
      </c>
      <c r="V7" s="88">
        <v>28</v>
      </c>
      <c r="W7" s="89">
        <v>143</v>
      </c>
      <c r="X7" s="91">
        <v>143</v>
      </c>
      <c r="Y7" s="92">
        <v>30</v>
      </c>
      <c r="Z7" s="88">
        <v>37</v>
      </c>
      <c r="AA7" s="89">
        <v>67</v>
      </c>
      <c r="AB7" s="90">
        <v>0</v>
      </c>
      <c r="AC7" s="88">
        <v>2896</v>
      </c>
      <c r="AD7" s="88">
        <v>2567</v>
      </c>
      <c r="AE7" s="88">
        <v>1935</v>
      </c>
      <c r="AF7" s="88">
        <v>1384</v>
      </c>
      <c r="AG7" s="88">
        <v>971</v>
      </c>
      <c r="AH7" s="89">
        <v>9753</v>
      </c>
      <c r="AI7" s="91">
        <v>9820</v>
      </c>
    </row>
    <row r="8" spans="2:35" ht="21" customHeight="1" x14ac:dyDescent="0.2">
      <c r="B8" s="472" t="s">
        <v>14</v>
      </c>
      <c r="C8" s="87">
        <v>20</v>
      </c>
      <c r="D8" s="88">
        <v>30</v>
      </c>
      <c r="E8" s="89">
        <v>50</v>
      </c>
      <c r="F8" s="90">
        <v>0</v>
      </c>
      <c r="G8" s="88">
        <v>1396</v>
      </c>
      <c r="H8" s="88">
        <v>1666</v>
      </c>
      <c r="I8" s="88">
        <v>1145</v>
      </c>
      <c r="J8" s="88">
        <v>659</v>
      </c>
      <c r="K8" s="88">
        <v>365</v>
      </c>
      <c r="L8" s="89">
        <v>5231</v>
      </c>
      <c r="M8" s="91">
        <v>5281</v>
      </c>
      <c r="N8" s="92">
        <v>0</v>
      </c>
      <c r="O8" s="88">
        <v>0</v>
      </c>
      <c r="P8" s="89">
        <v>0</v>
      </c>
      <c r="Q8" s="90">
        <v>0</v>
      </c>
      <c r="R8" s="88">
        <v>11</v>
      </c>
      <c r="S8" s="88">
        <v>40</v>
      </c>
      <c r="T8" s="88">
        <v>14</v>
      </c>
      <c r="U8" s="88">
        <v>12</v>
      </c>
      <c r="V8" s="88">
        <v>7</v>
      </c>
      <c r="W8" s="89">
        <v>84</v>
      </c>
      <c r="X8" s="91">
        <v>84</v>
      </c>
      <c r="Y8" s="92">
        <v>20</v>
      </c>
      <c r="Z8" s="88">
        <v>30</v>
      </c>
      <c r="AA8" s="89">
        <v>50</v>
      </c>
      <c r="AB8" s="90">
        <v>0</v>
      </c>
      <c r="AC8" s="88">
        <v>1407</v>
      </c>
      <c r="AD8" s="88">
        <v>1706</v>
      </c>
      <c r="AE8" s="88">
        <v>1159</v>
      </c>
      <c r="AF8" s="88">
        <v>671</v>
      </c>
      <c r="AG8" s="88">
        <v>372</v>
      </c>
      <c r="AH8" s="89">
        <v>5315</v>
      </c>
      <c r="AI8" s="91">
        <v>5365</v>
      </c>
    </row>
    <row r="9" spans="2:35" ht="21" customHeight="1" x14ac:dyDescent="0.2">
      <c r="B9" s="472" t="s">
        <v>7</v>
      </c>
      <c r="C9" s="87">
        <v>2</v>
      </c>
      <c r="D9" s="88">
        <v>4</v>
      </c>
      <c r="E9" s="89">
        <v>6</v>
      </c>
      <c r="F9" s="90">
        <v>0</v>
      </c>
      <c r="G9" s="88">
        <v>1392</v>
      </c>
      <c r="H9" s="88">
        <v>937</v>
      </c>
      <c r="I9" s="88">
        <v>573</v>
      </c>
      <c r="J9" s="88">
        <v>325</v>
      </c>
      <c r="K9" s="88">
        <v>180</v>
      </c>
      <c r="L9" s="89">
        <v>3407</v>
      </c>
      <c r="M9" s="91">
        <v>3413</v>
      </c>
      <c r="N9" s="92">
        <v>0</v>
      </c>
      <c r="O9" s="88">
        <v>0</v>
      </c>
      <c r="P9" s="89">
        <v>0</v>
      </c>
      <c r="Q9" s="90">
        <v>0</v>
      </c>
      <c r="R9" s="88">
        <v>17</v>
      </c>
      <c r="S9" s="88">
        <v>18</v>
      </c>
      <c r="T9" s="88">
        <v>3</v>
      </c>
      <c r="U9" s="88">
        <v>7</v>
      </c>
      <c r="V9" s="88">
        <v>8</v>
      </c>
      <c r="W9" s="89">
        <v>53</v>
      </c>
      <c r="X9" s="91">
        <v>53</v>
      </c>
      <c r="Y9" s="92">
        <v>2</v>
      </c>
      <c r="Z9" s="88">
        <v>4</v>
      </c>
      <c r="AA9" s="89">
        <v>6</v>
      </c>
      <c r="AB9" s="90">
        <v>0</v>
      </c>
      <c r="AC9" s="88">
        <v>1409</v>
      </c>
      <c r="AD9" s="88">
        <v>955</v>
      </c>
      <c r="AE9" s="88">
        <v>576</v>
      </c>
      <c r="AF9" s="88">
        <v>332</v>
      </c>
      <c r="AG9" s="88">
        <v>188</v>
      </c>
      <c r="AH9" s="89">
        <v>3460</v>
      </c>
      <c r="AI9" s="91">
        <v>3466</v>
      </c>
    </row>
    <row r="10" spans="2:35" ht="21" customHeight="1" x14ac:dyDescent="0.2">
      <c r="B10" s="472" t="s">
        <v>8</v>
      </c>
      <c r="C10" s="87">
        <v>9</v>
      </c>
      <c r="D10" s="88">
        <v>13</v>
      </c>
      <c r="E10" s="89">
        <v>22</v>
      </c>
      <c r="F10" s="90">
        <v>0</v>
      </c>
      <c r="G10" s="88">
        <v>744</v>
      </c>
      <c r="H10" s="88">
        <v>641</v>
      </c>
      <c r="I10" s="88">
        <v>398</v>
      </c>
      <c r="J10" s="88">
        <v>246</v>
      </c>
      <c r="K10" s="88">
        <v>131</v>
      </c>
      <c r="L10" s="89">
        <v>2160</v>
      </c>
      <c r="M10" s="91">
        <v>2182</v>
      </c>
      <c r="N10" s="92">
        <v>0</v>
      </c>
      <c r="O10" s="88">
        <v>0</v>
      </c>
      <c r="P10" s="89">
        <v>0</v>
      </c>
      <c r="Q10" s="90">
        <v>0</v>
      </c>
      <c r="R10" s="88">
        <v>13</v>
      </c>
      <c r="S10" s="88">
        <v>25</v>
      </c>
      <c r="T10" s="88">
        <v>7</v>
      </c>
      <c r="U10" s="88">
        <v>8</v>
      </c>
      <c r="V10" s="88">
        <v>1</v>
      </c>
      <c r="W10" s="89">
        <v>54</v>
      </c>
      <c r="X10" s="91">
        <v>54</v>
      </c>
      <c r="Y10" s="92">
        <v>9</v>
      </c>
      <c r="Z10" s="88">
        <v>13</v>
      </c>
      <c r="AA10" s="89">
        <v>22</v>
      </c>
      <c r="AB10" s="90">
        <v>0</v>
      </c>
      <c r="AC10" s="88">
        <v>757</v>
      </c>
      <c r="AD10" s="88">
        <v>666</v>
      </c>
      <c r="AE10" s="88">
        <v>405</v>
      </c>
      <c r="AF10" s="88">
        <v>254</v>
      </c>
      <c r="AG10" s="88">
        <v>132</v>
      </c>
      <c r="AH10" s="89">
        <v>2214</v>
      </c>
      <c r="AI10" s="91">
        <v>2236</v>
      </c>
    </row>
    <row r="11" spans="2:35" ht="21" customHeight="1" x14ac:dyDescent="0.2">
      <c r="B11" s="472" t="s">
        <v>9</v>
      </c>
      <c r="C11" s="87">
        <v>6</v>
      </c>
      <c r="D11" s="88">
        <v>7</v>
      </c>
      <c r="E11" s="89">
        <v>13</v>
      </c>
      <c r="F11" s="90">
        <v>0</v>
      </c>
      <c r="G11" s="88">
        <v>538</v>
      </c>
      <c r="H11" s="88">
        <v>361</v>
      </c>
      <c r="I11" s="88">
        <v>287</v>
      </c>
      <c r="J11" s="88">
        <v>207</v>
      </c>
      <c r="K11" s="88">
        <v>101</v>
      </c>
      <c r="L11" s="89">
        <v>1494</v>
      </c>
      <c r="M11" s="91">
        <v>1507</v>
      </c>
      <c r="N11" s="92">
        <v>0</v>
      </c>
      <c r="O11" s="88">
        <v>0</v>
      </c>
      <c r="P11" s="89">
        <v>0</v>
      </c>
      <c r="Q11" s="90">
        <v>0</v>
      </c>
      <c r="R11" s="88">
        <v>9</v>
      </c>
      <c r="S11" s="88">
        <v>9</v>
      </c>
      <c r="T11" s="88">
        <v>6</v>
      </c>
      <c r="U11" s="88">
        <v>4</v>
      </c>
      <c r="V11" s="88">
        <v>3</v>
      </c>
      <c r="W11" s="89">
        <v>31</v>
      </c>
      <c r="X11" s="91">
        <v>31</v>
      </c>
      <c r="Y11" s="92">
        <v>6</v>
      </c>
      <c r="Z11" s="88">
        <v>7</v>
      </c>
      <c r="AA11" s="89">
        <v>13</v>
      </c>
      <c r="AB11" s="90">
        <v>0</v>
      </c>
      <c r="AC11" s="88">
        <v>547</v>
      </c>
      <c r="AD11" s="88">
        <v>370</v>
      </c>
      <c r="AE11" s="88">
        <v>293</v>
      </c>
      <c r="AF11" s="88">
        <v>211</v>
      </c>
      <c r="AG11" s="88">
        <v>104</v>
      </c>
      <c r="AH11" s="89">
        <v>1525</v>
      </c>
      <c r="AI11" s="91">
        <v>1538</v>
      </c>
    </row>
    <row r="12" spans="2:35" ht="21" customHeight="1" x14ac:dyDescent="0.2">
      <c r="B12" s="472" t="s">
        <v>10</v>
      </c>
      <c r="C12" s="87">
        <v>10</v>
      </c>
      <c r="D12" s="88">
        <v>21</v>
      </c>
      <c r="E12" s="89">
        <v>31</v>
      </c>
      <c r="F12" s="90">
        <v>0</v>
      </c>
      <c r="G12" s="88">
        <v>804</v>
      </c>
      <c r="H12" s="88">
        <v>542</v>
      </c>
      <c r="I12" s="88">
        <v>411</v>
      </c>
      <c r="J12" s="88">
        <v>326</v>
      </c>
      <c r="K12" s="88">
        <v>260</v>
      </c>
      <c r="L12" s="89">
        <v>2343</v>
      </c>
      <c r="M12" s="91">
        <v>2374</v>
      </c>
      <c r="N12" s="92">
        <v>0</v>
      </c>
      <c r="O12" s="88">
        <v>1</v>
      </c>
      <c r="P12" s="89">
        <v>1</v>
      </c>
      <c r="Q12" s="90">
        <v>0</v>
      </c>
      <c r="R12" s="88">
        <v>17</v>
      </c>
      <c r="S12" s="88">
        <v>6</v>
      </c>
      <c r="T12" s="88">
        <v>6</v>
      </c>
      <c r="U12" s="88">
        <v>6</v>
      </c>
      <c r="V12" s="88">
        <v>7</v>
      </c>
      <c r="W12" s="89">
        <v>42</v>
      </c>
      <c r="X12" s="91">
        <v>43</v>
      </c>
      <c r="Y12" s="92">
        <v>10</v>
      </c>
      <c r="Z12" s="88">
        <v>22</v>
      </c>
      <c r="AA12" s="89">
        <v>32</v>
      </c>
      <c r="AB12" s="90">
        <v>0</v>
      </c>
      <c r="AC12" s="88">
        <v>821</v>
      </c>
      <c r="AD12" s="88">
        <v>548</v>
      </c>
      <c r="AE12" s="88">
        <v>417</v>
      </c>
      <c r="AF12" s="88">
        <v>332</v>
      </c>
      <c r="AG12" s="88">
        <v>267</v>
      </c>
      <c r="AH12" s="89">
        <v>2385</v>
      </c>
      <c r="AI12" s="91">
        <v>2417</v>
      </c>
    </row>
    <row r="13" spans="2:35" ht="21" customHeight="1" x14ac:dyDescent="0.2">
      <c r="B13" s="472" t="s">
        <v>11</v>
      </c>
      <c r="C13" s="87">
        <v>2</v>
      </c>
      <c r="D13" s="88">
        <v>8</v>
      </c>
      <c r="E13" s="89">
        <v>10</v>
      </c>
      <c r="F13" s="90">
        <v>0</v>
      </c>
      <c r="G13" s="88">
        <v>637</v>
      </c>
      <c r="H13" s="88">
        <v>415</v>
      </c>
      <c r="I13" s="88">
        <v>305</v>
      </c>
      <c r="J13" s="88">
        <v>158</v>
      </c>
      <c r="K13" s="88">
        <v>62</v>
      </c>
      <c r="L13" s="89">
        <v>1577</v>
      </c>
      <c r="M13" s="91">
        <v>1587</v>
      </c>
      <c r="N13" s="92">
        <v>0</v>
      </c>
      <c r="O13" s="88">
        <v>0</v>
      </c>
      <c r="P13" s="89">
        <v>0</v>
      </c>
      <c r="Q13" s="90">
        <v>0</v>
      </c>
      <c r="R13" s="88">
        <v>9</v>
      </c>
      <c r="S13" s="88">
        <v>5</v>
      </c>
      <c r="T13" s="88">
        <v>2</v>
      </c>
      <c r="U13" s="88">
        <v>4</v>
      </c>
      <c r="V13" s="88">
        <v>3</v>
      </c>
      <c r="W13" s="89">
        <v>23</v>
      </c>
      <c r="X13" s="91">
        <v>23</v>
      </c>
      <c r="Y13" s="92">
        <v>2</v>
      </c>
      <c r="Z13" s="88">
        <v>8</v>
      </c>
      <c r="AA13" s="89">
        <v>10</v>
      </c>
      <c r="AB13" s="90">
        <v>0</v>
      </c>
      <c r="AC13" s="88">
        <v>646</v>
      </c>
      <c r="AD13" s="88">
        <v>420</v>
      </c>
      <c r="AE13" s="88">
        <v>307</v>
      </c>
      <c r="AF13" s="88">
        <v>162</v>
      </c>
      <c r="AG13" s="88">
        <v>65</v>
      </c>
      <c r="AH13" s="89">
        <v>1600</v>
      </c>
      <c r="AI13" s="91">
        <v>1610</v>
      </c>
    </row>
    <row r="14" spans="2:35" ht="21" customHeight="1" x14ac:dyDescent="0.2">
      <c r="B14" s="472" t="s">
        <v>12</v>
      </c>
      <c r="C14" s="87">
        <v>0</v>
      </c>
      <c r="D14" s="88">
        <v>1</v>
      </c>
      <c r="E14" s="89">
        <v>1</v>
      </c>
      <c r="F14" s="90">
        <v>0</v>
      </c>
      <c r="G14" s="88">
        <v>448</v>
      </c>
      <c r="H14" s="88">
        <v>366</v>
      </c>
      <c r="I14" s="88">
        <v>262</v>
      </c>
      <c r="J14" s="88">
        <v>192</v>
      </c>
      <c r="K14" s="88">
        <v>122</v>
      </c>
      <c r="L14" s="89">
        <v>1390</v>
      </c>
      <c r="M14" s="91">
        <v>1391</v>
      </c>
      <c r="N14" s="92">
        <v>0</v>
      </c>
      <c r="O14" s="88">
        <v>0</v>
      </c>
      <c r="P14" s="89">
        <v>0</v>
      </c>
      <c r="Q14" s="90">
        <v>0</v>
      </c>
      <c r="R14" s="88">
        <v>6</v>
      </c>
      <c r="S14" s="88">
        <v>4</v>
      </c>
      <c r="T14" s="88">
        <v>3</v>
      </c>
      <c r="U14" s="88">
        <v>2</v>
      </c>
      <c r="V14" s="88">
        <v>3</v>
      </c>
      <c r="W14" s="89">
        <v>18</v>
      </c>
      <c r="X14" s="91">
        <v>18</v>
      </c>
      <c r="Y14" s="92">
        <v>0</v>
      </c>
      <c r="Z14" s="88">
        <v>1</v>
      </c>
      <c r="AA14" s="89">
        <v>1</v>
      </c>
      <c r="AB14" s="90">
        <v>0</v>
      </c>
      <c r="AC14" s="88">
        <v>454</v>
      </c>
      <c r="AD14" s="88">
        <v>370</v>
      </c>
      <c r="AE14" s="88">
        <v>265</v>
      </c>
      <c r="AF14" s="88">
        <v>194</v>
      </c>
      <c r="AG14" s="88">
        <v>125</v>
      </c>
      <c r="AH14" s="89">
        <v>1408</v>
      </c>
      <c r="AI14" s="91">
        <v>1409</v>
      </c>
    </row>
    <row r="15" spans="2:35" ht="21" customHeight="1" x14ac:dyDescent="0.2">
      <c r="B15" s="472" t="s">
        <v>13</v>
      </c>
      <c r="C15" s="87">
        <v>2</v>
      </c>
      <c r="D15" s="88">
        <v>3</v>
      </c>
      <c r="E15" s="89">
        <v>5</v>
      </c>
      <c r="F15" s="90">
        <v>0</v>
      </c>
      <c r="G15" s="88">
        <v>182</v>
      </c>
      <c r="H15" s="88">
        <v>174</v>
      </c>
      <c r="I15" s="88">
        <v>110</v>
      </c>
      <c r="J15" s="88">
        <v>62</v>
      </c>
      <c r="K15" s="88">
        <v>33</v>
      </c>
      <c r="L15" s="89">
        <v>561</v>
      </c>
      <c r="M15" s="91">
        <v>566</v>
      </c>
      <c r="N15" s="92">
        <v>0</v>
      </c>
      <c r="O15" s="88">
        <v>0</v>
      </c>
      <c r="P15" s="89">
        <v>0</v>
      </c>
      <c r="Q15" s="90">
        <v>0</v>
      </c>
      <c r="R15" s="88">
        <v>2</v>
      </c>
      <c r="S15" s="88">
        <v>2</v>
      </c>
      <c r="T15" s="88">
        <v>3</v>
      </c>
      <c r="U15" s="88">
        <v>0</v>
      </c>
      <c r="V15" s="88">
        <v>0</v>
      </c>
      <c r="W15" s="89">
        <v>7</v>
      </c>
      <c r="X15" s="91">
        <v>7</v>
      </c>
      <c r="Y15" s="92">
        <v>2</v>
      </c>
      <c r="Z15" s="88">
        <v>3</v>
      </c>
      <c r="AA15" s="89">
        <v>5</v>
      </c>
      <c r="AB15" s="90">
        <v>0</v>
      </c>
      <c r="AC15" s="88">
        <v>184</v>
      </c>
      <c r="AD15" s="88">
        <v>176</v>
      </c>
      <c r="AE15" s="88">
        <v>113</v>
      </c>
      <c r="AF15" s="88">
        <v>62</v>
      </c>
      <c r="AG15" s="88">
        <v>33</v>
      </c>
      <c r="AH15" s="89">
        <v>568</v>
      </c>
      <c r="AI15" s="91">
        <v>573</v>
      </c>
    </row>
    <row r="16" spans="2:35" ht="21" customHeight="1" x14ac:dyDescent="0.2">
      <c r="B16" s="472" t="s">
        <v>15</v>
      </c>
      <c r="C16" s="87">
        <v>3</v>
      </c>
      <c r="D16" s="88">
        <v>14</v>
      </c>
      <c r="E16" s="89">
        <v>17</v>
      </c>
      <c r="F16" s="90">
        <v>0</v>
      </c>
      <c r="G16" s="88">
        <v>208</v>
      </c>
      <c r="H16" s="88">
        <v>245</v>
      </c>
      <c r="I16" s="88">
        <v>142</v>
      </c>
      <c r="J16" s="88">
        <v>82</v>
      </c>
      <c r="K16" s="88">
        <v>52</v>
      </c>
      <c r="L16" s="89">
        <v>729</v>
      </c>
      <c r="M16" s="91">
        <v>746</v>
      </c>
      <c r="N16" s="92">
        <v>0</v>
      </c>
      <c r="O16" s="88">
        <v>1</v>
      </c>
      <c r="P16" s="89">
        <v>1</v>
      </c>
      <c r="Q16" s="90">
        <v>0</v>
      </c>
      <c r="R16" s="88">
        <v>3</v>
      </c>
      <c r="S16" s="88">
        <v>4</v>
      </c>
      <c r="T16" s="88">
        <v>1</v>
      </c>
      <c r="U16" s="88">
        <v>2</v>
      </c>
      <c r="V16" s="88">
        <v>2</v>
      </c>
      <c r="W16" s="89">
        <v>12</v>
      </c>
      <c r="X16" s="91">
        <v>13</v>
      </c>
      <c r="Y16" s="92">
        <v>3</v>
      </c>
      <c r="Z16" s="88">
        <v>15</v>
      </c>
      <c r="AA16" s="89">
        <v>18</v>
      </c>
      <c r="AB16" s="90">
        <v>0</v>
      </c>
      <c r="AC16" s="88">
        <v>211</v>
      </c>
      <c r="AD16" s="88">
        <v>249</v>
      </c>
      <c r="AE16" s="88">
        <v>143</v>
      </c>
      <c r="AF16" s="88">
        <v>84</v>
      </c>
      <c r="AG16" s="88">
        <v>54</v>
      </c>
      <c r="AH16" s="89">
        <v>741</v>
      </c>
      <c r="AI16" s="91">
        <v>759</v>
      </c>
    </row>
    <row r="17" spans="2:35" ht="21" customHeight="1" x14ac:dyDescent="0.2">
      <c r="B17" s="472" t="s">
        <v>16</v>
      </c>
      <c r="C17" s="87">
        <v>2</v>
      </c>
      <c r="D17" s="88">
        <v>2</v>
      </c>
      <c r="E17" s="89">
        <v>4</v>
      </c>
      <c r="F17" s="90">
        <v>0</v>
      </c>
      <c r="G17" s="88">
        <v>215</v>
      </c>
      <c r="H17" s="88">
        <v>267</v>
      </c>
      <c r="I17" s="88">
        <v>195</v>
      </c>
      <c r="J17" s="88">
        <v>118</v>
      </c>
      <c r="K17" s="88">
        <v>90</v>
      </c>
      <c r="L17" s="89">
        <v>885</v>
      </c>
      <c r="M17" s="91">
        <v>889</v>
      </c>
      <c r="N17" s="92">
        <v>0</v>
      </c>
      <c r="O17" s="88">
        <v>0</v>
      </c>
      <c r="P17" s="89">
        <v>0</v>
      </c>
      <c r="Q17" s="90">
        <v>0</v>
      </c>
      <c r="R17" s="88">
        <v>2</v>
      </c>
      <c r="S17" s="88">
        <v>3</v>
      </c>
      <c r="T17" s="88">
        <v>6</v>
      </c>
      <c r="U17" s="88">
        <v>2</v>
      </c>
      <c r="V17" s="88">
        <v>2</v>
      </c>
      <c r="W17" s="89">
        <v>15</v>
      </c>
      <c r="X17" s="91">
        <v>15</v>
      </c>
      <c r="Y17" s="92">
        <v>2</v>
      </c>
      <c r="Z17" s="88">
        <v>2</v>
      </c>
      <c r="AA17" s="89">
        <v>4</v>
      </c>
      <c r="AB17" s="90">
        <v>0</v>
      </c>
      <c r="AC17" s="88">
        <v>217</v>
      </c>
      <c r="AD17" s="88">
        <v>270</v>
      </c>
      <c r="AE17" s="88">
        <v>201</v>
      </c>
      <c r="AF17" s="88">
        <v>120</v>
      </c>
      <c r="AG17" s="88">
        <v>92</v>
      </c>
      <c r="AH17" s="89">
        <v>900</v>
      </c>
      <c r="AI17" s="91">
        <v>904</v>
      </c>
    </row>
    <row r="18" spans="2:35" ht="21" customHeight="1" x14ac:dyDescent="0.2">
      <c r="B18" s="472" t="s">
        <v>17</v>
      </c>
      <c r="C18" s="87">
        <v>1</v>
      </c>
      <c r="D18" s="88">
        <v>4</v>
      </c>
      <c r="E18" s="89">
        <v>5</v>
      </c>
      <c r="F18" s="90">
        <v>0</v>
      </c>
      <c r="G18" s="88">
        <v>355</v>
      </c>
      <c r="H18" s="88">
        <v>402</v>
      </c>
      <c r="I18" s="88">
        <v>280</v>
      </c>
      <c r="J18" s="88">
        <v>219</v>
      </c>
      <c r="K18" s="88">
        <v>127</v>
      </c>
      <c r="L18" s="89">
        <v>1383</v>
      </c>
      <c r="M18" s="91">
        <v>1388</v>
      </c>
      <c r="N18" s="92">
        <v>0</v>
      </c>
      <c r="O18" s="88">
        <v>0</v>
      </c>
      <c r="P18" s="89">
        <v>0</v>
      </c>
      <c r="Q18" s="90">
        <v>0</v>
      </c>
      <c r="R18" s="88">
        <v>4</v>
      </c>
      <c r="S18" s="88">
        <v>16</v>
      </c>
      <c r="T18" s="88">
        <v>10</v>
      </c>
      <c r="U18" s="88">
        <v>8</v>
      </c>
      <c r="V18" s="88">
        <v>6</v>
      </c>
      <c r="W18" s="89">
        <v>44</v>
      </c>
      <c r="X18" s="91">
        <v>44</v>
      </c>
      <c r="Y18" s="92">
        <v>1</v>
      </c>
      <c r="Z18" s="88">
        <v>4</v>
      </c>
      <c r="AA18" s="89">
        <v>5</v>
      </c>
      <c r="AB18" s="90">
        <v>0</v>
      </c>
      <c r="AC18" s="88">
        <v>359</v>
      </c>
      <c r="AD18" s="88">
        <v>418</v>
      </c>
      <c r="AE18" s="88">
        <v>290</v>
      </c>
      <c r="AF18" s="88">
        <v>227</v>
      </c>
      <c r="AG18" s="88">
        <v>133</v>
      </c>
      <c r="AH18" s="89">
        <v>1427</v>
      </c>
      <c r="AI18" s="91">
        <v>1432</v>
      </c>
    </row>
    <row r="19" spans="2:35" ht="21" customHeight="1" x14ac:dyDescent="0.2">
      <c r="B19" s="472" t="s">
        <v>18</v>
      </c>
      <c r="C19" s="87">
        <v>6</v>
      </c>
      <c r="D19" s="88">
        <v>17</v>
      </c>
      <c r="E19" s="89">
        <v>23</v>
      </c>
      <c r="F19" s="90">
        <v>0</v>
      </c>
      <c r="G19" s="88">
        <v>418</v>
      </c>
      <c r="H19" s="88">
        <v>334</v>
      </c>
      <c r="I19" s="88">
        <v>271</v>
      </c>
      <c r="J19" s="88">
        <v>154</v>
      </c>
      <c r="K19" s="88">
        <v>75</v>
      </c>
      <c r="L19" s="89">
        <v>1252</v>
      </c>
      <c r="M19" s="91">
        <v>1275</v>
      </c>
      <c r="N19" s="92">
        <v>0</v>
      </c>
      <c r="O19" s="88">
        <v>0</v>
      </c>
      <c r="P19" s="89">
        <v>0</v>
      </c>
      <c r="Q19" s="90">
        <v>0</v>
      </c>
      <c r="R19" s="88">
        <v>2</v>
      </c>
      <c r="S19" s="88">
        <v>5</v>
      </c>
      <c r="T19" s="88">
        <v>1</v>
      </c>
      <c r="U19" s="88">
        <v>3</v>
      </c>
      <c r="V19" s="88">
        <v>6</v>
      </c>
      <c r="W19" s="89">
        <v>17</v>
      </c>
      <c r="X19" s="91">
        <v>17</v>
      </c>
      <c r="Y19" s="92">
        <v>6</v>
      </c>
      <c r="Z19" s="88">
        <v>17</v>
      </c>
      <c r="AA19" s="89">
        <v>23</v>
      </c>
      <c r="AB19" s="90">
        <v>0</v>
      </c>
      <c r="AC19" s="88">
        <v>420</v>
      </c>
      <c r="AD19" s="88">
        <v>339</v>
      </c>
      <c r="AE19" s="88">
        <v>272</v>
      </c>
      <c r="AF19" s="88">
        <v>157</v>
      </c>
      <c r="AG19" s="88">
        <v>81</v>
      </c>
      <c r="AH19" s="89">
        <v>1269</v>
      </c>
      <c r="AI19" s="91">
        <v>1292</v>
      </c>
    </row>
    <row r="20" spans="2:35" ht="21" customHeight="1" x14ac:dyDescent="0.2">
      <c r="B20" s="472" t="s">
        <v>19</v>
      </c>
      <c r="C20" s="87">
        <v>0</v>
      </c>
      <c r="D20" s="88">
        <v>4</v>
      </c>
      <c r="E20" s="89">
        <v>4</v>
      </c>
      <c r="F20" s="90">
        <v>0</v>
      </c>
      <c r="G20" s="88">
        <v>194</v>
      </c>
      <c r="H20" s="88">
        <v>204</v>
      </c>
      <c r="I20" s="88">
        <v>142</v>
      </c>
      <c r="J20" s="88">
        <v>66</v>
      </c>
      <c r="K20" s="88">
        <v>52</v>
      </c>
      <c r="L20" s="89">
        <v>658</v>
      </c>
      <c r="M20" s="91">
        <v>662</v>
      </c>
      <c r="N20" s="92">
        <v>0</v>
      </c>
      <c r="O20" s="88">
        <v>0</v>
      </c>
      <c r="P20" s="89">
        <v>0</v>
      </c>
      <c r="Q20" s="90">
        <v>0</v>
      </c>
      <c r="R20" s="88">
        <v>0</v>
      </c>
      <c r="S20" s="88">
        <v>1</v>
      </c>
      <c r="T20" s="88">
        <v>4</v>
      </c>
      <c r="U20" s="88">
        <v>2</v>
      </c>
      <c r="V20" s="88">
        <v>1</v>
      </c>
      <c r="W20" s="89">
        <v>8</v>
      </c>
      <c r="X20" s="91">
        <v>8</v>
      </c>
      <c r="Y20" s="92">
        <v>0</v>
      </c>
      <c r="Z20" s="88">
        <v>4</v>
      </c>
      <c r="AA20" s="89">
        <v>4</v>
      </c>
      <c r="AB20" s="90">
        <v>0</v>
      </c>
      <c r="AC20" s="88">
        <v>194</v>
      </c>
      <c r="AD20" s="88">
        <v>205</v>
      </c>
      <c r="AE20" s="88">
        <v>146</v>
      </c>
      <c r="AF20" s="88">
        <v>68</v>
      </c>
      <c r="AG20" s="88">
        <v>53</v>
      </c>
      <c r="AH20" s="89">
        <v>666</v>
      </c>
      <c r="AI20" s="91">
        <v>670</v>
      </c>
    </row>
    <row r="21" spans="2:35" ht="21" customHeight="1" x14ac:dyDescent="0.2">
      <c r="B21" s="472" t="s">
        <v>20</v>
      </c>
      <c r="C21" s="87">
        <v>0</v>
      </c>
      <c r="D21" s="88">
        <v>0</v>
      </c>
      <c r="E21" s="89">
        <v>0</v>
      </c>
      <c r="F21" s="90">
        <v>0</v>
      </c>
      <c r="G21" s="88">
        <v>217</v>
      </c>
      <c r="H21" s="88">
        <v>127</v>
      </c>
      <c r="I21" s="88">
        <v>112</v>
      </c>
      <c r="J21" s="88">
        <v>34</v>
      </c>
      <c r="K21" s="88">
        <v>25</v>
      </c>
      <c r="L21" s="89">
        <v>515</v>
      </c>
      <c r="M21" s="91">
        <v>515</v>
      </c>
      <c r="N21" s="92">
        <v>0</v>
      </c>
      <c r="O21" s="88">
        <v>0</v>
      </c>
      <c r="P21" s="89">
        <v>0</v>
      </c>
      <c r="Q21" s="90">
        <v>0</v>
      </c>
      <c r="R21" s="88">
        <v>5</v>
      </c>
      <c r="S21" s="88">
        <v>3</v>
      </c>
      <c r="T21" s="88">
        <v>1</v>
      </c>
      <c r="U21" s="88">
        <v>0</v>
      </c>
      <c r="V21" s="88">
        <v>1</v>
      </c>
      <c r="W21" s="89">
        <v>10</v>
      </c>
      <c r="X21" s="91">
        <v>10</v>
      </c>
      <c r="Y21" s="92">
        <v>0</v>
      </c>
      <c r="Z21" s="88">
        <v>0</v>
      </c>
      <c r="AA21" s="89">
        <v>0</v>
      </c>
      <c r="AB21" s="90">
        <v>0</v>
      </c>
      <c r="AC21" s="88">
        <v>222</v>
      </c>
      <c r="AD21" s="88">
        <v>130</v>
      </c>
      <c r="AE21" s="88">
        <v>113</v>
      </c>
      <c r="AF21" s="88">
        <v>34</v>
      </c>
      <c r="AG21" s="88">
        <v>26</v>
      </c>
      <c r="AH21" s="89">
        <v>525</v>
      </c>
      <c r="AI21" s="91">
        <v>525</v>
      </c>
    </row>
    <row r="22" spans="2:35" ht="21" customHeight="1" x14ac:dyDescent="0.2">
      <c r="B22" s="472" t="s">
        <v>21</v>
      </c>
      <c r="C22" s="87">
        <v>0</v>
      </c>
      <c r="D22" s="88">
        <v>0</v>
      </c>
      <c r="E22" s="89">
        <v>0</v>
      </c>
      <c r="F22" s="90">
        <v>0</v>
      </c>
      <c r="G22" s="88">
        <v>230</v>
      </c>
      <c r="H22" s="88">
        <v>231</v>
      </c>
      <c r="I22" s="88">
        <v>134</v>
      </c>
      <c r="J22" s="88">
        <v>61</v>
      </c>
      <c r="K22" s="88">
        <v>30</v>
      </c>
      <c r="L22" s="89">
        <v>686</v>
      </c>
      <c r="M22" s="91">
        <v>686</v>
      </c>
      <c r="N22" s="92">
        <v>0</v>
      </c>
      <c r="O22" s="88">
        <v>0</v>
      </c>
      <c r="P22" s="89">
        <v>0</v>
      </c>
      <c r="Q22" s="90">
        <v>0</v>
      </c>
      <c r="R22" s="88">
        <v>2</v>
      </c>
      <c r="S22" s="88">
        <v>5</v>
      </c>
      <c r="T22" s="88">
        <v>6</v>
      </c>
      <c r="U22" s="88">
        <v>2</v>
      </c>
      <c r="V22" s="88">
        <v>2</v>
      </c>
      <c r="W22" s="89">
        <v>17</v>
      </c>
      <c r="X22" s="91">
        <v>17</v>
      </c>
      <c r="Y22" s="92">
        <v>0</v>
      </c>
      <c r="Z22" s="88">
        <v>0</v>
      </c>
      <c r="AA22" s="89">
        <v>0</v>
      </c>
      <c r="AB22" s="90">
        <v>0</v>
      </c>
      <c r="AC22" s="88">
        <v>232</v>
      </c>
      <c r="AD22" s="88">
        <v>236</v>
      </c>
      <c r="AE22" s="88">
        <v>140</v>
      </c>
      <c r="AF22" s="88">
        <v>63</v>
      </c>
      <c r="AG22" s="88">
        <v>32</v>
      </c>
      <c r="AH22" s="89">
        <v>703</v>
      </c>
      <c r="AI22" s="91">
        <v>703</v>
      </c>
    </row>
    <row r="23" spans="2:35" ht="21" customHeight="1" x14ac:dyDescent="0.2">
      <c r="B23" s="472" t="s">
        <v>22</v>
      </c>
      <c r="C23" s="87">
        <v>3</v>
      </c>
      <c r="D23" s="88">
        <v>2</v>
      </c>
      <c r="E23" s="89">
        <v>5</v>
      </c>
      <c r="F23" s="90">
        <v>0</v>
      </c>
      <c r="G23" s="88">
        <v>153</v>
      </c>
      <c r="H23" s="88">
        <v>132</v>
      </c>
      <c r="I23" s="88">
        <v>74</v>
      </c>
      <c r="J23" s="88">
        <v>61</v>
      </c>
      <c r="K23" s="88">
        <v>23</v>
      </c>
      <c r="L23" s="89">
        <v>443</v>
      </c>
      <c r="M23" s="91">
        <v>448</v>
      </c>
      <c r="N23" s="92">
        <v>0</v>
      </c>
      <c r="O23" s="88">
        <v>0</v>
      </c>
      <c r="P23" s="89">
        <v>0</v>
      </c>
      <c r="Q23" s="90">
        <v>0</v>
      </c>
      <c r="R23" s="88">
        <v>3</v>
      </c>
      <c r="S23" s="88">
        <v>0</v>
      </c>
      <c r="T23" s="88">
        <v>1</v>
      </c>
      <c r="U23" s="88">
        <v>0</v>
      </c>
      <c r="V23" s="88">
        <v>1</v>
      </c>
      <c r="W23" s="89">
        <v>5</v>
      </c>
      <c r="X23" s="91">
        <v>5</v>
      </c>
      <c r="Y23" s="92">
        <v>3</v>
      </c>
      <c r="Z23" s="88">
        <v>2</v>
      </c>
      <c r="AA23" s="89">
        <v>5</v>
      </c>
      <c r="AB23" s="90">
        <v>0</v>
      </c>
      <c r="AC23" s="88">
        <v>156</v>
      </c>
      <c r="AD23" s="88">
        <v>132</v>
      </c>
      <c r="AE23" s="88">
        <v>75</v>
      </c>
      <c r="AF23" s="88">
        <v>61</v>
      </c>
      <c r="AG23" s="88">
        <v>24</v>
      </c>
      <c r="AH23" s="89">
        <v>448</v>
      </c>
      <c r="AI23" s="91">
        <v>453</v>
      </c>
    </row>
    <row r="24" spans="2:35" ht="21" customHeight="1" x14ac:dyDescent="0.2">
      <c r="B24" s="472" t="s">
        <v>23</v>
      </c>
      <c r="C24" s="87">
        <v>0</v>
      </c>
      <c r="D24" s="88">
        <v>0</v>
      </c>
      <c r="E24" s="89">
        <v>0</v>
      </c>
      <c r="F24" s="90">
        <v>0</v>
      </c>
      <c r="G24" s="88">
        <v>87</v>
      </c>
      <c r="H24" s="88">
        <v>67</v>
      </c>
      <c r="I24" s="88">
        <v>45</v>
      </c>
      <c r="J24" s="88">
        <v>32</v>
      </c>
      <c r="K24" s="88">
        <v>19</v>
      </c>
      <c r="L24" s="89">
        <v>250</v>
      </c>
      <c r="M24" s="91">
        <v>250</v>
      </c>
      <c r="N24" s="92">
        <v>0</v>
      </c>
      <c r="O24" s="88">
        <v>0</v>
      </c>
      <c r="P24" s="89">
        <v>0</v>
      </c>
      <c r="Q24" s="90">
        <v>0</v>
      </c>
      <c r="R24" s="88">
        <v>0</v>
      </c>
      <c r="S24" s="88">
        <v>1</v>
      </c>
      <c r="T24" s="88">
        <v>1</v>
      </c>
      <c r="U24" s="88">
        <v>0</v>
      </c>
      <c r="V24" s="88">
        <v>0</v>
      </c>
      <c r="W24" s="89">
        <v>2</v>
      </c>
      <c r="X24" s="91">
        <v>2</v>
      </c>
      <c r="Y24" s="92">
        <v>0</v>
      </c>
      <c r="Z24" s="88">
        <v>0</v>
      </c>
      <c r="AA24" s="89">
        <v>0</v>
      </c>
      <c r="AB24" s="90">
        <v>0</v>
      </c>
      <c r="AC24" s="88">
        <v>87</v>
      </c>
      <c r="AD24" s="88">
        <v>68</v>
      </c>
      <c r="AE24" s="88">
        <v>46</v>
      </c>
      <c r="AF24" s="88">
        <v>32</v>
      </c>
      <c r="AG24" s="88">
        <v>19</v>
      </c>
      <c r="AH24" s="89">
        <v>252</v>
      </c>
      <c r="AI24" s="91">
        <v>252</v>
      </c>
    </row>
    <row r="25" spans="2:35" ht="21" customHeight="1" x14ac:dyDescent="0.2">
      <c r="B25" s="472" t="s">
        <v>24</v>
      </c>
      <c r="C25" s="87">
        <v>1</v>
      </c>
      <c r="D25" s="88">
        <v>3</v>
      </c>
      <c r="E25" s="89">
        <v>4</v>
      </c>
      <c r="F25" s="90">
        <v>0</v>
      </c>
      <c r="G25" s="88">
        <v>63</v>
      </c>
      <c r="H25" s="88">
        <v>36</v>
      </c>
      <c r="I25" s="88">
        <v>37</v>
      </c>
      <c r="J25" s="88">
        <v>19</v>
      </c>
      <c r="K25" s="88">
        <v>10</v>
      </c>
      <c r="L25" s="89">
        <v>165</v>
      </c>
      <c r="M25" s="91">
        <v>169</v>
      </c>
      <c r="N25" s="92">
        <v>0</v>
      </c>
      <c r="O25" s="88">
        <v>0</v>
      </c>
      <c r="P25" s="89">
        <v>0</v>
      </c>
      <c r="Q25" s="90">
        <v>0</v>
      </c>
      <c r="R25" s="88">
        <v>0</v>
      </c>
      <c r="S25" s="88">
        <v>1</v>
      </c>
      <c r="T25" s="88">
        <v>0</v>
      </c>
      <c r="U25" s="88">
        <v>1</v>
      </c>
      <c r="V25" s="88">
        <v>0</v>
      </c>
      <c r="W25" s="89">
        <v>2</v>
      </c>
      <c r="X25" s="91">
        <v>2</v>
      </c>
      <c r="Y25" s="92">
        <v>1</v>
      </c>
      <c r="Z25" s="88">
        <v>3</v>
      </c>
      <c r="AA25" s="89">
        <v>4</v>
      </c>
      <c r="AB25" s="90">
        <v>0</v>
      </c>
      <c r="AC25" s="88">
        <v>63</v>
      </c>
      <c r="AD25" s="88">
        <v>37</v>
      </c>
      <c r="AE25" s="88">
        <v>37</v>
      </c>
      <c r="AF25" s="88">
        <v>20</v>
      </c>
      <c r="AG25" s="88">
        <v>10</v>
      </c>
      <c r="AH25" s="89">
        <v>167</v>
      </c>
      <c r="AI25" s="91">
        <v>171</v>
      </c>
    </row>
    <row r="26" spans="2:35" ht="21" customHeight="1" x14ac:dyDescent="0.2">
      <c r="B26" s="472" t="s">
        <v>25</v>
      </c>
      <c r="C26" s="87">
        <v>2</v>
      </c>
      <c r="D26" s="88">
        <v>0</v>
      </c>
      <c r="E26" s="89">
        <v>2</v>
      </c>
      <c r="F26" s="90">
        <v>0</v>
      </c>
      <c r="G26" s="88">
        <v>96</v>
      </c>
      <c r="H26" s="88">
        <v>48</v>
      </c>
      <c r="I26" s="88">
        <v>28</v>
      </c>
      <c r="J26" s="88">
        <v>13</v>
      </c>
      <c r="K26" s="88">
        <v>2</v>
      </c>
      <c r="L26" s="89">
        <v>187</v>
      </c>
      <c r="M26" s="91">
        <v>189</v>
      </c>
      <c r="N26" s="92">
        <v>0</v>
      </c>
      <c r="O26" s="88">
        <v>0</v>
      </c>
      <c r="P26" s="89">
        <v>0</v>
      </c>
      <c r="Q26" s="90">
        <v>0</v>
      </c>
      <c r="R26" s="88">
        <v>1</v>
      </c>
      <c r="S26" s="88">
        <v>1</v>
      </c>
      <c r="T26" s="88">
        <v>1</v>
      </c>
      <c r="U26" s="88">
        <v>0</v>
      </c>
      <c r="V26" s="88">
        <v>0</v>
      </c>
      <c r="W26" s="89">
        <v>3</v>
      </c>
      <c r="X26" s="91">
        <v>3</v>
      </c>
      <c r="Y26" s="92">
        <v>2</v>
      </c>
      <c r="Z26" s="88">
        <v>0</v>
      </c>
      <c r="AA26" s="89">
        <v>2</v>
      </c>
      <c r="AB26" s="90">
        <v>0</v>
      </c>
      <c r="AC26" s="88">
        <v>97</v>
      </c>
      <c r="AD26" s="88">
        <v>49</v>
      </c>
      <c r="AE26" s="88">
        <v>29</v>
      </c>
      <c r="AF26" s="88">
        <v>13</v>
      </c>
      <c r="AG26" s="88">
        <v>2</v>
      </c>
      <c r="AH26" s="89">
        <v>190</v>
      </c>
      <c r="AI26" s="91">
        <v>192</v>
      </c>
    </row>
    <row r="27" spans="2:35" ht="21" customHeight="1" x14ac:dyDescent="0.2">
      <c r="B27" s="472" t="s">
        <v>26</v>
      </c>
      <c r="C27" s="87">
        <v>1</v>
      </c>
      <c r="D27" s="88">
        <v>1</v>
      </c>
      <c r="E27" s="89">
        <v>2</v>
      </c>
      <c r="F27" s="90">
        <v>0</v>
      </c>
      <c r="G27" s="88">
        <v>63</v>
      </c>
      <c r="H27" s="88">
        <v>64</v>
      </c>
      <c r="I27" s="88">
        <v>57</v>
      </c>
      <c r="J27" s="88">
        <v>21</v>
      </c>
      <c r="K27" s="88">
        <v>11</v>
      </c>
      <c r="L27" s="89">
        <v>216</v>
      </c>
      <c r="M27" s="91">
        <v>218</v>
      </c>
      <c r="N27" s="92">
        <v>0</v>
      </c>
      <c r="O27" s="88">
        <v>0</v>
      </c>
      <c r="P27" s="89">
        <v>0</v>
      </c>
      <c r="Q27" s="90">
        <v>0</v>
      </c>
      <c r="R27" s="88">
        <v>0</v>
      </c>
      <c r="S27" s="88">
        <v>0</v>
      </c>
      <c r="T27" s="88">
        <v>1</v>
      </c>
      <c r="U27" s="88">
        <v>0</v>
      </c>
      <c r="V27" s="88">
        <v>1</v>
      </c>
      <c r="W27" s="89">
        <v>2</v>
      </c>
      <c r="X27" s="91">
        <v>2</v>
      </c>
      <c r="Y27" s="92">
        <v>1</v>
      </c>
      <c r="Z27" s="88">
        <v>1</v>
      </c>
      <c r="AA27" s="89">
        <v>2</v>
      </c>
      <c r="AB27" s="90">
        <v>0</v>
      </c>
      <c r="AC27" s="88">
        <v>63</v>
      </c>
      <c r="AD27" s="88">
        <v>64</v>
      </c>
      <c r="AE27" s="88">
        <v>58</v>
      </c>
      <c r="AF27" s="88">
        <v>21</v>
      </c>
      <c r="AG27" s="88">
        <v>12</v>
      </c>
      <c r="AH27" s="89">
        <v>218</v>
      </c>
      <c r="AI27" s="91">
        <v>220</v>
      </c>
    </row>
    <row r="28" spans="2:35" ht="21" customHeight="1" x14ac:dyDescent="0.2">
      <c r="B28" s="472" t="s">
        <v>27</v>
      </c>
      <c r="C28" s="87">
        <v>0</v>
      </c>
      <c r="D28" s="88">
        <v>0</v>
      </c>
      <c r="E28" s="89">
        <v>0</v>
      </c>
      <c r="F28" s="90">
        <v>0</v>
      </c>
      <c r="G28" s="88">
        <v>53</v>
      </c>
      <c r="H28" s="88">
        <v>24</v>
      </c>
      <c r="I28" s="88">
        <v>29</v>
      </c>
      <c r="J28" s="88">
        <v>21</v>
      </c>
      <c r="K28" s="88">
        <v>13</v>
      </c>
      <c r="L28" s="89">
        <v>140</v>
      </c>
      <c r="M28" s="91">
        <v>140</v>
      </c>
      <c r="N28" s="92">
        <v>0</v>
      </c>
      <c r="O28" s="88">
        <v>0</v>
      </c>
      <c r="P28" s="89">
        <v>0</v>
      </c>
      <c r="Q28" s="90">
        <v>0</v>
      </c>
      <c r="R28" s="88">
        <v>1</v>
      </c>
      <c r="S28" s="88">
        <v>0</v>
      </c>
      <c r="T28" s="88">
        <v>1</v>
      </c>
      <c r="U28" s="88">
        <v>0</v>
      </c>
      <c r="V28" s="88">
        <v>0</v>
      </c>
      <c r="W28" s="89">
        <v>2</v>
      </c>
      <c r="X28" s="91">
        <v>2</v>
      </c>
      <c r="Y28" s="92">
        <v>0</v>
      </c>
      <c r="Z28" s="88">
        <v>0</v>
      </c>
      <c r="AA28" s="89">
        <v>0</v>
      </c>
      <c r="AB28" s="90">
        <v>0</v>
      </c>
      <c r="AC28" s="88">
        <v>54</v>
      </c>
      <c r="AD28" s="88">
        <v>24</v>
      </c>
      <c r="AE28" s="88">
        <v>30</v>
      </c>
      <c r="AF28" s="88">
        <v>21</v>
      </c>
      <c r="AG28" s="88">
        <v>13</v>
      </c>
      <c r="AH28" s="89">
        <v>142</v>
      </c>
      <c r="AI28" s="91">
        <v>142</v>
      </c>
    </row>
    <row r="29" spans="2:35" ht="21" customHeight="1" x14ac:dyDescent="0.2">
      <c r="B29" s="472" t="s">
        <v>28</v>
      </c>
      <c r="C29" s="87">
        <v>0</v>
      </c>
      <c r="D29" s="88">
        <v>0</v>
      </c>
      <c r="E29" s="89">
        <v>0</v>
      </c>
      <c r="F29" s="90">
        <v>0</v>
      </c>
      <c r="G29" s="88">
        <v>21</v>
      </c>
      <c r="H29" s="88">
        <v>21</v>
      </c>
      <c r="I29" s="88">
        <v>6</v>
      </c>
      <c r="J29" s="88">
        <v>6</v>
      </c>
      <c r="K29" s="88">
        <v>4</v>
      </c>
      <c r="L29" s="89">
        <v>58</v>
      </c>
      <c r="M29" s="91">
        <v>58</v>
      </c>
      <c r="N29" s="92">
        <v>0</v>
      </c>
      <c r="O29" s="88">
        <v>0</v>
      </c>
      <c r="P29" s="89">
        <v>0</v>
      </c>
      <c r="Q29" s="90">
        <v>0</v>
      </c>
      <c r="R29" s="88">
        <v>0</v>
      </c>
      <c r="S29" s="88">
        <v>1</v>
      </c>
      <c r="T29" s="88">
        <v>0</v>
      </c>
      <c r="U29" s="88">
        <v>0</v>
      </c>
      <c r="V29" s="88">
        <v>1</v>
      </c>
      <c r="W29" s="89">
        <v>2</v>
      </c>
      <c r="X29" s="91">
        <v>2</v>
      </c>
      <c r="Y29" s="92">
        <v>0</v>
      </c>
      <c r="Z29" s="88">
        <v>0</v>
      </c>
      <c r="AA29" s="89">
        <v>0</v>
      </c>
      <c r="AB29" s="90">
        <v>0</v>
      </c>
      <c r="AC29" s="88">
        <v>21</v>
      </c>
      <c r="AD29" s="88">
        <v>22</v>
      </c>
      <c r="AE29" s="88">
        <v>6</v>
      </c>
      <c r="AF29" s="88">
        <v>6</v>
      </c>
      <c r="AG29" s="88">
        <v>5</v>
      </c>
      <c r="AH29" s="89">
        <v>60</v>
      </c>
      <c r="AI29" s="91">
        <v>60</v>
      </c>
    </row>
    <row r="30" spans="2:35" ht="21" customHeight="1" x14ac:dyDescent="0.2">
      <c r="B30" s="472" t="s">
        <v>29</v>
      </c>
      <c r="C30" s="87">
        <v>0</v>
      </c>
      <c r="D30" s="88">
        <v>4</v>
      </c>
      <c r="E30" s="89">
        <v>4</v>
      </c>
      <c r="F30" s="90">
        <v>0</v>
      </c>
      <c r="G30" s="88">
        <v>37</v>
      </c>
      <c r="H30" s="88">
        <v>27</v>
      </c>
      <c r="I30" s="88">
        <v>31</v>
      </c>
      <c r="J30" s="88">
        <v>19</v>
      </c>
      <c r="K30" s="88">
        <v>8</v>
      </c>
      <c r="L30" s="89">
        <v>122</v>
      </c>
      <c r="M30" s="91">
        <v>126</v>
      </c>
      <c r="N30" s="92">
        <v>0</v>
      </c>
      <c r="O30" s="88">
        <v>0</v>
      </c>
      <c r="P30" s="89">
        <v>0</v>
      </c>
      <c r="Q30" s="90">
        <v>0</v>
      </c>
      <c r="R30" s="88">
        <v>1</v>
      </c>
      <c r="S30" s="88">
        <v>0</v>
      </c>
      <c r="T30" s="88">
        <v>0</v>
      </c>
      <c r="U30" s="88">
        <v>0</v>
      </c>
      <c r="V30" s="88">
        <v>0</v>
      </c>
      <c r="W30" s="89">
        <v>1</v>
      </c>
      <c r="X30" s="91">
        <v>1</v>
      </c>
      <c r="Y30" s="92">
        <v>0</v>
      </c>
      <c r="Z30" s="88">
        <v>4</v>
      </c>
      <c r="AA30" s="89">
        <v>4</v>
      </c>
      <c r="AB30" s="90">
        <v>0</v>
      </c>
      <c r="AC30" s="88">
        <v>38</v>
      </c>
      <c r="AD30" s="88">
        <v>27</v>
      </c>
      <c r="AE30" s="88">
        <v>31</v>
      </c>
      <c r="AF30" s="88">
        <v>19</v>
      </c>
      <c r="AG30" s="88">
        <v>8</v>
      </c>
      <c r="AH30" s="89">
        <v>123</v>
      </c>
      <c r="AI30" s="91">
        <v>127</v>
      </c>
    </row>
    <row r="31" spans="2:35" ht="21" customHeight="1" x14ac:dyDescent="0.2">
      <c r="B31" s="472" t="s">
        <v>30</v>
      </c>
      <c r="C31" s="87">
        <v>1</v>
      </c>
      <c r="D31" s="88">
        <v>0</v>
      </c>
      <c r="E31" s="89">
        <v>1</v>
      </c>
      <c r="F31" s="90">
        <v>0</v>
      </c>
      <c r="G31" s="88">
        <v>30</v>
      </c>
      <c r="H31" s="88">
        <v>15</v>
      </c>
      <c r="I31" s="88">
        <v>16</v>
      </c>
      <c r="J31" s="88">
        <v>10</v>
      </c>
      <c r="K31" s="88">
        <v>1</v>
      </c>
      <c r="L31" s="89">
        <v>72</v>
      </c>
      <c r="M31" s="91">
        <v>73</v>
      </c>
      <c r="N31" s="92">
        <v>0</v>
      </c>
      <c r="O31" s="88">
        <v>0</v>
      </c>
      <c r="P31" s="89">
        <v>0</v>
      </c>
      <c r="Q31" s="90">
        <v>0</v>
      </c>
      <c r="R31" s="88">
        <v>1</v>
      </c>
      <c r="S31" s="88">
        <v>0</v>
      </c>
      <c r="T31" s="88">
        <v>0</v>
      </c>
      <c r="U31" s="88">
        <v>0</v>
      </c>
      <c r="V31" s="88">
        <v>1</v>
      </c>
      <c r="W31" s="89">
        <v>2</v>
      </c>
      <c r="X31" s="91">
        <v>2</v>
      </c>
      <c r="Y31" s="92">
        <v>1</v>
      </c>
      <c r="Z31" s="88">
        <v>0</v>
      </c>
      <c r="AA31" s="89">
        <v>1</v>
      </c>
      <c r="AB31" s="90">
        <v>0</v>
      </c>
      <c r="AC31" s="88">
        <v>31</v>
      </c>
      <c r="AD31" s="88">
        <v>15</v>
      </c>
      <c r="AE31" s="88">
        <v>16</v>
      </c>
      <c r="AF31" s="88">
        <v>10</v>
      </c>
      <c r="AG31" s="88">
        <v>2</v>
      </c>
      <c r="AH31" s="89">
        <v>74</v>
      </c>
      <c r="AI31" s="91">
        <v>75</v>
      </c>
    </row>
    <row r="32" spans="2:35" ht="21" customHeight="1" x14ac:dyDescent="0.2">
      <c r="B32" s="472" t="s">
        <v>31</v>
      </c>
      <c r="C32" s="87">
        <v>0</v>
      </c>
      <c r="D32" s="88">
        <v>1</v>
      </c>
      <c r="E32" s="89">
        <v>1</v>
      </c>
      <c r="F32" s="90">
        <v>0</v>
      </c>
      <c r="G32" s="88">
        <v>48</v>
      </c>
      <c r="H32" s="88">
        <v>32</v>
      </c>
      <c r="I32" s="88">
        <v>24</v>
      </c>
      <c r="J32" s="88">
        <v>19</v>
      </c>
      <c r="K32" s="88">
        <v>7</v>
      </c>
      <c r="L32" s="89">
        <v>130</v>
      </c>
      <c r="M32" s="91">
        <v>131</v>
      </c>
      <c r="N32" s="92">
        <v>0</v>
      </c>
      <c r="O32" s="88">
        <v>0</v>
      </c>
      <c r="P32" s="89">
        <v>0</v>
      </c>
      <c r="Q32" s="90">
        <v>0</v>
      </c>
      <c r="R32" s="88">
        <v>0</v>
      </c>
      <c r="S32" s="88">
        <v>0</v>
      </c>
      <c r="T32" s="88">
        <v>0</v>
      </c>
      <c r="U32" s="88">
        <v>0</v>
      </c>
      <c r="V32" s="88">
        <v>0</v>
      </c>
      <c r="W32" s="89">
        <v>0</v>
      </c>
      <c r="X32" s="91">
        <v>0</v>
      </c>
      <c r="Y32" s="92">
        <v>0</v>
      </c>
      <c r="Z32" s="88">
        <v>1</v>
      </c>
      <c r="AA32" s="89">
        <v>1</v>
      </c>
      <c r="AB32" s="90">
        <v>0</v>
      </c>
      <c r="AC32" s="88">
        <v>48</v>
      </c>
      <c r="AD32" s="88">
        <v>32</v>
      </c>
      <c r="AE32" s="88">
        <v>24</v>
      </c>
      <c r="AF32" s="88">
        <v>19</v>
      </c>
      <c r="AG32" s="88">
        <v>7</v>
      </c>
      <c r="AH32" s="89">
        <v>130</v>
      </c>
      <c r="AI32" s="91">
        <v>131</v>
      </c>
    </row>
    <row r="33" spans="2:35" ht="21" customHeight="1" x14ac:dyDescent="0.2">
      <c r="B33" s="472" t="s">
        <v>32</v>
      </c>
      <c r="C33" s="87">
        <v>1</v>
      </c>
      <c r="D33" s="88">
        <v>3</v>
      </c>
      <c r="E33" s="89">
        <v>4</v>
      </c>
      <c r="F33" s="90">
        <v>0</v>
      </c>
      <c r="G33" s="88">
        <v>45</v>
      </c>
      <c r="H33" s="88">
        <v>35</v>
      </c>
      <c r="I33" s="88">
        <v>34</v>
      </c>
      <c r="J33" s="88">
        <v>20</v>
      </c>
      <c r="K33" s="88">
        <v>11</v>
      </c>
      <c r="L33" s="89">
        <v>145</v>
      </c>
      <c r="M33" s="91">
        <v>149</v>
      </c>
      <c r="N33" s="92">
        <v>0</v>
      </c>
      <c r="O33" s="88">
        <v>0</v>
      </c>
      <c r="P33" s="89">
        <v>0</v>
      </c>
      <c r="Q33" s="90">
        <v>0</v>
      </c>
      <c r="R33" s="88">
        <v>1</v>
      </c>
      <c r="S33" s="88">
        <v>1</v>
      </c>
      <c r="T33" s="88">
        <v>1</v>
      </c>
      <c r="U33" s="88">
        <v>0</v>
      </c>
      <c r="V33" s="88">
        <v>0</v>
      </c>
      <c r="W33" s="89">
        <v>3</v>
      </c>
      <c r="X33" s="91">
        <v>3</v>
      </c>
      <c r="Y33" s="92">
        <v>1</v>
      </c>
      <c r="Z33" s="88">
        <v>3</v>
      </c>
      <c r="AA33" s="89">
        <v>4</v>
      </c>
      <c r="AB33" s="90">
        <v>0</v>
      </c>
      <c r="AC33" s="88">
        <v>46</v>
      </c>
      <c r="AD33" s="88">
        <v>36</v>
      </c>
      <c r="AE33" s="88">
        <v>35</v>
      </c>
      <c r="AF33" s="88">
        <v>20</v>
      </c>
      <c r="AG33" s="88">
        <v>11</v>
      </c>
      <c r="AH33" s="89">
        <v>148</v>
      </c>
      <c r="AI33" s="91">
        <v>152</v>
      </c>
    </row>
    <row r="34" spans="2:35" ht="21" customHeight="1" x14ac:dyDescent="0.2">
      <c r="B34" s="472" t="s">
        <v>33</v>
      </c>
      <c r="C34" s="87">
        <v>0</v>
      </c>
      <c r="D34" s="88">
        <v>1</v>
      </c>
      <c r="E34" s="89">
        <v>1</v>
      </c>
      <c r="F34" s="90">
        <v>0</v>
      </c>
      <c r="G34" s="88">
        <v>35</v>
      </c>
      <c r="H34" s="88">
        <v>18</v>
      </c>
      <c r="I34" s="88">
        <v>20</v>
      </c>
      <c r="J34" s="88">
        <v>5</v>
      </c>
      <c r="K34" s="88">
        <v>10</v>
      </c>
      <c r="L34" s="89">
        <v>88</v>
      </c>
      <c r="M34" s="91">
        <v>89</v>
      </c>
      <c r="N34" s="92">
        <v>0</v>
      </c>
      <c r="O34" s="88">
        <v>0</v>
      </c>
      <c r="P34" s="89">
        <v>0</v>
      </c>
      <c r="Q34" s="90">
        <v>0</v>
      </c>
      <c r="R34" s="88">
        <v>0</v>
      </c>
      <c r="S34" s="88">
        <v>0</v>
      </c>
      <c r="T34" s="88">
        <v>0</v>
      </c>
      <c r="U34" s="88">
        <v>0</v>
      </c>
      <c r="V34" s="88">
        <v>0</v>
      </c>
      <c r="W34" s="89">
        <v>0</v>
      </c>
      <c r="X34" s="91">
        <v>0</v>
      </c>
      <c r="Y34" s="92">
        <v>0</v>
      </c>
      <c r="Z34" s="88">
        <v>1</v>
      </c>
      <c r="AA34" s="89">
        <v>1</v>
      </c>
      <c r="AB34" s="90">
        <v>0</v>
      </c>
      <c r="AC34" s="88">
        <v>35</v>
      </c>
      <c r="AD34" s="88">
        <v>18</v>
      </c>
      <c r="AE34" s="88">
        <v>20</v>
      </c>
      <c r="AF34" s="88">
        <v>5</v>
      </c>
      <c r="AG34" s="88">
        <v>10</v>
      </c>
      <c r="AH34" s="89">
        <v>88</v>
      </c>
      <c r="AI34" s="91">
        <v>89</v>
      </c>
    </row>
    <row r="35" spans="2:35" ht="21" customHeight="1" x14ac:dyDescent="0.2">
      <c r="B35" s="472" t="s">
        <v>34</v>
      </c>
      <c r="C35" s="87">
        <v>1</v>
      </c>
      <c r="D35" s="88">
        <v>1</v>
      </c>
      <c r="E35" s="89">
        <v>2</v>
      </c>
      <c r="F35" s="90">
        <v>0</v>
      </c>
      <c r="G35" s="88">
        <v>28</v>
      </c>
      <c r="H35" s="88">
        <v>23</v>
      </c>
      <c r="I35" s="88">
        <v>16</v>
      </c>
      <c r="J35" s="88">
        <v>9</v>
      </c>
      <c r="K35" s="88">
        <v>7</v>
      </c>
      <c r="L35" s="89">
        <v>83</v>
      </c>
      <c r="M35" s="91">
        <v>85</v>
      </c>
      <c r="N35" s="92">
        <v>0</v>
      </c>
      <c r="O35" s="88">
        <v>0</v>
      </c>
      <c r="P35" s="89">
        <v>0</v>
      </c>
      <c r="Q35" s="90">
        <v>0</v>
      </c>
      <c r="R35" s="88">
        <v>0</v>
      </c>
      <c r="S35" s="88">
        <v>0</v>
      </c>
      <c r="T35" s="88">
        <v>0</v>
      </c>
      <c r="U35" s="88">
        <v>1</v>
      </c>
      <c r="V35" s="88">
        <v>0</v>
      </c>
      <c r="W35" s="89">
        <v>1</v>
      </c>
      <c r="X35" s="91">
        <v>1</v>
      </c>
      <c r="Y35" s="92">
        <v>1</v>
      </c>
      <c r="Z35" s="88">
        <v>1</v>
      </c>
      <c r="AA35" s="89">
        <v>2</v>
      </c>
      <c r="AB35" s="90">
        <v>0</v>
      </c>
      <c r="AC35" s="88">
        <v>28</v>
      </c>
      <c r="AD35" s="88">
        <v>23</v>
      </c>
      <c r="AE35" s="88">
        <v>16</v>
      </c>
      <c r="AF35" s="88">
        <v>10</v>
      </c>
      <c r="AG35" s="88">
        <v>7</v>
      </c>
      <c r="AH35" s="89">
        <v>84</v>
      </c>
      <c r="AI35" s="91">
        <v>86</v>
      </c>
    </row>
    <row r="36" spans="2:35" ht="21" customHeight="1" x14ac:dyDescent="0.2">
      <c r="B36" s="472" t="s">
        <v>35</v>
      </c>
      <c r="C36" s="87">
        <v>3</v>
      </c>
      <c r="D36" s="88">
        <v>2</v>
      </c>
      <c r="E36" s="89">
        <v>5</v>
      </c>
      <c r="F36" s="90">
        <v>0</v>
      </c>
      <c r="G36" s="88">
        <v>45</v>
      </c>
      <c r="H36" s="88">
        <v>38</v>
      </c>
      <c r="I36" s="88">
        <v>29</v>
      </c>
      <c r="J36" s="88">
        <v>27</v>
      </c>
      <c r="K36" s="88">
        <v>12</v>
      </c>
      <c r="L36" s="89">
        <v>151</v>
      </c>
      <c r="M36" s="91">
        <v>156</v>
      </c>
      <c r="N36" s="92">
        <v>0</v>
      </c>
      <c r="O36" s="88">
        <v>0</v>
      </c>
      <c r="P36" s="89">
        <v>0</v>
      </c>
      <c r="Q36" s="90">
        <v>0</v>
      </c>
      <c r="R36" s="88">
        <v>0</v>
      </c>
      <c r="S36" s="88">
        <v>1</v>
      </c>
      <c r="T36" s="88">
        <v>0</v>
      </c>
      <c r="U36" s="88">
        <v>0</v>
      </c>
      <c r="V36" s="88">
        <v>0</v>
      </c>
      <c r="W36" s="89">
        <v>1</v>
      </c>
      <c r="X36" s="91">
        <v>1</v>
      </c>
      <c r="Y36" s="92">
        <v>3</v>
      </c>
      <c r="Z36" s="88">
        <v>2</v>
      </c>
      <c r="AA36" s="89">
        <v>5</v>
      </c>
      <c r="AB36" s="90">
        <v>0</v>
      </c>
      <c r="AC36" s="88">
        <v>45</v>
      </c>
      <c r="AD36" s="88">
        <v>39</v>
      </c>
      <c r="AE36" s="88">
        <v>29</v>
      </c>
      <c r="AF36" s="88">
        <v>27</v>
      </c>
      <c r="AG36" s="88">
        <v>12</v>
      </c>
      <c r="AH36" s="89">
        <v>152</v>
      </c>
      <c r="AI36" s="91">
        <v>157</v>
      </c>
    </row>
    <row r="37" spans="2:35" ht="21" customHeight="1" x14ac:dyDescent="0.2">
      <c r="B37" s="472" t="s">
        <v>36</v>
      </c>
      <c r="C37" s="87">
        <v>1</v>
      </c>
      <c r="D37" s="88">
        <v>3</v>
      </c>
      <c r="E37" s="89">
        <v>4</v>
      </c>
      <c r="F37" s="90">
        <v>0</v>
      </c>
      <c r="G37" s="88">
        <v>89</v>
      </c>
      <c r="H37" s="88">
        <v>69</v>
      </c>
      <c r="I37" s="88">
        <v>42</v>
      </c>
      <c r="J37" s="88">
        <v>32</v>
      </c>
      <c r="K37" s="88">
        <v>19</v>
      </c>
      <c r="L37" s="89">
        <v>251</v>
      </c>
      <c r="M37" s="91">
        <v>255</v>
      </c>
      <c r="N37" s="92">
        <v>0</v>
      </c>
      <c r="O37" s="88">
        <v>0</v>
      </c>
      <c r="P37" s="89">
        <v>0</v>
      </c>
      <c r="Q37" s="90">
        <v>0</v>
      </c>
      <c r="R37" s="88">
        <v>0</v>
      </c>
      <c r="S37" s="88">
        <v>1</v>
      </c>
      <c r="T37" s="88">
        <v>1</v>
      </c>
      <c r="U37" s="88">
        <v>0</v>
      </c>
      <c r="V37" s="88">
        <v>1</v>
      </c>
      <c r="W37" s="89">
        <v>3</v>
      </c>
      <c r="X37" s="91">
        <v>3</v>
      </c>
      <c r="Y37" s="92">
        <v>1</v>
      </c>
      <c r="Z37" s="88">
        <v>3</v>
      </c>
      <c r="AA37" s="89">
        <v>4</v>
      </c>
      <c r="AB37" s="90">
        <v>0</v>
      </c>
      <c r="AC37" s="88">
        <v>89</v>
      </c>
      <c r="AD37" s="88">
        <v>70</v>
      </c>
      <c r="AE37" s="88">
        <v>43</v>
      </c>
      <c r="AF37" s="88">
        <v>32</v>
      </c>
      <c r="AG37" s="88">
        <v>20</v>
      </c>
      <c r="AH37" s="89">
        <v>254</v>
      </c>
      <c r="AI37" s="91">
        <v>258</v>
      </c>
    </row>
    <row r="38" spans="2:35" ht="21" customHeight="1" thickBot="1" x14ac:dyDescent="0.25">
      <c r="B38" s="473" t="s">
        <v>37</v>
      </c>
      <c r="C38" s="93">
        <v>0</v>
      </c>
      <c r="D38" s="94">
        <v>0</v>
      </c>
      <c r="E38" s="95">
        <v>0</v>
      </c>
      <c r="F38" s="96">
        <v>0</v>
      </c>
      <c r="G38" s="94">
        <v>14</v>
      </c>
      <c r="H38" s="94">
        <v>8</v>
      </c>
      <c r="I38" s="94">
        <v>9</v>
      </c>
      <c r="J38" s="94">
        <v>5</v>
      </c>
      <c r="K38" s="94">
        <v>4</v>
      </c>
      <c r="L38" s="95">
        <v>40</v>
      </c>
      <c r="M38" s="97">
        <v>40</v>
      </c>
      <c r="N38" s="98">
        <v>0</v>
      </c>
      <c r="O38" s="94">
        <v>0</v>
      </c>
      <c r="P38" s="95">
        <v>0</v>
      </c>
      <c r="Q38" s="96">
        <v>0</v>
      </c>
      <c r="R38" s="94">
        <v>0</v>
      </c>
      <c r="S38" s="94">
        <v>0</v>
      </c>
      <c r="T38" s="94">
        <v>0</v>
      </c>
      <c r="U38" s="94">
        <v>0</v>
      </c>
      <c r="V38" s="94">
        <v>0</v>
      </c>
      <c r="W38" s="95">
        <v>0</v>
      </c>
      <c r="X38" s="97">
        <v>0</v>
      </c>
      <c r="Y38" s="98">
        <v>0</v>
      </c>
      <c r="Z38" s="94">
        <v>0</v>
      </c>
      <c r="AA38" s="95">
        <v>0</v>
      </c>
      <c r="AB38" s="96">
        <v>0</v>
      </c>
      <c r="AC38" s="94">
        <v>14</v>
      </c>
      <c r="AD38" s="94">
        <v>8</v>
      </c>
      <c r="AE38" s="94">
        <v>9</v>
      </c>
      <c r="AF38" s="94">
        <v>5</v>
      </c>
      <c r="AG38" s="94">
        <v>4</v>
      </c>
      <c r="AH38" s="95">
        <v>40</v>
      </c>
      <c r="AI38" s="97">
        <v>40</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9</v>
      </c>
      <c r="L1" s="504">
        <f>IF(K1&lt;3,K1+12-2,K1-2)</f>
        <v>7</v>
      </c>
      <c r="M1" s="504"/>
    </row>
    <row r="2" spans="1:101" s="272" customFormat="1" ht="24" customHeight="1" thickBot="1" x14ac:dyDescent="0.25">
      <c r="A2" s="39"/>
      <c r="B2" s="271" t="s">
        <v>132</v>
      </c>
    </row>
    <row r="3" spans="1:101" ht="21" customHeight="1" thickBot="1" x14ac:dyDescent="0.25">
      <c r="B3" s="512"/>
      <c r="C3" s="515" t="s">
        <v>114</v>
      </c>
      <c r="D3" s="516"/>
      <c r="E3" s="516"/>
      <c r="F3" s="516"/>
      <c r="G3" s="516"/>
      <c r="H3" s="516"/>
      <c r="I3" s="516"/>
      <c r="J3" s="516"/>
      <c r="K3" s="516"/>
      <c r="L3" s="516"/>
      <c r="M3" s="517"/>
      <c r="N3" s="515" t="s">
        <v>115</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244" t="s">
        <v>43</v>
      </c>
      <c r="D5" s="246" t="s">
        <v>44</v>
      </c>
      <c r="E5" s="247" t="s">
        <v>45</v>
      </c>
      <c r="F5" s="248" t="s">
        <v>83</v>
      </c>
      <c r="G5" s="243" t="s">
        <v>47</v>
      </c>
      <c r="H5" s="243" t="s">
        <v>48</v>
      </c>
      <c r="I5" s="243" t="s">
        <v>49</v>
      </c>
      <c r="J5" s="243" t="s">
        <v>50</v>
      </c>
      <c r="K5" s="243" t="s">
        <v>51</v>
      </c>
      <c r="L5" s="249" t="s">
        <v>45</v>
      </c>
      <c r="M5" s="506"/>
      <c r="N5" s="244" t="s">
        <v>43</v>
      </c>
      <c r="O5" s="243" t="s">
        <v>44</v>
      </c>
      <c r="P5" s="246" t="s">
        <v>45</v>
      </c>
      <c r="Q5" s="248" t="s">
        <v>83</v>
      </c>
      <c r="R5" s="243" t="s">
        <v>47</v>
      </c>
      <c r="S5" s="243" t="s">
        <v>48</v>
      </c>
      <c r="T5" s="243" t="s">
        <v>49</v>
      </c>
      <c r="U5" s="243" t="s">
        <v>50</v>
      </c>
      <c r="V5" s="243" t="s">
        <v>51</v>
      </c>
      <c r="W5" s="246" t="s">
        <v>45</v>
      </c>
      <c r="X5" s="506"/>
      <c r="Y5" s="244" t="s">
        <v>43</v>
      </c>
      <c r="Z5" s="243" t="s">
        <v>44</v>
      </c>
      <c r="AA5" s="246" t="s">
        <v>45</v>
      </c>
      <c r="AB5" s="248" t="s">
        <v>83</v>
      </c>
      <c r="AC5" s="243" t="s">
        <v>47</v>
      </c>
      <c r="AD5" s="243" t="s">
        <v>48</v>
      </c>
      <c r="AE5" s="243" t="s">
        <v>49</v>
      </c>
      <c r="AF5" s="243" t="s">
        <v>50</v>
      </c>
      <c r="AG5" s="243" t="s">
        <v>51</v>
      </c>
      <c r="AH5" s="246" t="s">
        <v>45</v>
      </c>
      <c r="AI5" s="506"/>
      <c r="AJ5" s="318" t="s">
        <v>43</v>
      </c>
      <c r="AK5" s="243" t="s">
        <v>44</v>
      </c>
      <c r="AL5" s="246" t="s">
        <v>45</v>
      </c>
      <c r="AM5" s="248" t="s">
        <v>83</v>
      </c>
      <c r="AN5" s="243" t="s">
        <v>47</v>
      </c>
      <c r="AO5" s="243" t="s">
        <v>48</v>
      </c>
      <c r="AP5" s="243" t="s">
        <v>49</v>
      </c>
      <c r="AQ5" s="243" t="s">
        <v>50</v>
      </c>
      <c r="AR5" s="243" t="s">
        <v>51</v>
      </c>
      <c r="AS5" s="246" t="s">
        <v>45</v>
      </c>
      <c r="AT5" s="506"/>
      <c r="AU5" s="318" t="s">
        <v>43</v>
      </c>
      <c r="AV5" s="243" t="s">
        <v>44</v>
      </c>
      <c r="AW5" s="246" t="s">
        <v>45</v>
      </c>
      <c r="AX5" s="248" t="s">
        <v>83</v>
      </c>
      <c r="AY5" s="243" t="s">
        <v>47</v>
      </c>
      <c r="AZ5" s="243" t="s">
        <v>48</v>
      </c>
      <c r="BA5" s="243" t="s">
        <v>49</v>
      </c>
      <c r="BB5" s="243" t="s">
        <v>50</v>
      </c>
      <c r="BC5" s="243" t="s">
        <v>51</v>
      </c>
      <c r="BD5" s="246" t="s">
        <v>45</v>
      </c>
      <c r="BE5" s="539"/>
      <c r="BF5" s="318" t="s">
        <v>43</v>
      </c>
      <c r="BG5" s="243" t="s">
        <v>44</v>
      </c>
      <c r="BH5" s="246" t="s">
        <v>45</v>
      </c>
      <c r="BI5" s="248" t="s">
        <v>83</v>
      </c>
      <c r="BJ5" s="243" t="s">
        <v>47</v>
      </c>
      <c r="BK5" s="243" t="s">
        <v>48</v>
      </c>
      <c r="BL5" s="243" t="s">
        <v>49</v>
      </c>
      <c r="BM5" s="243" t="s">
        <v>50</v>
      </c>
      <c r="BN5" s="243" t="s">
        <v>51</v>
      </c>
      <c r="BO5" s="246" t="s">
        <v>45</v>
      </c>
      <c r="BP5" s="539"/>
      <c r="BQ5" s="318" t="s">
        <v>43</v>
      </c>
      <c r="BR5" s="243" t="s">
        <v>44</v>
      </c>
      <c r="BS5" s="246" t="s">
        <v>45</v>
      </c>
      <c r="BT5" s="248" t="s">
        <v>83</v>
      </c>
      <c r="BU5" s="243" t="s">
        <v>47</v>
      </c>
      <c r="BV5" s="243" t="s">
        <v>48</v>
      </c>
      <c r="BW5" s="243" t="s">
        <v>49</v>
      </c>
      <c r="BX5" s="243" t="s">
        <v>50</v>
      </c>
      <c r="BY5" s="243" t="s">
        <v>51</v>
      </c>
      <c r="BZ5" s="246" t="s">
        <v>45</v>
      </c>
      <c r="CA5" s="539"/>
      <c r="CB5" s="318" t="s">
        <v>43</v>
      </c>
      <c r="CC5" s="243" t="s">
        <v>44</v>
      </c>
      <c r="CD5" s="246" t="s">
        <v>45</v>
      </c>
      <c r="CE5" s="248" t="s">
        <v>83</v>
      </c>
      <c r="CF5" s="243" t="s">
        <v>47</v>
      </c>
      <c r="CG5" s="243" t="s">
        <v>48</v>
      </c>
      <c r="CH5" s="243" t="s">
        <v>49</v>
      </c>
      <c r="CI5" s="243" t="s">
        <v>50</v>
      </c>
      <c r="CJ5" s="243" t="s">
        <v>51</v>
      </c>
      <c r="CK5" s="246" t="s">
        <v>45</v>
      </c>
      <c r="CL5" s="539"/>
      <c r="CM5" s="318"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323</v>
      </c>
      <c r="H6" s="254">
        <v>389</v>
      </c>
      <c r="I6" s="254">
        <v>351</v>
      </c>
      <c r="J6" s="254">
        <v>417</v>
      </c>
      <c r="K6" s="254">
        <v>396</v>
      </c>
      <c r="L6" s="255">
        <v>1876</v>
      </c>
      <c r="M6" s="256">
        <v>1876</v>
      </c>
      <c r="N6" s="250">
        <v>0</v>
      </c>
      <c r="O6" s="254">
        <v>0</v>
      </c>
      <c r="P6" s="251">
        <v>0</v>
      </c>
      <c r="Q6" s="253">
        <v>0</v>
      </c>
      <c r="R6" s="254">
        <v>194</v>
      </c>
      <c r="S6" s="254">
        <v>532</v>
      </c>
      <c r="T6" s="254">
        <v>473</v>
      </c>
      <c r="U6" s="254">
        <v>459</v>
      </c>
      <c r="V6" s="254">
        <v>422</v>
      </c>
      <c r="W6" s="251">
        <v>2080</v>
      </c>
      <c r="X6" s="256">
        <v>2080</v>
      </c>
      <c r="Y6" s="250">
        <v>0</v>
      </c>
      <c r="Z6" s="254">
        <v>0</v>
      </c>
      <c r="AA6" s="251">
        <v>0</v>
      </c>
      <c r="AB6" s="253">
        <v>0</v>
      </c>
      <c r="AC6" s="254">
        <v>13757</v>
      </c>
      <c r="AD6" s="254">
        <v>12719</v>
      </c>
      <c r="AE6" s="254">
        <v>6046</v>
      </c>
      <c r="AF6" s="254">
        <v>3015</v>
      </c>
      <c r="AG6" s="254">
        <v>1324</v>
      </c>
      <c r="AH6" s="251">
        <v>36861</v>
      </c>
      <c r="AI6" s="256">
        <v>36861</v>
      </c>
      <c r="AJ6" s="250">
        <v>10</v>
      </c>
      <c r="AK6" s="254">
        <v>7</v>
      </c>
      <c r="AL6" s="251">
        <v>17</v>
      </c>
      <c r="AM6" s="253">
        <v>0</v>
      </c>
      <c r="AN6" s="254">
        <v>819</v>
      </c>
      <c r="AO6" s="254">
        <v>975</v>
      </c>
      <c r="AP6" s="254">
        <v>1066</v>
      </c>
      <c r="AQ6" s="254">
        <v>606</v>
      </c>
      <c r="AR6" s="254">
        <v>469</v>
      </c>
      <c r="AS6" s="251">
        <v>3935</v>
      </c>
      <c r="AT6" s="256">
        <v>3952</v>
      </c>
      <c r="AU6" s="250">
        <v>173</v>
      </c>
      <c r="AV6" s="254">
        <v>266</v>
      </c>
      <c r="AW6" s="251">
        <v>439</v>
      </c>
      <c r="AX6" s="253">
        <v>0</v>
      </c>
      <c r="AY6" s="254">
        <v>1453</v>
      </c>
      <c r="AZ6" s="254">
        <v>1584</v>
      </c>
      <c r="BA6" s="254">
        <v>1380</v>
      </c>
      <c r="BB6" s="254">
        <v>960</v>
      </c>
      <c r="BC6" s="254">
        <v>501</v>
      </c>
      <c r="BD6" s="251">
        <v>5878</v>
      </c>
      <c r="BE6" s="256">
        <v>6317</v>
      </c>
      <c r="BF6" s="250">
        <v>0</v>
      </c>
      <c r="BG6" s="254">
        <v>43</v>
      </c>
      <c r="BH6" s="251">
        <v>43</v>
      </c>
      <c r="BI6" s="253">
        <v>0</v>
      </c>
      <c r="BJ6" s="254">
        <v>2494</v>
      </c>
      <c r="BK6" s="254">
        <v>3212</v>
      </c>
      <c r="BL6" s="254">
        <v>3583</v>
      </c>
      <c r="BM6" s="254">
        <v>2357</v>
      </c>
      <c r="BN6" s="254">
        <v>1674</v>
      </c>
      <c r="BO6" s="255">
        <v>13320</v>
      </c>
      <c r="BP6" s="256">
        <v>13363</v>
      </c>
      <c r="BQ6" s="250">
        <v>0</v>
      </c>
      <c r="BR6" s="254">
        <v>0</v>
      </c>
      <c r="BS6" s="251">
        <v>0</v>
      </c>
      <c r="BT6" s="253">
        <v>0</v>
      </c>
      <c r="BU6" s="254">
        <v>38</v>
      </c>
      <c r="BV6" s="254">
        <v>42</v>
      </c>
      <c r="BW6" s="254">
        <v>73</v>
      </c>
      <c r="BX6" s="254">
        <v>70</v>
      </c>
      <c r="BY6" s="254">
        <v>53</v>
      </c>
      <c r="BZ6" s="251">
        <v>276</v>
      </c>
      <c r="CA6" s="256">
        <v>276</v>
      </c>
      <c r="CB6" s="250">
        <v>0</v>
      </c>
      <c r="CC6" s="254">
        <v>0</v>
      </c>
      <c r="CD6" s="251">
        <v>0</v>
      </c>
      <c r="CE6" s="253">
        <v>0</v>
      </c>
      <c r="CF6" s="254">
        <v>10</v>
      </c>
      <c r="CG6" s="254">
        <v>26</v>
      </c>
      <c r="CH6" s="254">
        <v>210</v>
      </c>
      <c r="CI6" s="254">
        <v>338</v>
      </c>
      <c r="CJ6" s="254">
        <v>229</v>
      </c>
      <c r="CK6" s="251">
        <v>813</v>
      </c>
      <c r="CL6" s="256">
        <v>813</v>
      </c>
      <c r="CM6" s="250">
        <v>0</v>
      </c>
      <c r="CN6" s="254">
        <v>0</v>
      </c>
      <c r="CO6" s="251">
        <v>0</v>
      </c>
      <c r="CP6" s="253">
        <v>0</v>
      </c>
      <c r="CQ6" s="254">
        <v>189</v>
      </c>
      <c r="CR6" s="254">
        <v>305</v>
      </c>
      <c r="CS6" s="254">
        <v>299</v>
      </c>
      <c r="CT6" s="254">
        <v>371</v>
      </c>
      <c r="CU6" s="254">
        <v>455</v>
      </c>
      <c r="CV6" s="251">
        <v>1619</v>
      </c>
      <c r="CW6" s="256">
        <v>1619</v>
      </c>
    </row>
    <row r="7" spans="1:101" ht="21" customHeight="1" x14ac:dyDescent="0.2">
      <c r="B7" s="471" t="s">
        <v>5</v>
      </c>
      <c r="C7" s="257">
        <v>0</v>
      </c>
      <c r="D7" s="258">
        <v>0</v>
      </c>
      <c r="E7" s="259">
        <v>0</v>
      </c>
      <c r="F7" s="260">
        <v>0</v>
      </c>
      <c r="G7" s="261">
        <v>122</v>
      </c>
      <c r="H7" s="261">
        <v>172</v>
      </c>
      <c r="I7" s="261">
        <v>180</v>
      </c>
      <c r="J7" s="261">
        <v>195</v>
      </c>
      <c r="K7" s="261">
        <v>189</v>
      </c>
      <c r="L7" s="262">
        <v>858</v>
      </c>
      <c r="M7" s="263">
        <v>858</v>
      </c>
      <c r="N7" s="257">
        <v>0</v>
      </c>
      <c r="O7" s="261">
        <v>0</v>
      </c>
      <c r="P7" s="258">
        <v>0</v>
      </c>
      <c r="Q7" s="260">
        <v>0</v>
      </c>
      <c r="R7" s="261">
        <v>102</v>
      </c>
      <c r="S7" s="261">
        <v>388</v>
      </c>
      <c r="T7" s="261">
        <v>351</v>
      </c>
      <c r="U7" s="261">
        <v>339</v>
      </c>
      <c r="V7" s="261">
        <v>315</v>
      </c>
      <c r="W7" s="258">
        <v>1495</v>
      </c>
      <c r="X7" s="263">
        <v>1495</v>
      </c>
      <c r="Y7" s="257">
        <v>0</v>
      </c>
      <c r="Z7" s="261">
        <v>0</v>
      </c>
      <c r="AA7" s="258">
        <v>0</v>
      </c>
      <c r="AB7" s="260">
        <v>0</v>
      </c>
      <c r="AC7" s="261">
        <v>4916</v>
      </c>
      <c r="AD7" s="261">
        <v>6128</v>
      </c>
      <c r="AE7" s="261">
        <v>2752</v>
      </c>
      <c r="AF7" s="261">
        <v>1398</v>
      </c>
      <c r="AG7" s="261">
        <v>599</v>
      </c>
      <c r="AH7" s="258">
        <v>15793</v>
      </c>
      <c r="AI7" s="263">
        <v>15793</v>
      </c>
      <c r="AJ7" s="257">
        <v>5</v>
      </c>
      <c r="AK7" s="261">
        <v>3</v>
      </c>
      <c r="AL7" s="258">
        <v>8</v>
      </c>
      <c r="AM7" s="260">
        <v>0</v>
      </c>
      <c r="AN7" s="261">
        <v>415</v>
      </c>
      <c r="AO7" s="261">
        <v>507</v>
      </c>
      <c r="AP7" s="261">
        <v>529</v>
      </c>
      <c r="AQ7" s="261">
        <v>329</v>
      </c>
      <c r="AR7" s="261">
        <v>257</v>
      </c>
      <c r="AS7" s="258">
        <v>2037</v>
      </c>
      <c r="AT7" s="263">
        <v>2045</v>
      </c>
      <c r="AU7" s="257">
        <v>71</v>
      </c>
      <c r="AV7" s="261">
        <v>109</v>
      </c>
      <c r="AW7" s="258">
        <v>180</v>
      </c>
      <c r="AX7" s="260">
        <v>0</v>
      </c>
      <c r="AY7" s="261">
        <v>541</v>
      </c>
      <c r="AZ7" s="261">
        <v>696</v>
      </c>
      <c r="BA7" s="261">
        <v>583</v>
      </c>
      <c r="BB7" s="261">
        <v>422</v>
      </c>
      <c r="BC7" s="261">
        <v>250</v>
      </c>
      <c r="BD7" s="258">
        <v>2492</v>
      </c>
      <c r="BE7" s="263">
        <v>2672</v>
      </c>
      <c r="BF7" s="257">
        <v>0</v>
      </c>
      <c r="BG7" s="261">
        <v>16</v>
      </c>
      <c r="BH7" s="258">
        <v>16</v>
      </c>
      <c r="BI7" s="260">
        <v>0</v>
      </c>
      <c r="BJ7" s="261">
        <v>1101</v>
      </c>
      <c r="BK7" s="261">
        <v>1391</v>
      </c>
      <c r="BL7" s="261">
        <v>1556</v>
      </c>
      <c r="BM7" s="261">
        <v>1026</v>
      </c>
      <c r="BN7" s="261">
        <v>752</v>
      </c>
      <c r="BO7" s="262">
        <v>5826</v>
      </c>
      <c r="BP7" s="263">
        <v>5842</v>
      </c>
      <c r="BQ7" s="257">
        <v>0</v>
      </c>
      <c r="BR7" s="261">
        <v>0</v>
      </c>
      <c r="BS7" s="258">
        <v>0</v>
      </c>
      <c r="BT7" s="260">
        <v>0</v>
      </c>
      <c r="BU7" s="261">
        <v>0</v>
      </c>
      <c r="BV7" s="261">
        <v>2</v>
      </c>
      <c r="BW7" s="261">
        <v>6</v>
      </c>
      <c r="BX7" s="261">
        <v>1</v>
      </c>
      <c r="BY7" s="261">
        <v>3</v>
      </c>
      <c r="BZ7" s="258">
        <v>12</v>
      </c>
      <c r="CA7" s="263">
        <v>12</v>
      </c>
      <c r="CB7" s="257">
        <v>0</v>
      </c>
      <c r="CC7" s="261">
        <v>0</v>
      </c>
      <c r="CD7" s="258">
        <v>0</v>
      </c>
      <c r="CE7" s="260">
        <v>0</v>
      </c>
      <c r="CF7" s="261">
        <v>5</v>
      </c>
      <c r="CG7" s="261">
        <v>9</v>
      </c>
      <c r="CH7" s="261">
        <v>24</v>
      </c>
      <c r="CI7" s="261">
        <v>38</v>
      </c>
      <c r="CJ7" s="261">
        <v>33</v>
      </c>
      <c r="CK7" s="258">
        <v>109</v>
      </c>
      <c r="CL7" s="263">
        <v>109</v>
      </c>
      <c r="CM7" s="257">
        <v>0</v>
      </c>
      <c r="CN7" s="261">
        <v>0</v>
      </c>
      <c r="CO7" s="258">
        <v>0</v>
      </c>
      <c r="CP7" s="260">
        <v>0</v>
      </c>
      <c r="CQ7" s="261">
        <v>30</v>
      </c>
      <c r="CR7" s="261">
        <v>66</v>
      </c>
      <c r="CS7" s="261">
        <v>67</v>
      </c>
      <c r="CT7" s="261">
        <v>94</v>
      </c>
      <c r="CU7" s="261">
        <v>170</v>
      </c>
      <c r="CV7" s="258">
        <v>427</v>
      </c>
      <c r="CW7" s="263">
        <v>427</v>
      </c>
    </row>
    <row r="8" spans="1:101" ht="21" customHeight="1" x14ac:dyDescent="0.2">
      <c r="B8" s="472" t="s">
        <v>6</v>
      </c>
      <c r="C8" s="257">
        <v>0</v>
      </c>
      <c r="D8" s="258">
        <v>0</v>
      </c>
      <c r="E8" s="259">
        <v>0</v>
      </c>
      <c r="F8" s="260">
        <v>0</v>
      </c>
      <c r="G8" s="261">
        <v>82</v>
      </c>
      <c r="H8" s="261">
        <v>78</v>
      </c>
      <c r="I8" s="261">
        <v>69</v>
      </c>
      <c r="J8" s="261">
        <v>97</v>
      </c>
      <c r="K8" s="261">
        <v>108</v>
      </c>
      <c r="L8" s="262">
        <v>434</v>
      </c>
      <c r="M8" s="263">
        <v>434</v>
      </c>
      <c r="N8" s="257">
        <v>0</v>
      </c>
      <c r="O8" s="261">
        <v>0</v>
      </c>
      <c r="P8" s="258">
        <v>0</v>
      </c>
      <c r="Q8" s="260">
        <v>0</v>
      </c>
      <c r="R8" s="261">
        <v>62</v>
      </c>
      <c r="S8" s="261">
        <v>119</v>
      </c>
      <c r="T8" s="261">
        <v>92</v>
      </c>
      <c r="U8" s="261">
        <v>92</v>
      </c>
      <c r="V8" s="261">
        <v>92</v>
      </c>
      <c r="W8" s="258">
        <v>457</v>
      </c>
      <c r="X8" s="263">
        <v>457</v>
      </c>
      <c r="Y8" s="257">
        <v>0</v>
      </c>
      <c r="Z8" s="261">
        <v>0</v>
      </c>
      <c r="AA8" s="258">
        <v>0</v>
      </c>
      <c r="AB8" s="260">
        <v>0</v>
      </c>
      <c r="AC8" s="261">
        <v>1912</v>
      </c>
      <c r="AD8" s="261">
        <v>1377</v>
      </c>
      <c r="AE8" s="261">
        <v>765</v>
      </c>
      <c r="AF8" s="261">
        <v>430</v>
      </c>
      <c r="AG8" s="261">
        <v>205</v>
      </c>
      <c r="AH8" s="258">
        <v>4689</v>
      </c>
      <c r="AI8" s="263">
        <v>4689</v>
      </c>
      <c r="AJ8" s="257">
        <v>1</v>
      </c>
      <c r="AK8" s="261">
        <v>1</v>
      </c>
      <c r="AL8" s="258">
        <v>2</v>
      </c>
      <c r="AM8" s="260">
        <v>0</v>
      </c>
      <c r="AN8" s="261">
        <v>176</v>
      </c>
      <c r="AO8" s="261">
        <v>209</v>
      </c>
      <c r="AP8" s="261">
        <v>232</v>
      </c>
      <c r="AQ8" s="261">
        <v>127</v>
      </c>
      <c r="AR8" s="261">
        <v>102</v>
      </c>
      <c r="AS8" s="258">
        <v>846</v>
      </c>
      <c r="AT8" s="263">
        <v>848</v>
      </c>
      <c r="AU8" s="257">
        <v>30</v>
      </c>
      <c r="AV8" s="261">
        <v>29</v>
      </c>
      <c r="AW8" s="258">
        <v>59</v>
      </c>
      <c r="AX8" s="260">
        <v>0</v>
      </c>
      <c r="AY8" s="261">
        <v>236</v>
      </c>
      <c r="AZ8" s="261">
        <v>217</v>
      </c>
      <c r="BA8" s="261">
        <v>181</v>
      </c>
      <c r="BB8" s="261">
        <v>144</v>
      </c>
      <c r="BC8" s="261">
        <v>71</v>
      </c>
      <c r="BD8" s="258">
        <v>849</v>
      </c>
      <c r="BE8" s="263">
        <v>908</v>
      </c>
      <c r="BF8" s="257">
        <v>0</v>
      </c>
      <c r="BG8" s="261">
        <v>6</v>
      </c>
      <c r="BH8" s="258">
        <v>6</v>
      </c>
      <c r="BI8" s="260">
        <v>0</v>
      </c>
      <c r="BJ8" s="261">
        <v>462</v>
      </c>
      <c r="BK8" s="261">
        <v>564</v>
      </c>
      <c r="BL8" s="261">
        <v>551</v>
      </c>
      <c r="BM8" s="261">
        <v>351</v>
      </c>
      <c r="BN8" s="261">
        <v>272</v>
      </c>
      <c r="BO8" s="262">
        <v>2200</v>
      </c>
      <c r="BP8" s="263">
        <v>2206</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4</v>
      </c>
      <c r="CG8" s="261">
        <v>5</v>
      </c>
      <c r="CH8" s="261">
        <v>69</v>
      </c>
      <c r="CI8" s="261">
        <v>94</v>
      </c>
      <c r="CJ8" s="261">
        <v>69</v>
      </c>
      <c r="CK8" s="258">
        <v>241</v>
      </c>
      <c r="CL8" s="263">
        <v>241</v>
      </c>
      <c r="CM8" s="257">
        <v>0</v>
      </c>
      <c r="CN8" s="261">
        <v>0</v>
      </c>
      <c r="CO8" s="258">
        <v>0</v>
      </c>
      <c r="CP8" s="260">
        <v>0</v>
      </c>
      <c r="CQ8" s="261">
        <v>72</v>
      </c>
      <c r="CR8" s="261">
        <v>92</v>
      </c>
      <c r="CS8" s="261">
        <v>75</v>
      </c>
      <c r="CT8" s="261">
        <v>93</v>
      </c>
      <c r="CU8" s="261">
        <v>94</v>
      </c>
      <c r="CV8" s="258">
        <v>426</v>
      </c>
      <c r="CW8" s="263">
        <v>426</v>
      </c>
    </row>
    <row r="9" spans="1:101" ht="21" customHeight="1" x14ac:dyDescent="0.2">
      <c r="B9" s="472" t="s">
        <v>14</v>
      </c>
      <c r="C9" s="257">
        <v>0</v>
      </c>
      <c r="D9" s="258">
        <v>0</v>
      </c>
      <c r="E9" s="259">
        <v>0</v>
      </c>
      <c r="F9" s="260">
        <v>0</v>
      </c>
      <c r="G9" s="261">
        <v>32</v>
      </c>
      <c r="H9" s="261">
        <v>32</v>
      </c>
      <c r="I9" s="261">
        <v>24</v>
      </c>
      <c r="J9" s="261">
        <v>27</v>
      </c>
      <c r="K9" s="261">
        <v>32</v>
      </c>
      <c r="L9" s="262">
        <v>147</v>
      </c>
      <c r="M9" s="263">
        <v>147</v>
      </c>
      <c r="N9" s="257">
        <v>0</v>
      </c>
      <c r="O9" s="261">
        <v>0</v>
      </c>
      <c r="P9" s="258">
        <v>0</v>
      </c>
      <c r="Q9" s="260">
        <v>0</v>
      </c>
      <c r="R9" s="261">
        <v>0</v>
      </c>
      <c r="S9" s="261">
        <v>0</v>
      </c>
      <c r="T9" s="261">
        <v>0</v>
      </c>
      <c r="U9" s="261">
        <v>0</v>
      </c>
      <c r="V9" s="261">
        <v>0</v>
      </c>
      <c r="W9" s="258">
        <v>0</v>
      </c>
      <c r="X9" s="263">
        <v>0</v>
      </c>
      <c r="Y9" s="257">
        <v>0</v>
      </c>
      <c r="Z9" s="261">
        <v>0</v>
      </c>
      <c r="AA9" s="258">
        <v>0</v>
      </c>
      <c r="AB9" s="260">
        <v>0</v>
      </c>
      <c r="AC9" s="261">
        <v>1029</v>
      </c>
      <c r="AD9" s="261">
        <v>1198</v>
      </c>
      <c r="AE9" s="261">
        <v>561</v>
      </c>
      <c r="AF9" s="261">
        <v>260</v>
      </c>
      <c r="AG9" s="261">
        <v>115</v>
      </c>
      <c r="AH9" s="258">
        <v>3163</v>
      </c>
      <c r="AI9" s="263">
        <v>3163</v>
      </c>
      <c r="AJ9" s="257">
        <v>1</v>
      </c>
      <c r="AK9" s="261">
        <v>0</v>
      </c>
      <c r="AL9" s="258">
        <v>1</v>
      </c>
      <c r="AM9" s="260">
        <v>0</v>
      </c>
      <c r="AN9" s="261">
        <v>15</v>
      </c>
      <c r="AO9" s="261">
        <v>23</v>
      </c>
      <c r="AP9" s="261">
        <v>39</v>
      </c>
      <c r="AQ9" s="261">
        <v>23</v>
      </c>
      <c r="AR9" s="261">
        <v>18</v>
      </c>
      <c r="AS9" s="258">
        <v>118</v>
      </c>
      <c r="AT9" s="263">
        <v>119</v>
      </c>
      <c r="AU9" s="257">
        <v>19</v>
      </c>
      <c r="AV9" s="261">
        <v>28</v>
      </c>
      <c r="AW9" s="258">
        <v>47</v>
      </c>
      <c r="AX9" s="260">
        <v>0</v>
      </c>
      <c r="AY9" s="261">
        <v>116</v>
      </c>
      <c r="AZ9" s="261">
        <v>147</v>
      </c>
      <c r="BA9" s="261">
        <v>122</v>
      </c>
      <c r="BB9" s="261">
        <v>85</v>
      </c>
      <c r="BC9" s="261">
        <v>23</v>
      </c>
      <c r="BD9" s="258">
        <v>493</v>
      </c>
      <c r="BE9" s="263">
        <v>540</v>
      </c>
      <c r="BF9" s="257">
        <v>0</v>
      </c>
      <c r="BG9" s="261">
        <v>2</v>
      </c>
      <c r="BH9" s="258">
        <v>2</v>
      </c>
      <c r="BI9" s="260">
        <v>0</v>
      </c>
      <c r="BJ9" s="261">
        <v>210</v>
      </c>
      <c r="BK9" s="261">
        <v>285</v>
      </c>
      <c r="BL9" s="261">
        <v>379</v>
      </c>
      <c r="BM9" s="261">
        <v>211</v>
      </c>
      <c r="BN9" s="261">
        <v>143</v>
      </c>
      <c r="BO9" s="262">
        <v>1228</v>
      </c>
      <c r="BP9" s="263">
        <v>1230</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2</v>
      </c>
      <c r="CH9" s="261">
        <v>13</v>
      </c>
      <c r="CI9" s="261">
        <v>27</v>
      </c>
      <c r="CJ9" s="261">
        <v>12</v>
      </c>
      <c r="CK9" s="258">
        <v>54</v>
      </c>
      <c r="CL9" s="263">
        <v>54</v>
      </c>
      <c r="CM9" s="257">
        <v>0</v>
      </c>
      <c r="CN9" s="261">
        <v>0</v>
      </c>
      <c r="CO9" s="258">
        <v>0</v>
      </c>
      <c r="CP9" s="260">
        <v>0</v>
      </c>
      <c r="CQ9" s="261">
        <v>8</v>
      </c>
      <c r="CR9" s="261">
        <v>26</v>
      </c>
      <c r="CS9" s="261">
        <v>29</v>
      </c>
      <c r="CT9" s="261">
        <v>41</v>
      </c>
      <c r="CU9" s="261">
        <v>37</v>
      </c>
      <c r="CV9" s="258">
        <v>141</v>
      </c>
      <c r="CW9" s="263">
        <v>141</v>
      </c>
    </row>
    <row r="10" spans="1:101" ht="21" customHeight="1" x14ac:dyDescent="0.2">
      <c r="B10" s="472" t="s">
        <v>7</v>
      </c>
      <c r="C10" s="257">
        <v>0</v>
      </c>
      <c r="D10" s="258">
        <v>0</v>
      </c>
      <c r="E10" s="259">
        <v>0</v>
      </c>
      <c r="F10" s="260">
        <v>0</v>
      </c>
      <c r="G10" s="261">
        <v>7</v>
      </c>
      <c r="H10" s="261">
        <v>12</v>
      </c>
      <c r="I10" s="261">
        <v>9</v>
      </c>
      <c r="J10" s="261">
        <v>12</v>
      </c>
      <c r="K10" s="261">
        <v>6</v>
      </c>
      <c r="L10" s="262">
        <v>46</v>
      </c>
      <c r="M10" s="263">
        <v>46</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1142</v>
      </c>
      <c r="AD10" s="261">
        <v>662</v>
      </c>
      <c r="AE10" s="261">
        <v>283</v>
      </c>
      <c r="AF10" s="261">
        <v>117</v>
      </c>
      <c r="AG10" s="261">
        <v>57</v>
      </c>
      <c r="AH10" s="258">
        <v>2261</v>
      </c>
      <c r="AI10" s="263">
        <v>2261</v>
      </c>
      <c r="AJ10" s="257">
        <v>0</v>
      </c>
      <c r="AK10" s="261">
        <v>0</v>
      </c>
      <c r="AL10" s="258">
        <v>0</v>
      </c>
      <c r="AM10" s="260">
        <v>0</v>
      </c>
      <c r="AN10" s="261">
        <v>88</v>
      </c>
      <c r="AO10" s="261">
        <v>99</v>
      </c>
      <c r="AP10" s="261">
        <v>98</v>
      </c>
      <c r="AQ10" s="261">
        <v>46</v>
      </c>
      <c r="AR10" s="261">
        <v>20</v>
      </c>
      <c r="AS10" s="258">
        <v>351</v>
      </c>
      <c r="AT10" s="263">
        <v>351</v>
      </c>
      <c r="AU10" s="257">
        <v>2</v>
      </c>
      <c r="AV10" s="261">
        <v>3</v>
      </c>
      <c r="AW10" s="258">
        <v>5</v>
      </c>
      <c r="AX10" s="260">
        <v>0</v>
      </c>
      <c r="AY10" s="261">
        <v>45</v>
      </c>
      <c r="AZ10" s="261">
        <v>34</v>
      </c>
      <c r="BA10" s="261">
        <v>36</v>
      </c>
      <c r="BB10" s="261">
        <v>20</v>
      </c>
      <c r="BC10" s="261">
        <v>6</v>
      </c>
      <c r="BD10" s="258">
        <v>141</v>
      </c>
      <c r="BE10" s="263">
        <v>146</v>
      </c>
      <c r="BF10" s="257">
        <v>0</v>
      </c>
      <c r="BG10" s="261">
        <v>1</v>
      </c>
      <c r="BH10" s="258">
        <v>1</v>
      </c>
      <c r="BI10" s="260">
        <v>0</v>
      </c>
      <c r="BJ10" s="261">
        <v>125</v>
      </c>
      <c r="BK10" s="261">
        <v>154</v>
      </c>
      <c r="BL10" s="261">
        <v>152</v>
      </c>
      <c r="BM10" s="261">
        <v>132</v>
      </c>
      <c r="BN10" s="261">
        <v>78</v>
      </c>
      <c r="BO10" s="262">
        <v>641</v>
      </c>
      <c r="BP10" s="263">
        <v>642</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9</v>
      </c>
      <c r="CR10" s="261">
        <v>8</v>
      </c>
      <c r="CS10" s="261">
        <v>5</v>
      </c>
      <c r="CT10" s="261">
        <v>13</v>
      </c>
      <c r="CU10" s="261">
        <v>25</v>
      </c>
      <c r="CV10" s="258">
        <v>60</v>
      </c>
      <c r="CW10" s="263">
        <v>60</v>
      </c>
    </row>
    <row r="11" spans="1:101" ht="21" customHeight="1" x14ac:dyDescent="0.2">
      <c r="B11" s="472" t="s">
        <v>8</v>
      </c>
      <c r="C11" s="257">
        <v>0</v>
      </c>
      <c r="D11" s="258">
        <v>0</v>
      </c>
      <c r="E11" s="259">
        <v>0</v>
      </c>
      <c r="F11" s="260">
        <v>0</v>
      </c>
      <c r="G11" s="261">
        <v>5</v>
      </c>
      <c r="H11" s="261">
        <v>5</v>
      </c>
      <c r="I11" s="261">
        <v>1</v>
      </c>
      <c r="J11" s="261">
        <v>6</v>
      </c>
      <c r="K11" s="261">
        <v>2</v>
      </c>
      <c r="L11" s="262">
        <v>19</v>
      </c>
      <c r="M11" s="263">
        <v>19</v>
      </c>
      <c r="N11" s="257">
        <v>0</v>
      </c>
      <c r="O11" s="261">
        <v>0</v>
      </c>
      <c r="P11" s="258">
        <v>0</v>
      </c>
      <c r="Q11" s="260">
        <v>0</v>
      </c>
      <c r="R11" s="261">
        <v>2</v>
      </c>
      <c r="S11" s="261">
        <v>2</v>
      </c>
      <c r="T11" s="261">
        <v>0</v>
      </c>
      <c r="U11" s="261">
        <v>1</v>
      </c>
      <c r="V11" s="261">
        <v>3</v>
      </c>
      <c r="W11" s="258">
        <v>8</v>
      </c>
      <c r="X11" s="263">
        <v>8</v>
      </c>
      <c r="Y11" s="257">
        <v>0</v>
      </c>
      <c r="Z11" s="261">
        <v>0</v>
      </c>
      <c r="AA11" s="258">
        <v>0</v>
      </c>
      <c r="AB11" s="260">
        <v>0</v>
      </c>
      <c r="AC11" s="261">
        <v>605</v>
      </c>
      <c r="AD11" s="261">
        <v>515</v>
      </c>
      <c r="AE11" s="261">
        <v>236</v>
      </c>
      <c r="AF11" s="261">
        <v>101</v>
      </c>
      <c r="AG11" s="261">
        <v>55</v>
      </c>
      <c r="AH11" s="258">
        <v>1512</v>
      </c>
      <c r="AI11" s="263">
        <v>1512</v>
      </c>
      <c r="AJ11" s="257">
        <v>0</v>
      </c>
      <c r="AK11" s="261">
        <v>0</v>
      </c>
      <c r="AL11" s="258">
        <v>0</v>
      </c>
      <c r="AM11" s="260">
        <v>0</v>
      </c>
      <c r="AN11" s="261">
        <v>9</v>
      </c>
      <c r="AO11" s="261">
        <v>9</v>
      </c>
      <c r="AP11" s="261">
        <v>11</v>
      </c>
      <c r="AQ11" s="261">
        <v>10</v>
      </c>
      <c r="AR11" s="261">
        <v>9</v>
      </c>
      <c r="AS11" s="258">
        <v>48</v>
      </c>
      <c r="AT11" s="263">
        <v>48</v>
      </c>
      <c r="AU11" s="257">
        <v>9</v>
      </c>
      <c r="AV11" s="261">
        <v>13</v>
      </c>
      <c r="AW11" s="258">
        <v>22</v>
      </c>
      <c r="AX11" s="260">
        <v>0</v>
      </c>
      <c r="AY11" s="261">
        <v>67</v>
      </c>
      <c r="AZ11" s="261">
        <v>47</v>
      </c>
      <c r="BA11" s="261">
        <v>40</v>
      </c>
      <c r="BB11" s="261">
        <v>28</v>
      </c>
      <c r="BC11" s="261">
        <v>11</v>
      </c>
      <c r="BD11" s="258">
        <v>193</v>
      </c>
      <c r="BE11" s="263">
        <v>215</v>
      </c>
      <c r="BF11" s="257">
        <v>0</v>
      </c>
      <c r="BG11" s="261">
        <v>0</v>
      </c>
      <c r="BH11" s="258">
        <v>0</v>
      </c>
      <c r="BI11" s="260">
        <v>0</v>
      </c>
      <c r="BJ11" s="261">
        <v>60</v>
      </c>
      <c r="BK11" s="261">
        <v>71</v>
      </c>
      <c r="BL11" s="261">
        <v>78</v>
      </c>
      <c r="BM11" s="261">
        <v>63</v>
      </c>
      <c r="BN11" s="261">
        <v>31</v>
      </c>
      <c r="BO11" s="262">
        <v>303</v>
      </c>
      <c r="BP11" s="263">
        <v>303</v>
      </c>
      <c r="BQ11" s="257">
        <v>0</v>
      </c>
      <c r="BR11" s="261">
        <v>0</v>
      </c>
      <c r="BS11" s="258">
        <v>0</v>
      </c>
      <c r="BT11" s="260">
        <v>0</v>
      </c>
      <c r="BU11" s="261">
        <v>3</v>
      </c>
      <c r="BV11" s="261">
        <v>9</v>
      </c>
      <c r="BW11" s="261">
        <v>13</v>
      </c>
      <c r="BX11" s="261">
        <v>17</v>
      </c>
      <c r="BY11" s="261">
        <v>5</v>
      </c>
      <c r="BZ11" s="258">
        <v>47</v>
      </c>
      <c r="CA11" s="263">
        <v>47</v>
      </c>
      <c r="CB11" s="257">
        <v>0</v>
      </c>
      <c r="CC11" s="261">
        <v>0</v>
      </c>
      <c r="CD11" s="258">
        <v>0</v>
      </c>
      <c r="CE11" s="260">
        <v>0</v>
      </c>
      <c r="CF11" s="261">
        <v>0</v>
      </c>
      <c r="CG11" s="261">
        <v>1</v>
      </c>
      <c r="CH11" s="261">
        <v>10</v>
      </c>
      <c r="CI11" s="261">
        <v>21</v>
      </c>
      <c r="CJ11" s="261">
        <v>11</v>
      </c>
      <c r="CK11" s="258">
        <v>43</v>
      </c>
      <c r="CL11" s="263">
        <v>43</v>
      </c>
      <c r="CM11" s="257">
        <v>0</v>
      </c>
      <c r="CN11" s="261">
        <v>0</v>
      </c>
      <c r="CO11" s="258">
        <v>0</v>
      </c>
      <c r="CP11" s="260">
        <v>0</v>
      </c>
      <c r="CQ11" s="261">
        <v>11</v>
      </c>
      <c r="CR11" s="261">
        <v>11</v>
      </c>
      <c r="CS11" s="261">
        <v>18</v>
      </c>
      <c r="CT11" s="261">
        <v>11</v>
      </c>
      <c r="CU11" s="261">
        <v>5</v>
      </c>
      <c r="CV11" s="258">
        <v>56</v>
      </c>
      <c r="CW11" s="263">
        <v>56</v>
      </c>
    </row>
    <row r="12" spans="1:101" ht="21" customHeight="1" x14ac:dyDescent="0.2">
      <c r="B12" s="472" t="s">
        <v>9</v>
      </c>
      <c r="C12" s="257">
        <v>0</v>
      </c>
      <c r="D12" s="258">
        <v>0</v>
      </c>
      <c r="E12" s="259">
        <v>0</v>
      </c>
      <c r="F12" s="260">
        <v>0</v>
      </c>
      <c r="G12" s="261">
        <v>0</v>
      </c>
      <c r="H12" s="261">
        <v>5</v>
      </c>
      <c r="I12" s="261">
        <v>4</v>
      </c>
      <c r="J12" s="261">
        <v>15</v>
      </c>
      <c r="K12" s="261">
        <v>5</v>
      </c>
      <c r="L12" s="262">
        <v>29</v>
      </c>
      <c r="M12" s="263">
        <v>29</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72</v>
      </c>
      <c r="AD12" s="261">
        <v>267</v>
      </c>
      <c r="AE12" s="261">
        <v>170</v>
      </c>
      <c r="AF12" s="261">
        <v>98</v>
      </c>
      <c r="AG12" s="261">
        <v>36</v>
      </c>
      <c r="AH12" s="258">
        <v>1043</v>
      </c>
      <c r="AI12" s="263">
        <v>1043</v>
      </c>
      <c r="AJ12" s="257">
        <v>0</v>
      </c>
      <c r="AK12" s="261">
        <v>0</v>
      </c>
      <c r="AL12" s="258">
        <v>0</v>
      </c>
      <c r="AM12" s="260">
        <v>0</v>
      </c>
      <c r="AN12" s="261">
        <v>4</v>
      </c>
      <c r="AO12" s="261">
        <v>6</v>
      </c>
      <c r="AP12" s="261">
        <v>8</v>
      </c>
      <c r="AQ12" s="261">
        <v>2</v>
      </c>
      <c r="AR12" s="261">
        <v>7</v>
      </c>
      <c r="AS12" s="258">
        <v>27</v>
      </c>
      <c r="AT12" s="263">
        <v>27</v>
      </c>
      <c r="AU12" s="257">
        <v>6</v>
      </c>
      <c r="AV12" s="261">
        <v>4</v>
      </c>
      <c r="AW12" s="258">
        <v>10</v>
      </c>
      <c r="AX12" s="260">
        <v>0</v>
      </c>
      <c r="AY12" s="261">
        <v>31</v>
      </c>
      <c r="AZ12" s="261">
        <v>35</v>
      </c>
      <c r="BA12" s="261">
        <v>21</v>
      </c>
      <c r="BB12" s="261">
        <v>18</v>
      </c>
      <c r="BC12" s="261">
        <v>10</v>
      </c>
      <c r="BD12" s="258">
        <v>115</v>
      </c>
      <c r="BE12" s="263">
        <v>125</v>
      </c>
      <c r="BF12" s="257">
        <v>0</v>
      </c>
      <c r="BG12" s="261">
        <v>3</v>
      </c>
      <c r="BH12" s="258">
        <v>3</v>
      </c>
      <c r="BI12" s="260">
        <v>0</v>
      </c>
      <c r="BJ12" s="261">
        <v>33</v>
      </c>
      <c r="BK12" s="261">
        <v>52</v>
      </c>
      <c r="BL12" s="261">
        <v>80</v>
      </c>
      <c r="BM12" s="261">
        <v>59</v>
      </c>
      <c r="BN12" s="261">
        <v>29</v>
      </c>
      <c r="BO12" s="262">
        <v>253</v>
      </c>
      <c r="BP12" s="263">
        <v>256</v>
      </c>
      <c r="BQ12" s="257">
        <v>0</v>
      </c>
      <c r="BR12" s="261">
        <v>0</v>
      </c>
      <c r="BS12" s="258">
        <v>0</v>
      </c>
      <c r="BT12" s="260">
        <v>0</v>
      </c>
      <c r="BU12" s="261">
        <v>2</v>
      </c>
      <c r="BV12" s="261">
        <v>3</v>
      </c>
      <c r="BW12" s="261">
        <v>6</v>
      </c>
      <c r="BX12" s="261">
        <v>9</v>
      </c>
      <c r="BY12" s="261">
        <v>6</v>
      </c>
      <c r="BZ12" s="258">
        <v>26</v>
      </c>
      <c r="CA12" s="263">
        <v>26</v>
      </c>
      <c r="CB12" s="257">
        <v>0</v>
      </c>
      <c r="CC12" s="261">
        <v>0</v>
      </c>
      <c r="CD12" s="258">
        <v>0</v>
      </c>
      <c r="CE12" s="260">
        <v>0</v>
      </c>
      <c r="CF12" s="261">
        <v>0</v>
      </c>
      <c r="CG12" s="261">
        <v>0</v>
      </c>
      <c r="CH12" s="261">
        <v>0</v>
      </c>
      <c r="CI12" s="261">
        <v>1</v>
      </c>
      <c r="CJ12" s="261">
        <v>0</v>
      </c>
      <c r="CK12" s="258">
        <v>1</v>
      </c>
      <c r="CL12" s="263">
        <v>1</v>
      </c>
      <c r="CM12" s="257">
        <v>0</v>
      </c>
      <c r="CN12" s="261">
        <v>0</v>
      </c>
      <c r="CO12" s="258">
        <v>0</v>
      </c>
      <c r="CP12" s="260">
        <v>0</v>
      </c>
      <c r="CQ12" s="261">
        <v>5</v>
      </c>
      <c r="CR12" s="261">
        <v>6</v>
      </c>
      <c r="CS12" s="261">
        <v>9</v>
      </c>
      <c r="CT12" s="261">
        <v>10</v>
      </c>
      <c r="CU12" s="261">
        <v>13</v>
      </c>
      <c r="CV12" s="258">
        <v>43</v>
      </c>
      <c r="CW12" s="263">
        <v>43</v>
      </c>
    </row>
    <row r="13" spans="1:101" ht="21" customHeight="1" x14ac:dyDescent="0.2">
      <c r="B13" s="472" t="s">
        <v>10</v>
      </c>
      <c r="C13" s="257">
        <v>0</v>
      </c>
      <c r="D13" s="258">
        <v>0</v>
      </c>
      <c r="E13" s="259">
        <v>0</v>
      </c>
      <c r="F13" s="260">
        <v>0</v>
      </c>
      <c r="G13" s="261">
        <v>16</v>
      </c>
      <c r="H13" s="261">
        <v>19</v>
      </c>
      <c r="I13" s="261">
        <v>12</v>
      </c>
      <c r="J13" s="261">
        <v>18</v>
      </c>
      <c r="K13" s="261">
        <v>13</v>
      </c>
      <c r="L13" s="262">
        <v>78</v>
      </c>
      <c r="M13" s="263">
        <v>78</v>
      </c>
      <c r="N13" s="257">
        <v>0</v>
      </c>
      <c r="O13" s="261">
        <v>0</v>
      </c>
      <c r="P13" s="258">
        <v>0</v>
      </c>
      <c r="Q13" s="260">
        <v>0</v>
      </c>
      <c r="R13" s="261">
        <v>12</v>
      </c>
      <c r="S13" s="261">
        <v>6</v>
      </c>
      <c r="T13" s="261">
        <v>10</v>
      </c>
      <c r="U13" s="261">
        <v>9</v>
      </c>
      <c r="V13" s="261">
        <v>5</v>
      </c>
      <c r="W13" s="258">
        <v>42</v>
      </c>
      <c r="X13" s="263">
        <v>42</v>
      </c>
      <c r="Y13" s="257">
        <v>0</v>
      </c>
      <c r="Z13" s="261">
        <v>0</v>
      </c>
      <c r="AA13" s="258">
        <v>0</v>
      </c>
      <c r="AB13" s="260">
        <v>0</v>
      </c>
      <c r="AC13" s="261">
        <v>551</v>
      </c>
      <c r="AD13" s="261">
        <v>265</v>
      </c>
      <c r="AE13" s="261">
        <v>121</v>
      </c>
      <c r="AF13" s="261">
        <v>63</v>
      </c>
      <c r="AG13" s="261">
        <v>27</v>
      </c>
      <c r="AH13" s="258">
        <v>1027</v>
      </c>
      <c r="AI13" s="263">
        <v>1027</v>
      </c>
      <c r="AJ13" s="257">
        <v>0</v>
      </c>
      <c r="AK13" s="261">
        <v>1</v>
      </c>
      <c r="AL13" s="258">
        <v>1</v>
      </c>
      <c r="AM13" s="260">
        <v>0</v>
      </c>
      <c r="AN13" s="261">
        <v>7</v>
      </c>
      <c r="AO13" s="261">
        <v>13</v>
      </c>
      <c r="AP13" s="261">
        <v>24</v>
      </c>
      <c r="AQ13" s="261">
        <v>10</v>
      </c>
      <c r="AR13" s="261">
        <v>11</v>
      </c>
      <c r="AS13" s="258">
        <v>65</v>
      </c>
      <c r="AT13" s="263">
        <v>66</v>
      </c>
      <c r="AU13" s="257">
        <v>10</v>
      </c>
      <c r="AV13" s="261">
        <v>18</v>
      </c>
      <c r="AW13" s="258">
        <v>28</v>
      </c>
      <c r="AX13" s="260">
        <v>0</v>
      </c>
      <c r="AY13" s="261">
        <v>89</v>
      </c>
      <c r="AZ13" s="261">
        <v>73</v>
      </c>
      <c r="BA13" s="261">
        <v>64</v>
      </c>
      <c r="BB13" s="261">
        <v>52</v>
      </c>
      <c r="BC13" s="261">
        <v>41</v>
      </c>
      <c r="BD13" s="258">
        <v>319</v>
      </c>
      <c r="BE13" s="263">
        <v>347</v>
      </c>
      <c r="BF13" s="257">
        <v>0</v>
      </c>
      <c r="BG13" s="261">
        <v>3</v>
      </c>
      <c r="BH13" s="258">
        <v>3</v>
      </c>
      <c r="BI13" s="260">
        <v>0</v>
      </c>
      <c r="BJ13" s="261">
        <v>95</v>
      </c>
      <c r="BK13" s="261">
        <v>118</v>
      </c>
      <c r="BL13" s="261">
        <v>121</v>
      </c>
      <c r="BM13" s="261">
        <v>87</v>
      </c>
      <c r="BN13" s="261">
        <v>92</v>
      </c>
      <c r="BO13" s="262">
        <v>513</v>
      </c>
      <c r="BP13" s="263">
        <v>516</v>
      </c>
      <c r="BQ13" s="257">
        <v>0</v>
      </c>
      <c r="BR13" s="261">
        <v>0</v>
      </c>
      <c r="BS13" s="258">
        <v>0</v>
      </c>
      <c r="BT13" s="260">
        <v>0</v>
      </c>
      <c r="BU13" s="261">
        <v>33</v>
      </c>
      <c r="BV13" s="261">
        <v>21</v>
      </c>
      <c r="BW13" s="261">
        <v>38</v>
      </c>
      <c r="BX13" s="261">
        <v>28</v>
      </c>
      <c r="BY13" s="261">
        <v>32</v>
      </c>
      <c r="BZ13" s="258">
        <v>152</v>
      </c>
      <c r="CA13" s="263">
        <v>152</v>
      </c>
      <c r="CB13" s="257">
        <v>0</v>
      </c>
      <c r="CC13" s="261">
        <v>0</v>
      </c>
      <c r="CD13" s="258">
        <v>0</v>
      </c>
      <c r="CE13" s="260">
        <v>0</v>
      </c>
      <c r="CF13" s="261">
        <v>0</v>
      </c>
      <c r="CG13" s="261">
        <v>1</v>
      </c>
      <c r="CH13" s="261">
        <v>3</v>
      </c>
      <c r="CI13" s="261">
        <v>22</v>
      </c>
      <c r="CJ13" s="261">
        <v>18</v>
      </c>
      <c r="CK13" s="258">
        <v>44</v>
      </c>
      <c r="CL13" s="263">
        <v>44</v>
      </c>
      <c r="CM13" s="257">
        <v>0</v>
      </c>
      <c r="CN13" s="261">
        <v>0</v>
      </c>
      <c r="CO13" s="258">
        <v>0</v>
      </c>
      <c r="CP13" s="260">
        <v>0</v>
      </c>
      <c r="CQ13" s="261">
        <v>20</v>
      </c>
      <c r="CR13" s="261">
        <v>34</v>
      </c>
      <c r="CS13" s="261">
        <v>28</v>
      </c>
      <c r="CT13" s="261">
        <v>45</v>
      </c>
      <c r="CU13" s="261">
        <v>29</v>
      </c>
      <c r="CV13" s="258">
        <v>156</v>
      </c>
      <c r="CW13" s="263">
        <v>156</v>
      </c>
    </row>
    <row r="14" spans="1:101" ht="21" customHeight="1" x14ac:dyDescent="0.2">
      <c r="B14" s="472" t="s">
        <v>11</v>
      </c>
      <c r="C14" s="257">
        <v>0</v>
      </c>
      <c r="D14" s="258">
        <v>0</v>
      </c>
      <c r="E14" s="259">
        <v>0</v>
      </c>
      <c r="F14" s="260">
        <v>0</v>
      </c>
      <c r="G14" s="261">
        <v>12</v>
      </c>
      <c r="H14" s="261">
        <v>8</v>
      </c>
      <c r="I14" s="261">
        <v>6</v>
      </c>
      <c r="J14" s="261">
        <v>8</v>
      </c>
      <c r="K14" s="261">
        <v>6</v>
      </c>
      <c r="L14" s="262">
        <v>40</v>
      </c>
      <c r="M14" s="263">
        <v>40</v>
      </c>
      <c r="N14" s="257">
        <v>0</v>
      </c>
      <c r="O14" s="261">
        <v>0</v>
      </c>
      <c r="P14" s="258">
        <v>0</v>
      </c>
      <c r="Q14" s="260">
        <v>0</v>
      </c>
      <c r="R14" s="261">
        <v>15</v>
      </c>
      <c r="S14" s="261">
        <v>14</v>
      </c>
      <c r="T14" s="261">
        <v>13</v>
      </c>
      <c r="U14" s="261">
        <v>11</v>
      </c>
      <c r="V14" s="261">
        <v>5</v>
      </c>
      <c r="W14" s="258">
        <v>58</v>
      </c>
      <c r="X14" s="263">
        <v>58</v>
      </c>
      <c r="Y14" s="257">
        <v>0</v>
      </c>
      <c r="Z14" s="261">
        <v>0</v>
      </c>
      <c r="AA14" s="258">
        <v>0</v>
      </c>
      <c r="AB14" s="260">
        <v>0</v>
      </c>
      <c r="AC14" s="261">
        <v>522</v>
      </c>
      <c r="AD14" s="261">
        <v>279</v>
      </c>
      <c r="AE14" s="261">
        <v>160</v>
      </c>
      <c r="AF14" s="261">
        <v>64</v>
      </c>
      <c r="AG14" s="261">
        <v>29</v>
      </c>
      <c r="AH14" s="258">
        <v>1054</v>
      </c>
      <c r="AI14" s="263">
        <v>1054</v>
      </c>
      <c r="AJ14" s="257">
        <v>1</v>
      </c>
      <c r="AK14" s="261">
        <v>0</v>
      </c>
      <c r="AL14" s="258">
        <v>1</v>
      </c>
      <c r="AM14" s="260">
        <v>0</v>
      </c>
      <c r="AN14" s="261">
        <v>21</v>
      </c>
      <c r="AO14" s="261">
        <v>14</v>
      </c>
      <c r="AP14" s="261">
        <v>16</v>
      </c>
      <c r="AQ14" s="261">
        <v>0</v>
      </c>
      <c r="AR14" s="261">
        <v>1</v>
      </c>
      <c r="AS14" s="258">
        <v>52</v>
      </c>
      <c r="AT14" s="263">
        <v>53</v>
      </c>
      <c r="AU14" s="257">
        <v>1</v>
      </c>
      <c r="AV14" s="261">
        <v>5</v>
      </c>
      <c r="AW14" s="258">
        <v>6</v>
      </c>
      <c r="AX14" s="260">
        <v>0</v>
      </c>
      <c r="AY14" s="261">
        <v>33</v>
      </c>
      <c r="AZ14" s="261">
        <v>32</v>
      </c>
      <c r="BA14" s="261">
        <v>36</v>
      </c>
      <c r="BB14" s="261">
        <v>20</v>
      </c>
      <c r="BC14" s="261">
        <v>3</v>
      </c>
      <c r="BD14" s="258">
        <v>124</v>
      </c>
      <c r="BE14" s="263">
        <v>130</v>
      </c>
      <c r="BF14" s="257">
        <v>0</v>
      </c>
      <c r="BG14" s="261">
        <v>3</v>
      </c>
      <c r="BH14" s="258">
        <v>3</v>
      </c>
      <c r="BI14" s="260">
        <v>0</v>
      </c>
      <c r="BJ14" s="261">
        <v>49</v>
      </c>
      <c r="BK14" s="261">
        <v>74</v>
      </c>
      <c r="BL14" s="261">
        <v>82</v>
      </c>
      <c r="BM14" s="261">
        <v>55</v>
      </c>
      <c r="BN14" s="261">
        <v>21</v>
      </c>
      <c r="BO14" s="262">
        <v>281</v>
      </c>
      <c r="BP14" s="263">
        <v>284</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1</v>
      </c>
      <c r="CH14" s="261">
        <v>0</v>
      </c>
      <c r="CI14" s="261">
        <v>0</v>
      </c>
      <c r="CJ14" s="261">
        <v>0</v>
      </c>
      <c r="CK14" s="258">
        <v>1</v>
      </c>
      <c r="CL14" s="263">
        <v>1</v>
      </c>
      <c r="CM14" s="257">
        <v>0</v>
      </c>
      <c r="CN14" s="261">
        <v>0</v>
      </c>
      <c r="CO14" s="258">
        <v>0</v>
      </c>
      <c r="CP14" s="260">
        <v>0</v>
      </c>
      <c r="CQ14" s="261">
        <v>6</v>
      </c>
      <c r="CR14" s="261">
        <v>6</v>
      </c>
      <c r="CS14" s="261">
        <v>4</v>
      </c>
      <c r="CT14" s="261">
        <v>7</v>
      </c>
      <c r="CU14" s="261">
        <v>2</v>
      </c>
      <c r="CV14" s="258">
        <v>25</v>
      </c>
      <c r="CW14" s="263">
        <v>25</v>
      </c>
    </row>
    <row r="15" spans="1:101" ht="21" customHeight="1" x14ac:dyDescent="0.2">
      <c r="B15" s="472" t="s">
        <v>12</v>
      </c>
      <c r="C15" s="257">
        <v>0</v>
      </c>
      <c r="D15" s="258">
        <v>0</v>
      </c>
      <c r="E15" s="259">
        <v>0</v>
      </c>
      <c r="F15" s="260">
        <v>0</v>
      </c>
      <c r="G15" s="261">
        <v>11</v>
      </c>
      <c r="H15" s="261">
        <v>6</v>
      </c>
      <c r="I15" s="261">
        <v>1</v>
      </c>
      <c r="J15" s="261">
        <v>3</v>
      </c>
      <c r="K15" s="261">
        <v>7</v>
      </c>
      <c r="L15" s="262">
        <v>28</v>
      </c>
      <c r="M15" s="263">
        <v>28</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385</v>
      </c>
      <c r="AD15" s="261">
        <v>245</v>
      </c>
      <c r="AE15" s="261">
        <v>142</v>
      </c>
      <c r="AF15" s="261">
        <v>76</v>
      </c>
      <c r="AG15" s="261">
        <v>29</v>
      </c>
      <c r="AH15" s="258">
        <v>877</v>
      </c>
      <c r="AI15" s="263">
        <v>877</v>
      </c>
      <c r="AJ15" s="257">
        <v>0</v>
      </c>
      <c r="AK15" s="261">
        <v>0</v>
      </c>
      <c r="AL15" s="258">
        <v>0</v>
      </c>
      <c r="AM15" s="260">
        <v>0</v>
      </c>
      <c r="AN15" s="261">
        <v>3</v>
      </c>
      <c r="AO15" s="261">
        <v>3</v>
      </c>
      <c r="AP15" s="261">
        <v>1</v>
      </c>
      <c r="AQ15" s="261">
        <v>2</v>
      </c>
      <c r="AR15" s="261">
        <v>1</v>
      </c>
      <c r="AS15" s="258">
        <v>10</v>
      </c>
      <c r="AT15" s="263">
        <v>10</v>
      </c>
      <c r="AU15" s="257">
        <v>0</v>
      </c>
      <c r="AV15" s="261">
        <v>1</v>
      </c>
      <c r="AW15" s="258">
        <v>1</v>
      </c>
      <c r="AX15" s="260">
        <v>0</v>
      </c>
      <c r="AY15" s="261">
        <v>22</v>
      </c>
      <c r="AZ15" s="261">
        <v>38</v>
      </c>
      <c r="BA15" s="261">
        <v>43</v>
      </c>
      <c r="BB15" s="261">
        <v>36</v>
      </c>
      <c r="BC15" s="261">
        <v>24</v>
      </c>
      <c r="BD15" s="258">
        <v>163</v>
      </c>
      <c r="BE15" s="263">
        <v>164</v>
      </c>
      <c r="BF15" s="257">
        <v>0</v>
      </c>
      <c r="BG15" s="261">
        <v>0</v>
      </c>
      <c r="BH15" s="258">
        <v>0</v>
      </c>
      <c r="BI15" s="260">
        <v>0</v>
      </c>
      <c r="BJ15" s="261">
        <v>33</v>
      </c>
      <c r="BK15" s="261">
        <v>57</v>
      </c>
      <c r="BL15" s="261">
        <v>40</v>
      </c>
      <c r="BM15" s="261">
        <v>37</v>
      </c>
      <c r="BN15" s="261">
        <v>37</v>
      </c>
      <c r="BO15" s="262">
        <v>204</v>
      </c>
      <c r="BP15" s="263">
        <v>204</v>
      </c>
      <c r="BQ15" s="257">
        <v>0</v>
      </c>
      <c r="BR15" s="261">
        <v>0</v>
      </c>
      <c r="BS15" s="258">
        <v>0</v>
      </c>
      <c r="BT15" s="260">
        <v>0</v>
      </c>
      <c r="BU15" s="261">
        <v>0</v>
      </c>
      <c r="BV15" s="261">
        <v>6</v>
      </c>
      <c r="BW15" s="261">
        <v>8</v>
      </c>
      <c r="BX15" s="261">
        <v>10</v>
      </c>
      <c r="BY15" s="261">
        <v>4</v>
      </c>
      <c r="BZ15" s="258">
        <v>28</v>
      </c>
      <c r="CA15" s="263">
        <v>28</v>
      </c>
      <c r="CB15" s="257">
        <v>0</v>
      </c>
      <c r="CC15" s="261">
        <v>0</v>
      </c>
      <c r="CD15" s="258">
        <v>0</v>
      </c>
      <c r="CE15" s="260">
        <v>0</v>
      </c>
      <c r="CF15" s="261">
        <v>0</v>
      </c>
      <c r="CG15" s="261">
        <v>0</v>
      </c>
      <c r="CH15" s="261">
        <v>10</v>
      </c>
      <c r="CI15" s="261">
        <v>12</v>
      </c>
      <c r="CJ15" s="261">
        <v>8</v>
      </c>
      <c r="CK15" s="258">
        <v>30</v>
      </c>
      <c r="CL15" s="263">
        <v>30</v>
      </c>
      <c r="CM15" s="257">
        <v>0</v>
      </c>
      <c r="CN15" s="261">
        <v>0</v>
      </c>
      <c r="CO15" s="258">
        <v>0</v>
      </c>
      <c r="CP15" s="260">
        <v>0</v>
      </c>
      <c r="CQ15" s="261">
        <v>6</v>
      </c>
      <c r="CR15" s="261">
        <v>19</v>
      </c>
      <c r="CS15" s="261">
        <v>24</v>
      </c>
      <c r="CT15" s="261">
        <v>21</v>
      </c>
      <c r="CU15" s="261">
        <v>16</v>
      </c>
      <c r="CV15" s="258">
        <v>86</v>
      </c>
      <c r="CW15" s="263">
        <v>86</v>
      </c>
    </row>
    <row r="16" spans="1:101" ht="21" customHeight="1" x14ac:dyDescent="0.2">
      <c r="B16" s="472" t="s">
        <v>13</v>
      </c>
      <c r="C16" s="257">
        <v>0</v>
      </c>
      <c r="D16" s="258">
        <v>0</v>
      </c>
      <c r="E16" s="259">
        <v>0</v>
      </c>
      <c r="F16" s="260">
        <v>0</v>
      </c>
      <c r="G16" s="261">
        <v>1</v>
      </c>
      <c r="H16" s="261">
        <v>1</v>
      </c>
      <c r="I16" s="261">
        <v>2</v>
      </c>
      <c r="J16" s="261">
        <v>1</v>
      </c>
      <c r="K16" s="261">
        <v>1</v>
      </c>
      <c r="L16" s="262">
        <v>6</v>
      </c>
      <c r="M16" s="263">
        <v>6</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62</v>
      </c>
      <c r="AD16" s="261">
        <v>136</v>
      </c>
      <c r="AE16" s="261">
        <v>74</v>
      </c>
      <c r="AF16" s="261">
        <v>35</v>
      </c>
      <c r="AG16" s="261">
        <v>16</v>
      </c>
      <c r="AH16" s="258">
        <v>423</v>
      </c>
      <c r="AI16" s="263">
        <v>423</v>
      </c>
      <c r="AJ16" s="257">
        <v>0</v>
      </c>
      <c r="AK16" s="261">
        <v>0</v>
      </c>
      <c r="AL16" s="258">
        <v>0</v>
      </c>
      <c r="AM16" s="260">
        <v>0</v>
      </c>
      <c r="AN16" s="261">
        <v>2</v>
      </c>
      <c r="AO16" s="261">
        <v>8</v>
      </c>
      <c r="AP16" s="261">
        <v>6</v>
      </c>
      <c r="AQ16" s="261">
        <v>5</v>
      </c>
      <c r="AR16" s="261">
        <v>4</v>
      </c>
      <c r="AS16" s="258">
        <v>25</v>
      </c>
      <c r="AT16" s="263">
        <v>25</v>
      </c>
      <c r="AU16" s="257">
        <v>2</v>
      </c>
      <c r="AV16" s="261">
        <v>3</v>
      </c>
      <c r="AW16" s="258">
        <v>5</v>
      </c>
      <c r="AX16" s="260">
        <v>0</v>
      </c>
      <c r="AY16" s="261">
        <v>10</v>
      </c>
      <c r="AZ16" s="261">
        <v>11</v>
      </c>
      <c r="BA16" s="261">
        <v>7</v>
      </c>
      <c r="BB16" s="261">
        <v>1</v>
      </c>
      <c r="BC16" s="261">
        <v>0</v>
      </c>
      <c r="BD16" s="258">
        <v>29</v>
      </c>
      <c r="BE16" s="263">
        <v>34</v>
      </c>
      <c r="BF16" s="257">
        <v>0</v>
      </c>
      <c r="BG16" s="261">
        <v>0</v>
      </c>
      <c r="BH16" s="258">
        <v>0</v>
      </c>
      <c r="BI16" s="260">
        <v>0</v>
      </c>
      <c r="BJ16" s="261">
        <v>10</v>
      </c>
      <c r="BK16" s="261">
        <v>19</v>
      </c>
      <c r="BL16" s="261">
        <v>24</v>
      </c>
      <c r="BM16" s="261">
        <v>18</v>
      </c>
      <c r="BN16" s="261">
        <v>9</v>
      </c>
      <c r="BO16" s="262">
        <v>80</v>
      </c>
      <c r="BP16" s="263">
        <v>80</v>
      </c>
      <c r="BQ16" s="257">
        <v>0</v>
      </c>
      <c r="BR16" s="261">
        <v>0</v>
      </c>
      <c r="BS16" s="258">
        <v>0</v>
      </c>
      <c r="BT16" s="260">
        <v>0</v>
      </c>
      <c r="BU16" s="261">
        <v>0</v>
      </c>
      <c r="BV16" s="261">
        <v>1</v>
      </c>
      <c r="BW16" s="261">
        <v>2</v>
      </c>
      <c r="BX16" s="261">
        <v>5</v>
      </c>
      <c r="BY16" s="261">
        <v>3</v>
      </c>
      <c r="BZ16" s="258">
        <v>11</v>
      </c>
      <c r="CA16" s="263">
        <v>1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2</v>
      </c>
      <c r="I17" s="261">
        <v>3</v>
      </c>
      <c r="J17" s="261">
        <v>4</v>
      </c>
      <c r="K17" s="261">
        <v>5</v>
      </c>
      <c r="L17" s="262">
        <v>15</v>
      </c>
      <c r="M17" s="263">
        <v>15</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148</v>
      </c>
      <c r="AD17" s="261">
        <v>189</v>
      </c>
      <c r="AE17" s="261">
        <v>78</v>
      </c>
      <c r="AF17" s="261">
        <v>32</v>
      </c>
      <c r="AG17" s="261">
        <v>18</v>
      </c>
      <c r="AH17" s="258">
        <v>465</v>
      </c>
      <c r="AI17" s="263">
        <v>465</v>
      </c>
      <c r="AJ17" s="257">
        <v>0</v>
      </c>
      <c r="AK17" s="261">
        <v>0</v>
      </c>
      <c r="AL17" s="258">
        <v>0</v>
      </c>
      <c r="AM17" s="260">
        <v>0</v>
      </c>
      <c r="AN17" s="261">
        <v>5</v>
      </c>
      <c r="AO17" s="261">
        <v>4</v>
      </c>
      <c r="AP17" s="261">
        <v>7</v>
      </c>
      <c r="AQ17" s="261">
        <v>4</v>
      </c>
      <c r="AR17" s="261">
        <v>4</v>
      </c>
      <c r="AS17" s="258">
        <v>24</v>
      </c>
      <c r="AT17" s="263">
        <v>24</v>
      </c>
      <c r="AU17" s="257">
        <v>3</v>
      </c>
      <c r="AV17" s="261">
        <v>11</v>
      </c>
      <c r="AW17" s="258">
        <v>14</v>
      </c>
      <c r="AX17" s="260">
        <v>0</v>
      </c>
      <c r="AY17" s="261">
        <v>24</v>
      </c>
      <c r="AZ17" s="261">
        <v>16</v>
      </c>
      <c r="BA17" s="261">
        <v>12</v>
      </c>
      <c r="BB17" s="261">
        <v>7</v>
      </c>
      <c r="BC17" s="261">
        <v>6</v>
      </c>
      <c r="BD17" s="258">
        <v>65</v>
      </c>
      <c r="BE17" s="263">
        <v>79</v>
      </c>
      <c r="BF17" s="257">
        <v>0</v>
      </c>
      <c r="BG17" s="261">
        <v>4</v>
      </c>
      <c r="BH17" s="258">
        <v>4</v>
      </c>
      <c r="BI17" s="260">
        <v>0</v>
      </c>
      <c r="BJ17" s="261">
        <v>36</v>
      </c>
      <c r="BK17" s="261">
        <v>39</v>
      </c>
      <c r="BL17" s="261">
        <v>38</v>
      </c>
      <c r="BM17" s="261">
        <v>24</v>
      </c>
      <c r="BN17" s="261">
        <v>15</v>
      </c>
      <c r="BO17" s="262">
        <v>152</v>
      </c>
      <c r="BP17" s="263">
        <v>156</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7</v>
      </c>
      <c r="CI17" s="261">
        <v>15</v>
      </c>
      <c r="CJ17" s="261">
        <v>6</v>
      </c>
      <c r="CK17" s="258">
        <v>28</v>
      </c>
      <c r="CL17" s="263">
        <v>28</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8</v>
      </c>
      <c r="H18" s="261">
        <v>13</v>
      </c>
      <c r="I18" s="261">
        <v>16</v>
      </c>
      <c r="J18" s="261">
        <v>8</v>
      </c>
      <c r="K18" s="261">
        <v>10</v>
      </c>
      <c r="L18" s="262">
        <v>55</v>
      </c>
      <c r="M18" s="263">
        <v>55</v>
      </c>
      <c r="N18" s="257">
        <v>0</v>
      </c>
      <c r="O18" s="261">
        <v>0</v>
      </c>
      <c r="P18" s="258">
        <v>0</v>
      </c>
      <c r="Q18" s="260">
        <v>0</v>
      </c>
      <c r="R18" s="261">
        <v>0</v>
      </c>
      <c r="S18" s="261">
        <v>1</v>
      </c>
      <c r="T18" s="261">
        <v>3</v>
      </c>
      <c r="U18" s="261">
        <v>5</v>
      </c>
      <c r="V18" s="261">
        <v>1</v>
      </c>
      <c r="W18" s="258">
        <v>10</v>
      </c>
      <c r="X18" s="263">
        <v>10</v>
      </c>
      <c r="Y18" s="257">
        <v>0</v>
      </c>
      <c r="Z18" s="261">
        <v>0</v>
      </c>
      <c r="AA18" s="258">
        <v>0</v>
      </c>
      <c r="AB18" s="260">
        <v>0</v>
      </c>
      <c r="AC18" s="261">
        <v>173</v>
      </c>
      <c r="AD18" s="261">
        <v>175</v>
      </c>
      <c r="AE18" s="261">
        <v>85</v>
      </c>
      <c r="AF18" s="261">
        <v>44</v>
      </c>
      <c r="AG18" s="261">
        <v>16</v>
      </c>
      <c r="AH18" s="258">
        <v>493</v>
      </c>
      <c r="AI18" s="263">
        <v>493</v>
      </c>
      <c r="AJ18" s="257">
        <v>0</v>
      </c>
      <c r="AK18" s="261">
        <v>0</v>
      </c>
      <c r="AL18" s="258">
        <v>0</v>
      </c>
      <c r="AM18" s="260">
        <v>0</v>
      </c>
      <c r="AN18" s="261">
        <v>5</v>
      </c>
      <c r="AO18" s="261">
        <v>12</v>
      </c>
      <c r="AP18" s="261">
        <v>7</v>
      </c>
      <c r="AQ18" s="261">
        <v>2</v>
      </c>
      <c r="AR18" s="261">
        <v>3</v>
      </c>
      <c r="AS18" s="258">
        <v>29</v>
      </c>
      <c r="AT18" s="263">
        <v>29</v>
      </c>
      <c r="AU18" s="257">
        <v>2</v>
      </c>
      <c r="AV18" s="261">
        <v>2</v>
      </c>
      <c r="AW18" s="258">
        <v>4</v>
      </c>
      <c r="AX18" s="260">
        <v>0</v>
      </c>
      <c r="AY18" s="261">
        <v>18</v>
      </c>
      <c r="AZ18" s="261">
        <v>26</v>
      </c>
      <c r="BA18" s="261">
        <v>18</v>
      </c>
      <c r="BB18" s="261">
        <v>21</v>
      </c>
      <c r="BC18" s="261">
        <v>6</v>
      </c>
      <c r="BD18" s="258">
        <v>89</v>
      </c>
      <c r="BE18" s="263">
        <v>93</v>
      </c>
      <c r="BF18" s="257">
        <v>0</v>
      </c>
      <c r="BG18" s="261">
        <v>0</v>
      </c>
      <c r="BH18" s="258">
        <v>0</v>
      </c>
      <c r="BI18" s="260">
        <v>0</v>
      </c>
      <c r="BJ18" s="261">
        <v>14</v>
      </c>
      <c r="BK18" s="261">
        <v>39</v>
      </c>
      <c r="BL18" s="261">
        <v>64</v>
      </c>
      <c r="BM18" s="261">
        <v>32</v>
      </c>
      <c r="BN18" s="261">
        <v>39</v>
      </c>
      <c r="BO18" s="262">
        <v>188</v>
      </c>
      <c r="BP18" s="263">
        <v>188</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3</v>
      </c>
      <c r="CH18" s="261">
        <v>8</v>
      </c>
      <c r="CI18" s="261">
        <v>8</v>
      </c>
      <c r="CJ18" s="261">
        <v>12</v>
      </c>
      <c r="CK18" s="258">
        <v>31</v>
      </c>
      <c r="CL18" s="263">
        <v>31</v>
      </c>
      <c r="CM18" s="257">
        <v>0</v>
      </c>
      <c r="CN18" s="261">
        <v>0</v>
      </c>
      <c r="CO18" s="258">
        <v>0</v>
      </c>
      <c r="CP18" s="260">
        <v>0</v>
      </c>
      <c r="CQ18" s="261">
        <v>1</v>
      </c>
      <c r="CR18" s="261">
        <v>6</v>
      </c>
      <c r="CS18" s="261">
        <v>5</v>
      </c>
      <c r="CT18" s="261">
        <v>2</v>
      </c>
      <c r="CU18" s="261">
        <v>5</v>
      </c>
      <c r="CV18" s="258">
        <v>19</v>
      </c>
      <c r="CW18" s="263">
        <v>19</v>
      </c>
    </row>
    <row r="19" spans="2:101" ht="21" customHeight="1" x14ac:dyDescent="0.2">
      <c r="B19" s="472" t="s">
        <v>17</v>
      </c>
      <c r="C19" s="257">
        <v>0</v>
      </c>
      <c r="D19" s="258">
        <v>0</v>
      </c>
      <c r="E19" s="259">
        <v>0</v>
      </c>
      <c r="F19" s="260">
        <v>0</v>
      </c>
      <c r="G19" s="261">
        <v>3</v>
      </c>
      <c r="H19" s="261">
        <v>2</v>
      </c>
      <c r="I19" s="261">
        <v>4</v>
      </c>
      <c r="J19" s="261">
        <v>5</v>
      </c>
      <c r="K19" s="261">
        <v>1</v>
      </c>
      <c r="L19" s="262">
        <v>15</v>
      </c>
      <c r="M19" s="263">
        <v>15</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75</v>
      </c>
      <c r="AD19" s="261">
        <v>310</v>
      </c>
      <c r="AE19" s="261">
        <v>142</v>
      </c>
      <c r="AF19" s="261">
        <v>93</v>
      </c>
      <c r="AG19" s="261">
        <v>42</v>
      </c>
      <c r="AH19" s="258">
        <v>862</v>
      </c>
      <c r="AI19" s="263">
        <v>862</v>
      </c>
      <c r="AJ19" s="257">
        <v>1</v>
      </c>
      <c r="AK19" s="261">
        <v>2</v>
      </c>
      <c r="AL19" s="258">
        <v>3</v>
      </c>
      <c r="AM19" s="260">
        <v>0</v>
      </c>
      <c r="AN19" s="261">
        <v>19</v>
      </c>
      <c r="AO19" s="261">
        <v>20</v>
      </c>
      <c r="AP19" s="261">
        <v>13</v>
      </c>
      <c r="AQ19" s="261">
        <v>16</v>
      </c>
      <c r="AR19" s="261">
        <v>5</v>
      </c>
      <c r="AS19" s="258">
        <v>73</v>
      </c>
      <c r="AT19" s="263">
        <v>76</v>
      </c>
      <c r="AU19" s="257">
        <v>0</v>
      </c>
      <c r="AV19" s="261">
        <v>2</v>
      </c>
      <c r="AW19" s="258">
        <v>2</v>
      </c>
      <c r="AX19" s="260">
        <v>0</v>
      </c>
      <c r="AY19" s="261">
        <v>17</v>
      </c>
      <c r="AZ19" s="261">
        <v>28</v>
      </c>
      <c r="BA19" s="261">
        <v>35</v>
      </c>
      <c r="BB19" s="261">
        <v>28</v>
      </c>
      <c r="BC19" s="261">
        <v>13</v>
      </c>
      <c r="BD19" s="258">
        <v>121</v>
      </c>
      <c r="BE19" s="263">
        <v>123</v>
      </c>
      <c r="BF19" s="257">
        <v>0</v>
      </c>
      <c r="BG19" s="261">
        <v>0</v>
      </c>
      <c r="BH19" s="258">
        <v>0</v>
      </c>
      <c r="BI19" s="260">
        <v>0</v>
      </c>
      <c r="BJ19" s="261">
        <v>46</v>
      </c>
      <c r="BK19" s="261">
        <v>58</v>
      </c>
      <c r="BL19" s="261">
        <v>72</v>
      </c>
      <c r="BM19" s="261">
        <v>43</v>
      </c>
      <c r="BN19" s="261">
        <v>28</v>
      </c>
      <c r="BO19" s="262">
        <v>247</v>
      </c>
      <c r="BP19" s="263">
        <v>247</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2</v>
      </c>
      <c r="CH19" s="261">
        <v>28</v>
      </c>
      <c r="CI19" s="261">
        <v>41</v>
      </c>
      <c r="CJ19" s="261">
        <v>35</v>
      </c>
      <c r="CK19" s="258">
        <v>106</v>
      </c>
      <c r="CL19" s="263">
        <v>106</v>
      </c>
      <c r="CM19" s="257">
        <v>0</v>
      </c>
      <c r="CN19" s="261">
        <v>0</v>
      </c>
      <c r="CO19" s="258">
        <v>0</v>
      </c>
      <c r="CP19" s="260">
        <v>0</v>
      </c>
      <c r="CQ19" s="261">
        <v>1</v>
      </c>
      <c r="CR19" s="261">
        <v>2</v>
      </c>
      <c r="CS19" s="261">
        <v>2</v>
      </c>
      <c r="CT19" s="261">
        <v>5</v>
      </c>
      <c r="CU19" s="261">
        <v>9</v>
      </c>
      <c r="CV19" s="258">
        <v>19</v>
      </c>
      <c r="CW19" s="263">
        <v>19</v>
      </c>
    </row>
    <row r="20" spans="2:101" ht="21" customHeight="1" x14ac:dyDescent="0.2">
      <c r="B20" s="472" t="s">
        <v>18</v>
      </c>
      <c r="C20" s="257">
        <v>0</v>
      </c>
      <c r="D20" s="258">
        <v>0</v>
      </c>
      <c r="E20" s="259">
        <v>0</v>
      </c>
      <c r="F20" s="260">
        <v>0</v>
      </c>
      <c r="G20" s="261">
        <v>1</v>
      </c>
      <c r="H20" s="261">
        <v>4</v>
      </c>
      <c r="I20" s="261">
        <v>2</v>
      </c>
      <c r="J20" s="261">
        <v>1</v>
      </c>
      <c r="K20" s="261">
        <v>1</v>
      </c>
      <c r="L20" s="262">
        <v>9</v>
      </c>
      <c r="M20" s="263">
        <v>9</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311</v>
      </c>
      <c r="AD20" s="261">
        <v>199</v>
      </c>
      <c r="AE20" s="261">
        <v>86</v>
      </c>
      <c r="AF20" s="261">
        <v>37</v>
      </c>
      <c r="AG20" s="261">
        <v>7</v>
      </c>
      <c r="AH20" s="258">
        <v>640</v>
      </c>
      <c r="AI20" s="263">
        <v>640</v>
      </c>
      <c r="AJ20" s="257">
        <v>0</v>
      </c>
      <c r="AK20" s="261">
        <v>0</v>
      </c>
      <c r="AL20" s="258">
        <v>0</v>
      </c>
      <c r="AM20" s="260">
        <v>0</v>
      </c>
      <c r="AN20" s="261">
        <v>8</v>
      </c>
      <c r="AO20" s="261">
        <v>7</v>
      </c>
      <c r="AP20" s="261">
        <v>28</v>
      </c>
      <c r="AQ20" s="261">
        <v>13</v>
      </c>
      <c r="AR20" s="261">
        <v>10</v>
      </c>
      <c r="AS20" s="258">
        <v>66</v>
      </c>
      <c r="AT20" s="263">
        <v>66</v>
      </c>
      <c r="AU20" s="257">
        <v>6</v>
      </c>
      <c r="AV20" s="261">
        <v>14</v>
      </c>
      <c r="AW20" s="258">
        <v>20</v>
      </c>
      <c r="AX20" s="260">
        <v>0</v>
      </c>
      <c r="AY20" s="261">
        <v>43</v>
      </c>
      <c r="AZ20" s="261">
        <v>47</v>
      </c>
      <c r="BA20" s="261">
        <v>47</v>
      </c>
      <c r="BB20" s="261">
        <v>18</v>
      </c>
      <c r="BC20" s="261">
        <v>9</v>
      </c>
      <c r="BD20" s="258">
        <v>164</v>
      </c>
      <c r="BE20" s="263">
        <v>184</v>
      </c>
      <c r="BF20" s="257">
        <v>0</v>
      </c>
      <c r="BG20" s="261">
        <v>3</v>
      </c>
      <c r="BH20" s="258">
        <v>3</v>
      </c>
      <c r="BI20" s="260">
        <v>0</v>
      </c>
      <c r="BJ20" s="261">
        <v>53</v>
      </c>
      <c r="BK20" s="261">
        <v>69</v>
      </c>
      <c r="BL20" s="261">
        <v>95</v>
      </c>
      <c r="BM20" s="261">
        <v>57</v>
      </c>
      <c r="BN20" s="261">
        <v>26</v>
      </c>
      <c r="BO20" s="262">
        <v>300</v>
      </c>
      <c r="BP20" s="263">
        <v>303</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2</v>
      </c>
      <c r="CH20" s="261">
        <v>4</v>
      </c>
      <c r="CI20" s="261">
        <v>18</v>
      </c>
      <c r="CJ20" s="261">
        <v>4</v>
      </c>
      <c r="CK20" s="258">
        <v>28</v>
      </c>
      <c r="CL20" s="263">
        <v>28</v>
      </c>
      <c r="CM20" s="257">
        <v>0</v>
      </c>
      <c r="CN20" s="261">
        <v>0</v>
      </c>
      <c r="CO20" s="258">
        <v>0</v>
      </c>
      <c r="CP20" s="260">
        <v>0</v>
      </c>
      <c r="CQ20" s="261">
        <v>5</v>
      </c>
      <c r="CR20" s="261">
        <v>13</v>
      </c>
      <c r="CS20" s="261">
        <v>15</v>
      </c>
      <c r="CT20" s="261">
        <v>15</v>
      </c>
      <c r="CU20" s="261">
        <v>25</v>
      </c>
      <c r="CV20" s="258">
        <v>73</v>
      </c>
      <c r="CW20" s="263">
        <v>73</v>
      </c>
    </row>
    <row r="21" spans="2:101" ht="21" customHeight="1" x14ac:dyDescent="0.2">
      <c r="B21" s="472" t="s">
        <v>19</v>
      </c>
      <c r="C21" s="257">
        <v>0</v>
      </c>
      <c r="D21" s="258">
        <v>0</v>
      </c>
      <c r="E21" s="259">
        <v>0</v>
      </c>
      <c r="F21" s="260">
        <v>0</v>
      </c>
      <c r="G21" s="261">
        <v>13</v>
      </c>
      <c r="H21" s="261">
        <v>9</v>
      </c>
      <c r="I21" s="261">
        <v>6</v>
      </c>
      <c r="J21" s="261">
        <v>4</v>
      </c>
      <c r="K21" s="261">
        <v>5</v>
      </c>
      <c r="L21" s="262">
        <v>37</v>
      </c>
      <c r="M21" s="263">
        <v>37</v>
      </c>
      <c r="N21" s="257">
        <v>0</v>
      </c>
      <c r="O21" s="261">
        <v>0</v>
      </c>
      <c r="P21" s="258">
        <v>0</v>
      </c>
      <c r="Q21" s="260">
        <v>0</v>
      </c>
      <c r="R21" s="261">
        <v>1</v>
      </c>
      <c r="S21" s="261">
        <v>2</v>
      </c>
      <c r="T21" s="261">
        <v>4</v>
      </c>
      <c r="U21" s="261">
        <v>2</v>
      </c>
      <c r="V21" s="261">
        <v>1</v>
      </c>
      <c r="W21" s="258">
        <v>10</v>
      </c>
      <c r="X21" s="263">
        <v>10</v>
      </c>
      <c r="Y21" s="257">
        <v>0</v>
      </c>
      <c r="Z21" s="261">
        <v>0</v>
      </c>
      <c r="AA21" s="258">
        <v>0</v>
      </c>
      <c r="AB21" s="260">
        <v>0</v>
      </c>
      <c r="AC21" s="261">
        <v>138</v>
      </c>
      <c r="AD21" s="261">
        <v>105</v>
      </c>
      <c r="AE21" s="261">
        <v>47</v>
      </c>
      <c r="AF21" s="261">
        <v>22</v>
      </c>
      <c r="AG21" s="261">
        <v>11</v>
      </c>
      <c r="AH21" s="258">
        <v>323</v>
      </c>
      <c r="AI21" s="263">
        <v>323</v>
      </c>
      <c r="AJ21" s="257">
        <v>0</v>
      </c>
      <c r="AK21" s="261">
        <v>0</v>
      </c>
      <c r="AL21" s="258">
        <v>0</v>
      </c>
      <c r="AM21" s="260">
        <v>0</v>
      </c>
      <c r="AN21" s="261">
        <v>14</v>
      </c>
      <c r="AO21" s="261">
        <v>21</v>
      </c>
      <c r="AP21" s="261">
        <v>20</v>
      </c>
      <c r="AQ21" s="261">
        <v>3</v>
      </c>
      <c r="AR21" s="261">
        <v>5</v>
      </c>
      <c r="AS21" s="258">
        <v>63</v>
      </c>
      <c r="AT21" s="263">
        <v>63</v>
      </c>
      <c r="AU21" s="257">
        <v>0</v>
      </c>
      <c r="AV21" s="261">
        <v>4</v>
      </c>
      <c r="AW21" s="258">
        <v>4</v>
      </c>
      <c r="AX21" s="260">
        <v>0</v>
      </c>
      <c r="AY21" s="261">
        <v>20</v>
      </c>
      <c r="AZ21" s="261">
        <v>40</v>
      </c>
      <c r="BA21" s="261">
        <v>30</v>
      </c>
      <c r="BB21" s="261">
        <v>12</v>
      </c>
      <c r="BC21" s="261">
        <v>10</v>
      </c>
      <c r="BD21" s="258">
        <v>112</v>
      </c>
      <c r="BE21" s="263">
        <v>116</v>
      </c>
      <c r="BF21" s="257">
        <v>0</v>
      </c>
      <c r="BG21" s="261">
        <v>0</v>
      </c>
      <c r="BH21" s="258">
        <v>0</v>
      </c>
      <c r="BI21" s="260">
        <v>0</v>
      </c>
      <c r="BJ21" s="261">
        <v>14</v>
      </c>
      <c r="BK21" s="261">
        <v>23</v>
      </c>
      <c r="BL21" s="261">
        <v>34</v>
      </c>
      <c r="BM21" s="261">
        <v>20</v>
      </c>
      <c r="BN21" s="261">
        <v>14</v>
      </c>
      <c r="BO21" s="262">
        <v>105</v>
      </c>
      <c r="BP21" s="263">
        <v>105</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1</v>
      </c>
      <c r="CR21" s="261">
        <v>4</v>
      </c>
      <c r="CS21" s="261">
        <v>6</v>
      </c>
      <c r="CT21" s="261">
        <v>3</v>
      </c>
      <c r="CU21" s="261">
        <v>9</v>
      </c>
      <c r="CV21" s="258">
        <v>23</v>
      </c>
      <c r="CW21" s="263">
        <v>23</v>
      </c>
    </row>
    <row r="22" spans="2:101" ht="21" customHeight="1" x14ac:dyDescent="0.2">
      <c r="B22" s="472" t="s">
        <v>20</v>
      </c>
      <c r="C22" s="257">
        <v>0</v>
      </c>
      <c r="D22" s="258">
        <v>0</v>
      </c>
      <c r="E22" s="259">
        <v>0</v>
      </c>
      <c r="F22" s="260">
        <v>0</v>
      </c>
      <c r="G22" s="261">
        <v>1</v>
      </c>
      <c r="H22" s="261">
        <v>1</v>
      </c>
      <c r="I22" s="261">
        <v>0</v>
      </c>
      <c r="J22" s="261">
        <v>0</v>
      </c>
      <c r="K22" s="261">
        <v>2</v>
      </c>
      <c r="L22" s="262">
        <v>4</v>
      </c>
      <c r="M22" s="263">
        <v>4</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84</v>
      </c>
      <c r="AD22" s="261">
        <v>90</v>
      </c>
      <c r="AE22" s="261">
        <v>57</v>
      </c>
      <c r="AF22" s="261">
        <v>14</v>
      </c>
      <c r="AG22" s="261">
        <v>3</v>
      </c>
      <c r="AH22" s="258">
        <v>348</v>
      </c>
      <c r="AI22" s="263">
        <v>348</v>
      </c>
      <c r="AJ22" s="257">
        <v>0</v>
      </c>
      <c r="AK22" s="261">
        <v>0</v>
      </c>
      <c r="AL22" s="258">
        <v>0</v>
      </c>
      <c r="AM22" s="260">
        <v>0</v>
      </c>
      <c r="AN22" s="261">
        <v>1</v>
      </c>
      <c r="AO22" s="261">
        <v>1</v>
      </c>
      <c r="AP22" s="261">
        <v>3</v>
      </c>
      <c r="AQ22" s="261">
        <v>0</v>
      </c>
      <c r="AR22" s="261">
        <v>2</v>
      </c>
      <c r="AS22" s="258">
        <v>7</v>
      </c>
      <c r="AT22" s="263">
        <v>7</v>
      </c>
      <c r="AU22" s="257">
        <v>0</v>
      </c>
      <c r="AV22" s="261">
        <v>0</v>
      </c>
      <c r="AW22" s="258">
        <v>0</v>
      </c>
      <c r="AX22" s="260">
        <v>0</v>
      </c>
      <c r="AY22" s="261">
        <v>21</v>
      </c>
      <c r="AZ22" s="261">
        <v>7</v>
      </c>
      <c r="BA22" s="261">
        <v>9</v>
      </c>
      <c r="BB22" s="261">
        <v>1</v>
      </c>
      <c r="BC22" s="261">
        <v>1</v>
      </c>
      <c r="BD22" s="258">
        <v>39</v>
      </c>
      <c r="BE22" s="263">
        <v>39</v>
      </c>
      <c r="BF22" s="257">
        <v>0</v>
      </c>
      <c r="BG22" s="261">
        <v>0</v>
      </c>
      <c r="BH22" s="258">
        <v>0</v>
      </c>
      <c r="BI22" s="260">
        <v>0</v>
      </c>
      <c r="BJ22" s="261">
        <v>15</v>
      </c>
      <c r="BK22" s="261">
        <v>31</v>
      </c>
      <c r="BL22" s="261">
        <v>44</v>
      </c>
      <c r="BM22" s="261">
        <v>19</v>
      </c>
      <c r="BN22" s="261">
        <v>18</v>
      </c>
      <c r="BO22" s="262">
        <v>127</v>
      </c>
      <c r="BP22" s="263">
        <v>127</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3</v>
      </c>
      <c r="H23" s="261">
        <v>5</v>
      </c>
      <c r="I23" s="261">
        <v>2</v>
      </c>
      <c r="J23" s="261">
        <v>7</v>
      </c>
      <c r="K23" s="261">
        <v>1</v>
      </c>
      <c r="L23" s="262">
        <v>18</v>
      </c>
      <c r="M23" s="263">
        <v>18</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95</v>
      </c>
      <c r="AD23" s="261">
        <v>182</v>
      </c>
      <c r="AE23" s="261">
        <v>75</v>
      </c>
      <c r="AF23" s="261">
        <v>33</v>
      </c>
      <c r="AG23" s="261">
        <v>10</v>
      </c>
      <c r="AH23" s="258">
        <v>495</v>
      </c>
      <c r="AI23" s="263">
        <v>495</v>
      </c>
      <c r="AJ23" s="257">
        <v>0</v>
      </c>
      <c r="AK23" s="261">
        <v>0</v>
      </c>
      <c r="AL23" s="258">
        <v>0</v>
      </c>
      <c r="AM23" s="260">
        <v>0</v>
      </c>
      <c r="AN23" s="261">
        <v>0</v>
      </c>
      <c r="AO23" s="261">
        <v>0</v>
      </c>
      <c r="AP23" s="261">
        <v>0</v>
      </c>
      <c r="AQ23" s="261">
        <v>2</v>
      </c>
      <c r="AR23" s="261">
        <v>0</v>
      </c>
      <c r="AS23" s="258">
        <v>2</v>
      </c>
      <c r="AT23" s="263">
        <v>2</v>
      </c>
      <c r="AU23" s="257">
        <v>0</v>
      </c>
      <c r="AV23" s="261">
        <v>0</v>
      </c>
      <c r="AW23" s="258">
        <v>0</v>
      </c>
      <c r="AX23" s="260">
        <v>0</v>
      </c>
      <c r="AY23" s="261">
        <v>10</v>
      </c>
      <c r="AZ23" s="261">
        <v>5</v>
      </c>
      <c r="BA23" s="261">
        <v>19</v>
      </c>
      <c r="BB23" s="261">
        <v>7</v>
      </c>
      <c r="BC23" s="261">
        <v>2</v>
      </c>
      <c r="BD23" s="258">
        <v>43</v>
      </c>
      <c r="BE23" s="263">
        <v>43</v>
      </c>
      <c r="BF23" s="257">
        <v>0</v>
      </c>
      <c r="BG23" s="261">
        <v>0</v>
      </c>
      <c r="BH23" s="258">
        <v>0</v>
      </c>
      <c r="BI23" s="260">
        <v>0</v>
      </c>
      <c r="BJ23" s="261">
        <v>20</v>
      </c>
      <c r="BK23" s="261">
        <v>37</v>
      </c>
      <c r="BL23" s="261">
        <v>39</v>
      </c>
      <c r="BM23" s="261">
        <v>12</v>
      </c>
      <c r="BN23" s="261">
        <v>11</v>
      </c>
      <c r="BO23" s="262">
        <v>119</v>
      </c>
      <c r="BP23" s="263">
        <v>119</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2</v>
      </c>
      <c r="CR23" s="261">
        <v>3</v>
      </c>
      <c r="CS23" s="261">
        <v>0</v>
      </c>
      <c r="CT23" s="261">
        <v>2</v>
      </c>
      <c r="CU23" s="261">
        <v>6</v>
      </c>
      <c r="CV23" s="258">
        <v>13</v>
      </c>
      <c r="CW23" s="263">
        <v>13</v>
      </c>
    </row>
    <row r="24" spans="2:101" ht="21" customHeight="1" x14ac:dyDescent="0.2">
      <c r="B24" s="472" t="s">
        <v>22</v>
      </c>
      <c r="C24" s="257">
        <v>0</v>
      </c>
      <c r="D24" s="258">
        <v>0</v>
      </c>
      <c r="E24" s="259">
        <v>0</v>
      </c>
      <c r="F24" s="260">
        <v>0</v>
      </c>
      <c r="G24" s="261">
        <v>1</v>
      </c>
      <c r="H24" s="261">
        <v>7</v>
      </c>
      <c r="I24" s="261">
        <v>3</v>
      </c>
      <c r="J24" s="261">
        <v>2</v>
      </c>
      <c r="K24" s="261">
        <v>0</v>
      </c>
      <c r="L24" s="262">
        <v>13</v>
      </c>
      <c r="M24" s="263">
        <v>13</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113</v>
      </c>
      <c r="AD24" s="261">
        <v>74</v>
      </c>
      <c r="AE24" s="261">
        <v>34</v>
      </c>
      <c r="AF24" s="261">
        <v>22</v>
      </c>
      <c r="AG24" s="261">
        <v>5</v>
      </c>
      <c r="AH24" s="258">
        <v>248</v>
      </c>
      <c r="AI24" s="263">
        <v>248</v>
      </c>
      <c r="AJ24" s="257">
        <v>0</v>
      </c>
      <c r="AK24" s="261">
        <v>0</v>
      </c>
      <c r="AL24" s="258">
        <v>0</v>
      </c>
      <c r="AM24" s="260">
        <v>0</v>
      </c>
      <c r="AN24" s="261">
        <v>3</v>
      </c>
      <c r="AO24" s="261">
        <v>4</v>
      </c>
      <c r="AP24" s="261">
        <v>5</v>
      </c>
      <c r="AQ24" s="261">
        <v>1</v>
      </c>
      <c r="AR24" s="261">
        <v>3</v>
      </c>
      <c r="AS24" s="258">
        <v>16</v>
      </c>
      <c r="AT24" s="263">
        <v>16</v>
      </c>
      <c r="AU24" s="257">
        <v>2</v>
      </c>
      <c r="AV24" s="261">
        <v>3</v>
      </c>
      <c r="AW24" s="258">
        <v>5</v>
      </c>
      <c r="AX24" s="260">
        <v>0</v>
      </c>
      <c r="AY24" s="261">
        <v>21</v>
      </c>
      <c r="AZ24" s="261">
        <v>18</v>
      </c>
      <c r="BA24" s="261">
        <v>12</v>
      </c>
      <c r="BB24" s="261">
        <v>9</v>
      </c>
      <c r="BC24" s="261">
        <v>4</v>
      </c>
      <c r="BD24" s="258">
        <v>64</v>
      </c>
      <c r="BE24" s="263">
        <v>69</v>
      </c>
      <c r="BF24" s="257">
        <v>0</v>
      </c>
      <c r="BG24" s="261">
        <v>0</v>
      </c>
      <c r="BH24" s="258">
        <v>0</v>
      </c>
      <c r="BI24" s="260">
        <v>0</v>
      </c>
      <c r="BJ24" s="261">
        <v>12</v>
      </c>
      <c r="BK24" s="261">
        <v>19</v>
      </c>
      <c r="BL24" s="261">
        <v>12</v>
      </c>
      <c r="BM24" s="261">
        <v>11</v>
      </c>
      <c r="BN24" s="261">
        <v>4</v>
      </c>
      <c r="BO24" s="262">
        <v>58</v>
      </c>
      <c r="BP24" s="263">
        <v>58</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3</v>
      </c>
      <c r="CI24" s="261">
        <v>15</v>
      </c>
      <c r="CJ24" s="261">
        <v>8</v>
      </c>
      <c r="CK24" s="258">
        <v>26</v>
      </c>
      <c r="CL24" s="263">
        <v>26</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1</v>
      </c>
      <c r="I25" s="261">
        <v>0</v>
      </c>
      <c r="J25" s="261">
        <v>0</v>
      </c>
      <c r="K25" s="261">
        <v>2</v>
      </c>
      <c r="L25" s="262">
        <v>3</v>
      </c>
      <c r="M25" s="263">
        <v>3</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52</v>
      </c>
      <c r="AD25" s="261">
        <v>45</v>
      </c>
      <c r="AE25" s="261">
        <v>24</v>
      </c>
      <c r="AF25" s="261">
        <v>14</v>
      </c>
      <c r="AG25" s="261">
        <v>8</v>
      </c>
      <c r="AH25" s="258">
        <v>143</v>
      </c>
      <c r="AI25" s="263">
        <v>143</v>
      </c>
      <c r="AJ25" s="257">
        <v>0</v>
      </c>
      <c r="AK25" s="261">
        <v>0</v>
      </c>
      <c r="AL25" s="258">
        <v>0</v>
      </c>
      <c r="AM25" s="260">
        <v>0</v>
      </c>
      <c r="AN25" s="261">
        <v>0</v>
      </c>
      <c r="AO25" s="261">
        <v>0</v>
      </c>
      <c r="AP25" s="261">
        <v>2</v>
      </c>
      <c r="AQ25" s="261">
        <v>0</v>
      </c>
      <c r="AR25" s="261">
        <v>0</v>
      </c>
      <c r="AS25" s="258">
        <v>2</v>
      </c>
      <c r="AT25" s="263">
        <v>2</v>
      </c>
      <c r="AU25" s="257">
        <v>0</v>
      </c>
      <c r="AV25" s="261">
        <v>0</v>
      </c>
      <c r="AW25" s="258">
        <v>0</v>
      </c>
      <c r="AX25" s="260">
        <v>0</v>
      </c>
      <c r="AY25" s="261">
        <v>5</v>
      </c>
      <c r="AZ25" s="261">
        <v>6</v>
      </c>
      <c r="BA25" s="261">
        <v>2</v>
      </c>
      <c r="BB25" s="261">
        <v>1</v>
      </c>
      <c r="BC25" s="261">
        <v>2</v>
      </c>
      <c r="BD25" s="258">
        <v>16</v>
      </c>
      <c r="BE25" s="263">
        <v>16</v>
      </c>
      <c r="BF25" s="257">
        <v>0</v>
      </c>
      <c r="BG25" s="261">
        <v>0</v>
      </c>
      <c r="BH25" s="258">
        <v>0</v>
      </c>
      <c r="BI25" s="260">
        <v>0</v>
      </c>
      <c r="BJ25" s="261">
        <v>30</v>
      </c>
      <c r="BK25" s="261">
        <v>16</v>
      </c>
      <c r="BL25" s="261">
        <v>19</v>
      </c>
      <c r="BM25" s="261">
        <v>16</v>
      </c>
      <c r="BN25" s="261">
        <v>8</v>
      </c>
      <c r="BO25" s="262">
        <v>89</v>
      </c>
      <c r="BP25" s="263">
        <v>89</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1</v>
      </c>
      <c r="CU25" s="261">
        <v>0</v>
      </c>
      <c r="CV25" s="258">
        <v>1</v>
      </c>
      <c r="CW25" s="263">
        <v>1</v>
      </c>
    </row>
    <row r="26" spans="2:101" ht="21" customHeight="1" x14ac:dyDescent="0.2">
      <c r="B26" s="472" t="s">
        <v>24</v>
      </c>
      <c r="C26" s="257">
        <v>0</v>
      </c>
      <c r="D26" s="258">
        <v>0</v>
      </c>
      <c r="E26" s="259">
        <v>0</v>
      </c>
      <c r="F26" s="260">
        <v>0</v>
      </c>
      <c r="G26" s="261">
        <v>2</v>
      </c>
      <c r="H26" s="261">
        <v>3</v>
      </c>
      <c r="I26" s="261">
        <v>3</v>
      </c>
      <c r="J26" s="261">
        <v>2</v>
      </c>
      <c r="K26" s="261">
        <v>0</v>
      </c>
      <c r="L26" s="262">
        <v>10</v>
      </c>
      <c r="M26" s="263">
        <v>10</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30</v>
      </c>
      <c r="AD26" s="261">
        <v>19</v>
      </c>
      <c r="AE26" s="261">
        <v>16</v>
      </c>
      <c r="AF26" s="261">
        <v>5</v>
      </c>
      <c r="AG26" s="261">
        <v>3</v>
      </c>
      <c r="AH26" s="258">
        <v>73</v>
      </c>
      <c r="AI26" s="263">
        <v>73</v>
      </c>
      <c r="AJ26" s="257">
        <v>0</v>
      </c>
      <c r="AK26" s="261">
        <v>0</v>
      </c>
      <c r="AL26" s="258">
        <v>0</v>
      </c>
      <c r="AM26" s="260">
        <v>0</v>
      </c>
      <c r="AN26" s="261">
        <v>9</v>
      </c>
      <c r="AO26" s="261">
        <v>6</v>
      </c>
      <c r="AP26" s="261">
        <v>6</v>
      </c>
      <c r="AQ26" s="261">
        <v>2</v>
      </c>
      <c r="AR26" s="261">
        <v>1</v>
      </c>
      <c r="AS26" s="258">
        <v>24</v>
      </c>
      <c r="AT26" s="263">
        <v>24</v>
      </c>
      <c r="AU26" s="257">
        <v>1</v>
      </c>
      <c r="AV26" s="261">
        <v>3</v>
      </c>
      <c r="AW26" s="258">
        <v>4</v>
      </c>
      <c r="AX26" s="260">
        <v>0</v>
      </c>
      <c r="AY26" s="261">
        <v>20</v>
      </c>
      <c r="AZ26" s="261">
        <v>8</v>
      </c>
      <c r="BA26" s="261">
        <v>9</v>
      </c>
      <c r="BB26" s="261">
        <v>6</v>
      </c>
      <c r="BC26" s="261">
        <v>1</v>
      </c>
      <c r="BD26" s="258">
        <v>44</v>
      </c>
      <c r="BE26" s="263">
        <v>48</v>
      </c>
      <c r="BF26" s="257">
        <v>0</v>
      </c>
      <c r="BG26" s="261">
        <v>0</v>
      </c>
      <c r="BH26" s="258">
        <v>0</v>
      </c>
      <c r="BI26" s="260">
        <v>0</v>
      </c>
      <c r="BJ26" s="261">
        <v>2</v>
      </c>
      <c r="BK26" s="261">
        <v>2</v>
      </c>
      <c r="BL26" s="261">
        <v>5</v>
      </c>
      <c r="BM26" s="261">
        <v>5</v>
      </c>
      <c r="BN26" s="261">
        <v>3</v>
      </c>
      <c r="BO26" s="262">
        <v>17</v>
      </c>
      <c r="BP26" s="263">
        <v>17</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85</v>
      </c>
      <c r="AD27" s="261">
        <v>35</v>
      </c>
      <c r="AE27" s="261">
        <v>17</v>
      </c>
      <c r="AF27" s="261">
        <v>4</v>
      </c>
      <c r="AG27" s="261">
        <v>1</v>
      </c>
      <c r="AH27" s="258">
        <v>142</v>
      </c>
      <c r="AI27" s="263">
        <v>142</v>
      </c>
      <c r="AJ27" s="257">
        <v>0</v>
      </c>
      <c r="AK27" s="261">
        <v>0</v>
      </c>
      <c r="AL27" s="258">
        <v>0</v>
      </c>
      <c r="AM27" s="260">
        <v>0</v>
      </c>
      <c r="AN27" s="261">
        <v>0</v>
      </c>
      <c r="AO27" s="261">
        <v>0</v>
      </c>
      <c r="AP27" s="261">
        <v>0</v>
      </c>
      <c r="AQ27" s="261">
        <v>0</v>
      </c>
      <c r="AR27" s="261">
        <v>0</v>
      </c>
      <c r="AS27" s="258">
        <v>0</v>
      </c>
      <c r="AT27" s="263">
        <v>0</v>
      </c>
      <c r="AU27" s="257">
        <v>2</v>
      </c>
      <c r="AV27" s="261">
        <v>0</v>
      </c>
      <c r="AW27" s="258">
        <v>2</v>
      </c>
      <c r="AX27" s="260">
        <v>0</v>
      </c>
      <c r="AY27" s="261">
        <v>2</v>
      </c>
      <c r="AZ27" s="261">
        <v>7</v>
      </c>
      <c r="BA27" s="261">
        <v>2</v>
      </c>
      <c r="BB27" s="261">
        <v>3</v>
      </c>
      <c r="BC27" s="261">
        <v>0</v>
      </c>
      <c r="BD27" s="258">
        <v>14</v>
      </c>
      <c r="BE27" s="263">
        <v>16</v>
      </c>
      <c r="BF27" s="257">
        <v>0</v>
      </c>
      <c r="BG27" s="261">
        <v>0</v>
      </c>
      <c r="BH27" s="258">
        <v>0</v>
      </c>
      <c r="BI27" s="260">
        <v>0</v>
      </c>
      <c r="BJ27" s="261">
        <v>10</v>
      </c>
      <c r="BK27" s="261">
        <v>7</v>
      </c>
      <c r="BL27" s="261">
        <v>10</v>
      </c>
      <c r="BM27" s="261">
        <v>6</v>
      </c>
      <c r="BN27" s="261">
        <v>1</v>
      </c>
      <c r="BO27" s="262">
        <v>34</v>
      </c>
      <c r="BP27" s="263">
        <v>34</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49</v>
      </c>
      <c r="AD28" s="261">
        <v>40</v>
      </c>
      <c r="AE28" s="261">
        <v>27</v>
      </c>
      <c r="AF28" s="261">
        <v>6</v>
      </c>
      <c r="AG28" s="261">
        <v>7</v>
      </c>
      <c r="AH28" s="258">
        <v>129</v>
      </c>
      <c r="AI28" s="263">
        <v>129</v>
      </c>
      <c r="AJ28" s="257">
        <v>0</v>
      </c>
      <c r="AK28" s="261">
        <v>0</v>
      </c>
      <c r="AL28" s="258">
        <v>0</v>
      </c>
      <c r="AM28" s="260">
        <v>0</v>
      </c>
      <c r="AN28" s="261">
        <v>1</v>
      </c>
      <c r="AO28" s="261">
        <v>3</v>
      </c>
      <c r="AP28" s="261">
        <v>6</v>
      </c>
      <c r="AQ28" s="261">
        <v>3</v>
      </c>
      <c r="AR28" s="261">
        <v>1</v>
      </c>
      <c r="AS28" s="258">
        <v>14</v>
      </c>
      <c r="AT28" s="263">
        <v>14</v>
      </c>
      <c r="AU28" s="257">
        <v>1</v>
      </c>
      <c r="AV28" s="261">
        <v>1</v>
      </c>
      <c r="AW28" s="258">
        <v>2</v>
      </c>
      <c r="AX28" s="260">
        <v>0</v>
      </c>
      <c r="AY28" s="261">
        <v>5</v>
      </c>
      <c r="AZ28" s="261">
        <v>5</v>
      </c>
      <c r="BA28" s="261">
        <v>4</v>
      </c>
      <c r="BB28" s="261">
        <v>1</v>
      </c>
      <c r="BC28" s="261">
        <v>2</v>
      </c>
      <c r="BD28" s="258">
        <v>17</v>
      </c>
      <c r="BE28" s="263">
        <v>19</v>
      </c>
      <c r="BF28" s="257">
        <v>0</v>
      </c>
      <c r="BG28" s="261">
        <v>0</v>
      </c>
      <c r="BH28" s="258">
        <v>0</v>
      </c>
      <c r="BI28" s="260">
        <v>0</v>
      </c>
      <c r="BJ28" s="261">
        <v>8</v>
      </c>
      <c r="BK28" s="261">
        <v>16</v>
      </c>
      <c r="BL28" s="261">
        <v>21</v>
      </c>
      <c r="BM28" s="261">
        <v>11</v>
      </c>
      <c r="BN28" s="261">
        <v>2</v>
      </c>
      <c r="BO28" s="262">
        <v>58</v>
      </c>
      <c r="BP28" s="263">
        <v>58</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5</v>
      </c>
      <c r="AD29" s="261">
        <v>14</v>
      </c>
      <c r="AE29" s="261">
        <v>8</v>
      </c>
      <c r="AF29" s="261">
        <v>1</v>
      </c>
      <c r="AG29" s="261">
        <v>0</v>
      </c>
      <c r="AH29" s="258">
        <v>58</v>
      </c>
      <c r="AI29" s="263">
        <v>58</v>
      </c>
      <c r="AJ29" s="257">
        <v>0</v>
      </c>
      <c r="AK29" s="261">
        <v>0</v>
      </c>
      <c r="AL29" s="258">
        <v>0</v>
      </c>
      <c r="AM29" s="260">
        <v>0</v>
      </c>
      <c r="AN29" s="261">
        <v>3</v>
      </c>
      <c r="AO29" s="261">
        <v>1</v>
      </c>
      <c r="AP29" s="261">
        <v>1</v>
      </c>
      <c r="AQ29" s="261">
        <v>1</v>
      </c>
      <c r="AR29" s="261">
        <v>1</v>
      </c>
      <c r="AS29" s="258">
        <v>7</v>
      </c>
      <c r="AT29" s="263">
        <v>7</v>
      </c>
      <c r="AU29" s="257">
        <v>0</v>
      </c>
      <c r="AV29" s="261">
        <v>0</v>
      </c>
      <c r="AW29" s="258">
        <v>0</v>
      </c>
      <c r="AX29" s="260">
        <v>0</v>
      </c>
      <c r="AY29" s="261">
        <v>5</v>
      </c>
      <c r="AZ29" s="261">
        <v>2</v>
      </c>
      <c r="BA29" s="261">
        <v>6</v>
      </c>
      <c r="BB29" s="261">
        <v>1</v>
      </c>
      <c r="BC29" s="261">
        <v>0</v>
      </c>
      <c r="BD29" s="258">
        <v>14</v>
      </c>
      <c r="BE29" s="263">
        <v>14</v>
      </c>
      <c r="BF29" s="257">
        <v>0</v>
      </c>
      <c r="BG29" s="261">
        <v>0</v>
      </c>
      <c r="BH29" s="258">
        <v>0</v>
      </c>
      <c r="BI29" s="260">
        <v>0</v>
      </c>
      <c r="BJ29" s="261">
        <v>10</v>
      </c>
      <c r="BK29" s="261">
        <v>5</v>
      </c>
      <c r="BL29" s="261">
        <v>7</v>
      </c>
      <c r="BM29" s="261">
        <v>5</v>
      </c>
      <c r="BN29" s="261">
        <v>6</v>
      </c>
      <c r="BO29" s="262">
        <v>33</v>
      </c>
      <c r="BP29" s="263">
        <v>33</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8</v>
      </c>
      <c r="CI29" s="261">
        <v>11</v>
      </c>
      <c r="CJ29" s="261">
        <v>6</v>
      </c>
      <c r="CK29" s="258">
        <v>25</v>
      </c>
      <c r="CL29" s="263">
        <v>25</v>
      </c>
      <c r="CM29" s="257">
        <v>0</v>
      </c>
      <c r="CN29" s="261">
        <v>0</v>
      </c>
      <c r="CO29" s="258">
        <v>0</v>
      </c>
      <c r="CP29" s="260">
        <v>0</v>
      </c>
      <c r="CQ29" s="261">
        <v>0</v>
      </c>
      <c r="CR29" s="261">
        <v>0</v>
      </c>
      <c r="CS29" s="261">
        <v>0</v>
      </c>
      <c r="CT29" s="261">
        <v>1</v>
      </c>
      <c r="CU29" s="261">
        <v>0</v>
      </c>
      <c r="CV29" s="258">
        <v>1</v>
      </c>
      <c r="CW29" s="263">
        <v>1</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20</v>
      </c>
      <c r="AD30" s="261">
        <v>16</v>
      </c>
      <c r="AE30" s="261">
        <v>1</v>
      </c>
      <c r="AF30" s="261">
        <v>1</v>
      </c>
      <c r="AG30" s="261">
        <v>1</v>
      </c>
      <c r="AH30" s="258">
        <v>39</v>
      </c>
      <c r="AI30" s="263">
        <v>39</v>
      </c>
      <c r="AJ30" s="257">
        <v>0</v>
      </c>
      <c r="AK30" s="261">
        <v>0</v>
      </c>
      <c r="AL30" s="258">
        <v>0</v>
      </c>
      <c r="AM30" s="260">
        <v>0</v>
      </c>
      <c r="AN30" s="261">
        <v>1</v>
      </c>
      <c r="AO30" s="261">
        <v>2</v>
      </c>
      <c r="AP30" s="261">
        <v>1</v>
      </c>
      <c r="AQ30" s="261">
        <v>1</v>
      </c>
      <c r="AR30" s="261">
        <v>0</v>
      </c>
      <c r="AS30" s="258">
        <v>5</v>
      </c>
      <c r="AT30" s="263">
        <v>5</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1</v>
      </c>
      <c r="BK30" s="261">
        <v>4</v>
      </c>
      <c r="BL30" s="261">
        <v>2</v>
      </c>
      <c r="BM30" s="261">
        <v>4</v>
      </c>
      <c r="BN30" s="261">
        <v>4</v>
      </c>
      <c r="BO30" s="262">
        <v>15</v>
      </c>
      <c r="BP30" s="263">
        <v>15</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1</v>
      </c>
      <c r="CI30" s="261">
        <v>0</v>
      </c>
      <c r="CJ30" s="261">
        <v>0</v>
      </c>
      <c r="CK30" s="258">
        <v>1</v>
      </c>
      <c r="CL30" s="263">
        <v>1</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2</v>
      </c>
      <c r="H31" s="261">
        <v>0</v>
      </c>
      <c r="I31" s="261">
        <v>0</v>
      </c>
      <c r="J31" s="261">
        <v>0</v>
      </c>
      <c r="K31" s="261">
        <v>0</v>
      </c>
      <c r="L31" s="262">
        <v>2</v>
      </c>
      <c r="M31" s="263">
        <v>2</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3</v>
      </c>
      <c r="AD31" s="261">
        <v>17</v>
      </c>
      <c r="AE31" s="261">
        <v>6</v>
      </c>
      <c r="AF31" s="261">
        <v>4</v>
      </c>
      <c r="AG31" s="261">
        <v>0</v>
      </c>
      <c r="AH31" s="258">
        <v>50</v>
      </c>
      <c r="AI31" s="263">
        <v>50</v>
      </c>
      <c r="AJ31" s="257">
        <v>0</v>
      </c>
      <c r="AK31" s="261">
        <v>0</v>
      </c>
      <c r="AL31" s="258">
        <v>0</v>
      </c>
      <c r="AM31" s="260">
        <v>0</v>
      </c>
      <c r="AN31" s="261">
        <v>1</v>
      </c>
      <c r="AO31" s="261">
        <v>1</v>
      </c>
      <c r="AP31" s="261">
        <v>1</v>
      </c>
      <c r="AQ31" s="261">
        <v>1</v>
      </c>
      <c r="AR31" s="261">
        <v>0</v>
      </c>
      <c r="AS31" s="258">
        <v>4</v>
      </c>
      <c r="AT31" s="263">
        <v>4</v>
      </c>
      <c r="AU31" s="257">
        <v>0</v>
      </c>
      <c r="AV31" s="261">
        <v>4</v>
      </c>
      <c r="AW31" s="258">
        <v>4</v>
      </c>
      <c r="AX31" s="260">
        <v>0</v>
      </c>
      <c r="AY31" s="261">
        <v>9</v>
      </c>
      <c r="AZ31" s="261">
        <v>4</v>
      </c>
      <c r="BA31" s="261">
        <v>8</v>
      </c>
      <c r="BB31" s="261">
        <v>4</v>
      </c>
      <c r="BC31" s="261">
        <v>1</v>
      </c>
      <c r="BD31" s="258">
        <v>26</v>
      </c>
      <c r="BE31" s="263">
        <v>30</v>
      </c>
      <c r="BF31" s="257">
        <v>0</v>
      </c>
      <c r="BG31" s="261">
        <v>0</v>
      </c>
      <c r="BH31" s="258">
        <v>0</v>
      </c>
      <c r="BI31" s="260">
        <v>0</v>
      </c>
      <c r="BJ31" s="261">
        <v>4</v>
      </c>
      <c r="BK31" s="261">
        <v>6</v>
      </c>
      <c r="BL31" s="261">
        <v>7</v>
      </c>
      <c r="BM31" s="261">
        <v>3</v>
      </c>
      <c r="BN31" s="261">
        <v>2</v>
      </c>
      <c r="BO31" s="262">
        <v>22</v>
      </c>
      <c r="BP31" s="263">
        <v>22</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10</v>
      </c>
      <c r="CI31" s="261">
        <v>8</v>
      </c>
      <c r="CJ31" s="261">
        <v>5</v>
      </c>
      <c r="CK31" s="258">
        <v>23</v>
      </c>
      <c r="CL31" s="263">
        <v>23</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1</v>
      </c>
      <c r="I32" s="261">
        <v>1</v>
      </c>
      <c r="J32" s="261">
        <v>0</v>
      </c>
      <c r="K32" s="261">
        <v>0</v>
      </c>
      <c r="L32" s="262">
        <v>2</v>
      </c>
      <c r="M32" s="263">
        <v>2</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4</v>
      </c>
      <c r="AD32" s="261">
        <v>8</v>
      </c>
      <c r="AE32" s="261">
        <v>11</v>
      </c>
      <c r="AF32" s="261">
        <v>3</v>
      </c>
      <c r="AG32" s="261">
        <v>1</v>
      </c>
      <c r="AH32" s="258">
        <v>47</v>
      </c>
      <c r="AI32" s="263">
        <v>47</v>
      </c>
      <c r="AJ32" s="257">
        <v>1</v>
      </c>
      <c r="AK32" s="261">
        <v>0</v>
      </c>
      <c r="AL32" s="258">
        <v>1</v>
      </c>
      <c r="AM32" s="260">
        <v>0</v>
      </c>
      <c r="AN32" s="261">
        <v>2</v>
      </c>
      <c r="AO32" s="261">
        <v>1</v>
      </c>
      <c r="AP32" s="261">
        <v>1</v>
      </c>
      <c r="AQ32" s="261">
        <v>0</v>
      </c>
      <c r="AR32" s="261">
        <v>0</v>
      </c>
      <c r="AS32" s="258">
        <v>4</v>
      </c>
      <c r="AT32" s="263">
        <v>5</v>
      </c>
      <c r="AU32" s="257">
        <v>0</v>
      </c>
      <c r="AV32" s="261">
        <v>0</v>
      </c>
      <c r="AW32" s="258">
        <v>0</v>
      </c>
      <c r="AX32" s="260">
        <v>0</v>
      </c>
      <c r="AY32" s="261">
        <v>0</v>
      </c>
      <c r="AZ32" s="261">
        <v>0</v>
      </c>
      <c r="BA32" s="261">
        <v>0</v>
      </c>
      <c r="BB32" s="261">
        <v>1</v>
      </c>
      <c r="BC32" s="261">
        <v>0</v>
      </c>
      <c r="BD32" s="258">
        <v>1</v>
      </c>
      <c r="BE32" s="263">
        <v>1</v>
      </c>
      <c r="BF32" s="257">
        <v>0</v>
      </c>
      <c r="BG32" s="261">
        <v>0</v>
      </c>
      <c r="BH32" s="258">
        <v>0</v>
      </c>
      <c r="BI32" s="260">
        <v>0</v>
      </c>
      <c r="BJ32" s="261">
        <v>5</v>
      </c>
      <c r="BK32" s="261">
        <v>5</v>
      </c>
      <c r="BL32" s="261">
        <v>3</v>
      </c>
      <c r="BM32" s="261">
        <v>4</v>
      </c>
      <c r="BN32" s="261">
        <v>1</v>
      </c>
      <c r="BO32" s="262">
        <v>18</v>
      </c>
      <c r="BP32" s="263">
        <v>18</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2</v>
      </c>
      <c r="I33" s="261">
        <v>0</v>
      </c>
      <c r="J33" s="261">
        <v>0</v>
      </c>
      <c r="K33" s="261">
        <v>0</v>
      </c>
      <c r="L33" s="262">
        <v>2</v>
      </c>
      <c r="M33" s="263">
        <v>2</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32</v>
      </c>
      <c r="AD33" s="261">
        <v>16</v>
      </c>
      <c r="AE33" s="261">
        <v>8</v>
      </c>
      <c r="AF33" s="261">
        <v>4</v>
      </c>
      <c r="AG33" s="261">
        <v>0</v>
      </c>
      <c r="AH33" s="258">
        <v>60</v>
      </c>
      <c r="AI33" s="263">
        <v>60</v>
      </c>
      <c r="AJ33" s="257">
        <v>0</v>
      </c>
      <c r="AK33" s="261">
        <v>0</v>
      </c>
      <c r="AL33" s="258">
        <v>0</v>
      </c>
      <c r="AM33" s="260">
        <v>0</v>
      </c>
      <c r="AN33" s="261">
        <v>0</v>
      </c>
      <c r="AO33" s="261">
        <v>0</v>
      </c>
      <c r="AP33" s="261">
        <v>0</v>
      </c>
      <c r="AQ33" s="261">
        <v>1</v>
      </c>
      <c r="AR33" s="261">
        <v>1</v>
      </c>
      <c r="AS33" s="258">
        <v>2</v>
      </c>
      <c r="AT33" s="263">
        <v>2</v>
      </c>
      <c r="AU33" s="257">
        <v>0</v>
      </c>
      <c r="AV33" s="261">
        <v>1</v>
      </c>
      <c r="AW33" s="258">
        <v>1</v>
      </c>
      <c r="AX33" s="260">
        <v>0</v>
      </c>
      <c r="AY33" s="261">
        <v>8</v>
      </c>
      <c r="AZ33" s="261">
        <v>5</v>
      </c>
      <c r="BA33" s="261">
        <v>5</v>
      </c>
      <c r="BB33" s="261">
        <v>4</v>
      </c>
      <c r="BC33" s="261">
        <v>1</v>
      </c>
      <c r="BD33" s="258">
        <v>23</v>
      </c>
      <c r="BE33" s="263">
        <v>24</v>
      </c>
      <c r="BF33" s="257">
        <v>0</v>
      </c>
      <c r="BG33" s="261">
        <v>0</v>
      </c>
      <c r="BH33" s="258">
        <v>0</v>
      </c>
      <c r="BI33" s="260">
        <v>0</v>
      </c>
      <c r="BJ33" s="261">
        <v>8</v>
      </c>
      <c r="BK33" s="261">
        <v>9</v>
      </c>
      <c r="BL33" s="261">
        <v>11</v>
      </c>
      <c r="BM33" s="261">
        <v>10</v>
      </c>
      <c r="BN33" s="261">
        <v>5</v>
      </c>
      <c r="BO33" s="262">
        <v>43</v>
      </c>
      <c r="BP33" s="263">
        <v>43</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0</v>
      </c>
      <c r="I34" s="261">
        <v>0</v>
      </c>
      <c r="J34" s="261">
        <v>0</v>
      </c>
      <c r="K34" s="261">
        <v>0</v>
      </c>
      <c r="L34" s="262">
        <v>0</v>
      </c>
      <c r="M34" s="263">
        <v>0</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32</v>
      </c>
      <c r="AD34" s="261">
        <v>29</v>
      </c>
      <c r="AE34" s="261">
        <v>12</v>
      </c>
      <c r="AF34" s="261">
        <v>3</v>
      </c>
      <c r="AG34" s="261">
        <v>2</v>
      </c>
      <c r="AH34" s="258">
        <v>78</v>
      </c>
      <c r="AI34" s="263">
        <v>78</v>
      </c>
      <c r="AJ34" s="257">
        <v>0</v>
      </c>
      <c r="AK34" s="261">
        <v>0</v>
      </c>
      <c r="AL34" s="258">
        <v>0</v>
      </c>
      <c r="AM34" s="260">
        <v>0</v>
      </c>
      <c r="AN34" s="261">
        <v>6</v>
      </c>
      <c r="AO34" s="261">
        <v>1</v>
      </c>
      <c r="AP34" s="261">
        <v>1</v>
      </c>
      <c r="AQ34" s="261">
        <v>0</v>
      </c>
      <c r="AR34" s="261">
        <v>1</v>
      </c>
      <c r="AS34" s="258">
        <v>9</v>
      </c>
      <c r="AT34" s="263">
        <v>9</v>
      </c>
      <c r="AU34" s="257">
        <v>1</v>
      </c>
      <c r="AV34" s="261">
        <v>3</v>
      </c>
      <c r="AW34" s="258">
        <v>4</v>
      </c>
      <c r="AX34" s="260">
        <v>0</v>
      </c>
      <c r="AY34" s="261">
        <v>5</v>
      </c>
      <c r="AZ34" s="261">
        <v>0</v>
      </c>
      <c r="BA34" s="261">
        <v>3</v>
      </c>
      <c r="BB34" s="261">
        <v>2</v>
      </c>
      <c r="BC34" s="261">
        <v>0</v>
      </c>
      <c r="BD34" s="258">
        <v>10</v>
      </c>
      <c r="BE34" s="263">
        <v>14</v>
      </c>
      <c r="BF34" s="257">
        <v>0</v>
      </c>
      <c r="BG34" s="261">
        <v>0</v>
      </c>
      <c r="BH34" s="258">
        <v>0</v>
      </c>
      <c r="BI34" s="260">
        <v>0</v>
      </c>
      <c r="BJ34" s="261">
        <v>2</v>
      </c>
      <c r="BK34" s="261">
        <v>6</v>
      </c>
      <c r="BL34" s="261">
        <v>7</v>
      </c>
      <c r="BM34" s="261">
        <v>9</v>
      </c>
      <c r="BN34" s="261">
        <v>6</v>
      </c>
      <c r="BO34" s="262">
        <v>30</v>
      </c>
      <c r="BP34" s="263">
        <v>30</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1</v>
      </c>
      <c r="CG34" s="261">
        <v>0</v>
      </c>
      <c r="CH34" s="261">
        <v>12</v>
      </c>
      <c r="CI34" s="261">
        <v>7</v>
      </c>
      <c r="CJ34" s="261">
        <v>2</v>
      </c>
      <c r="CK34" s="258">
        <v>22</v>
      </c>
      <c r="CL34" s="263">
        <v>2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6</v>
      </c>
      <c r="AD35" s="261">
        <v>13</v>
      </c>
      <c r="AE35" s="261">
        <v>8</v>
      </c>
      <c r="AF35" s="261">
        <v>1</v>
      </c>
      <c r="AG35" s="261">
        <v>2</v>
      </c>
      <c r="AH35" s="258">
        <v>50</v>
      </c>
      <c r="AI35" s="263">
        <v>50</v>
      </c>
      <c r="AJ35" s="257">
        <v>0</v>
      </c>
      <c r="AK35" s="261">
        <v>0</v>
      </c>
      <c r="AL35" s="258">
        <v>0</v>
      </c>
      <c r="AM35" s="260">
        <v>0</v>
      </c>
      <c r="AN35" s="261">
        <v>0</v>
      </c>
      <c r="AO35" s="261">
        <v>0</v>
      </c>
      <c r="AP35" s="261">
        <v>0</v>
      </c>
      <c r="AQ35" s="261">
        <v>1</v>
      </c>
      <c r="AR35" s="261">
        <v>0</v>
      </c>
      <c r="AS35" s="258">
        <v>1</v>
      </c>
      <c r="AT35" s="263">
        <v>1</v>
      </c>
      <c r="AU35" s="257">
        <v>0</v>
      </c>
      <c r="AV35" s="261">
        <v>0</v>
      </c>
      <c r="AW35" s="258">
        <v>0</v>
      </c>
      <c r="AX35" s="260">
        <v>0</v>
      </c>
      <c r="AY35" s="261">
        <v>0</v>
      </c>
      <c r="AZ35" s="261">
        <v>0</v>
      </c>
      <c r="BA35" s="261">
        <v>0</v>
      </c>
      <c r="BB35" s="261">
        <v>0</v>
      </c>
      <c r="BC35" s="261">
        <v>0</v>
      </c>
      <c r="BD35" s="258">
        <v>0</v>
      </c>
      <c r="BE35" s="263">
        <v>0</v>
      </c>
      <c r="BF35" s="257">
        <v>0</v>
      </c>
      <c r="BG35" s="261">
        <v>1</v>
      </c>
      <c r="BH35" s="258">
        <v>1</v>
      </c>
      <c r="BI35" s="260">
        <v>0</v>
      </c>
      <c r="BJ35" s="261">
        <v>4</v>
      </c>
      <c r="BK35" s="261">
        <v>3</v>
      </c>
      <c r="BL35" s="261">
        <v>7</v>
      </c>
      <c r="BM35" s="261">
        <v>0</v>
      </c>
      <c r="BN35" s="261">
        <v>2</v>
      </c>
      <c r="BO35" s="262">
        <v>16</v>
      </c>
      <c r="BP35" s="263">
        <v>17</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5</v>
      </c>
      <c r="CR35" s="261">
        <v>3</v>
      </c>
      <c r="CS35" s="261">
        <v>5</v>
      </c>
      <c r="CT35" s="261">
        <v>3</v>
      </c>
      <c r="CU35" s="261">
        <v>6</v>
      </c>
      <c r="CV35" s="258">
        <v>22</v>
      </c>
      <c r="CW35" s="263">
        <v>2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3</v>
      </c>
      <c r="AD36" s="261">
        <v>7</v>
      </c>
      <c r="AE36" s="261">
        <v>2</v>
      </c>
      <c r="AF36" s="261">
        <v>3</v>
      </c>
      <c r="AG36" s="261">
        <v>1</v>
      </c>
      <c r="AH36" s="258">
        <v>26</v>
      </c>
      <c r="AI36" s="263">
        <v>26</v>
      </c>
      <c r="AJ36" s="257">
        <v>0</v>
      </c>
      <c r="AK36" s="261">
        <v>0</v>
      </c>
      <c r="AL36" s="258">
        <v>0</v>
      </c>
      <c r="AM36" s="260">
        <v>0</v>
      </c>
      <c r="AN36" s="261">
        <v>0</v>
      </c>
      <c r="AO36" s="261">
        <v>0</v>
      </c>
      <c r="AP36" s="261">
        <v>0</v>
      </c>
      <c r="AQ36" s="261">
        <v>0</v>
      </c>
      <c r="AR36" s="261">
        <v>1</v>
      </c>
      <c r="AS36" s="258">
        <v>1</v>
      </c>
      <c r="AT36" s="263">
        <v>1</v>
      </c>
      <c r="AU36" s="257">
        <v>1</v>
      </c>
      <c r="AV36" s="261">
        <v>1</v>
      </c>
      <c r="AW36" s="258">
        <v>2</v>
      </c>
      <c r="AX36" s="260">
        <v>0</v>
      </c>
      <c r="AY36" s="261">
        <v>6</v>
      </c>
      <c r="AZ36" s="261">
        <v>8</v>
      </c>
      <c r="BA36" s="261">
        <v>7</v>
      </c>
      <c r="BB36" s="261">
        <v>1</v>
      </c>
      <c r="BC36" s="261">
        <v>0</v>
      </c>
      <c r="BD36" s="258">
        <v>22</v>
      </c>
      <c r="BE36" s="263">
        <v>24</v>
      </c>
      <c r="BF36" s="257">
        <v>0</v>
      </c>
      <c r="BG36" s="261">
        <v>0</v>
      </c>
      <c r="BH36" s="258">
        <v>0</v>
      </c>
      <c r="BI36" s="260">
        <v>0</v>
      </c>
      <c r="BJ36" s="261">
        <v>3</v>
      </c>
      <c r="BK36" s="261">
        <v>2</v>
      </c>
      <c r="BL36" s="261">
        <v>0</v>
      </c>
      <c r="BM36" s="261">
        <v>2</v>
      </c>
      <c r="BN36" s="261">
        <v>2</v>
      </c>
      <c r="BO36" s="262">
        <v>9</v>
      </c>
      <c r="BP36" s="263">
        <v>9</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7</v>
      </c>
      <c r="CR36" s="261">
        <v>6</v>
      </c>
      <c r="CS36" s="261">
        <v>7</v>
      </c>
      <c r="CT36" s="261">
        <v>4</v>
      </c>
      <c r="CU36" s="261">
        <v>4</v>
      </c>
      <c r="CV36" s="258">
        <v>28</v>
      </c>
      <c r="CW36" s="263">
        <v>28</v>
      </c>
    </row>
    <row r="37" spans="2:101" ht="21" customHeight="1" x14ac:dyDescent="0.2">
      <c r="B37" s="472" t="s">
        <v>35</v>
      </c>
      <c r="C37" s="257">
        <v>0</v>
      </c>
      <c r="D37" s="258">
        <v>0</v>
      </c>
      <c r="E37" s="259">
        <v>0</v>
      </c>
      <c r="F37" s="260">
        <v>0</v>
      </c>
      <c r="G37" s="261">
        <v>0</v>
      </c>
      <c r="H37" s="261">
        <v>0</v>
      </c>
      <c r="I37" s="261">
        <v>2</v>
      </c>
      <c r="J37" s="261">
        <v>1</v>
      </c>
      <c r="K37" s="261">
        <v>0</v>
      </c>
      <c r="L37" s="262">
        <v>3</v>
      </c>
      <c r="M37" s="263">
        <v>3</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20</v>
      </c>
      <c r="AD37" s="261">
        <v>15</v>
      </c>
      <c r="AE37" s="261">
        <v>5</v>
      </c>
      <c r="AF37" s="261">
        <v>11</v>
      </c>
      <c r="AG37" s="261">
        <v>3</v>
      </c>
      <c r="AH37" s="258">
        <v>54</v>
      </c>
      <c r="AI37" s="263">
        <v>54</v>
      </c>
      <c r="AJ37" s="257">
        <v>0</v>
      </c>
      <c r="AK37" s="261">
        <v>0</v>
      </c>
      <c r="AL37" s="258">
        <v>0</v>
      </c>
      <c r="AM37" s="260">
        <v>0</v>
      </c>
      <c r="AN37" s="261">
        <v>0</v>
      </c>
      <c r="AO37" s="261">
        <v>0</v>
      </c>
      <c r="AP37" s="261">
        <v>0</v>
      </c>
      <c r="AQ37" s="261">
        <v>0</v>
      </c>
      <c r="AR37" s="261">
        <v>0</v>
      </c>
      <c r="AS37" s="258">
        <v>0</v>
      </c>
      <c r="AT37" s="263">
        <v>0</v>
      </c>
      <c r="AU37" s="257">
        <v>3</v>
      </c>
      <c r="AV37" s="261">
        <v>1</v>
      </c>
      <c r="AW37" s="258">
        <v>4</v>
      </c>
      <c r="AX37" s="260">
        <v>0</v>
      </c>
      <c r="AY37" s="261">
        <v>12</v>
      </c>
      <c r="AZ37" s="261">
        <v>9</v>
      </c>
      <c r="BA37" s="261">
        <v>11</v>
      </c>
      <c r="BB37" s="261">
        <v>4</v>
      </c>
      <c r="BC37" s="261">
        <v>3</v>
      </c>
      <c r="BD37" s="258">
        <v>39</v>
      </c>
      <c r="BE37" s="263">
        <v>43</v>
      </c>
      <c r="BF37" s="257">
        <v>0</v>
      </c>
      <c r="BG37" s="261">
        <v>1</v>
      </c>
      <c r="BH37" s="258">
        <v>1</v>
      </c>
      <c r="BI37" s="260">
        <v>0</v>
      </c>
      <c r="BJ37" s="261">
        <v>12</v>
      </c>
      <c r="BK37" s="261">
        <v>17</v>
      </c>
      <c r="BL37" s="261">
        <v>12</v>
      </c>
      <c r="BM37" s="261">
        <v>12</v>
      </c>
      <c r="BN37" s="261">
        <v>6</v>
      </c>
      <c r="BO37" s="262">
        <v>59</v>
      </c>
      <c r="BP37" s="263">
        <v>60</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1</v>
      </c>
      <c r="I38" s="261">
        <v>0</v>
      </c>
      <c r="J38" s="261">
        <v>0</v>
      </c>
      <c r="K38" s="261">
        <v>0</v>
      </c>
      <c r="L38" s="262">
        <v>1</v>
      </c>
      <c r="M38" s="263">
        <v>1</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71</v>
      </c>
      <c r="AD38" s="261">
        <v>41</v>
      </c>
      <c r="AE38" s="261">
        <v>28</v>
      </c>
      <c r="AF38" s="261">
        <v>15</v>
      </c>
      <c r="AG38" s="261">
        <v>13</v>
      </c>
      <c r="AH38" s="258">
        <v>168</v>
      </c>
      <c r="AI38" s="263">
        <v>168</v>
      </c>
      <c r="AJ38" s="257">
        <v>0</v>
      </c>
      <c r="AK38" s="261">
        <v>0</v>
      </c>
      <c r="AL38" s="258">
        <v>0</v>
      </c>
      <c r="AM38" s="260">
        <v>0</v>
      </c>
      <c r="AN38" s="261">
        <v>0</v>
      </c>
      <c r="AO38" s="261">
        <v>0</v>
      </c>
      <c r="AP38" s="261">
        <v>0</v>
      </c>
      <c r="AQ38" s="261">
        <v>0</v>
      </c>
      <c r="AR38" s="261">
        <v>0</v>
      </c>
      <c r="AS38" s="258">
        <v>0</v>
      </c>
      <c r="AT38" s="263">
        <v>0</v>
      </c>
      <c r="AU38" s="257">
        <v>1</v>
      </c>
      <c r="AV38" s="261">
        <v>3</v>
      </c>
      <c r="AW38" s="258">
        <v>4</v>
      </c>
      <c r="AX38" s="260">
        <v>0</v>
      </c>
      <c r="AY38" s="261">
        <v>12</v>
      </c>
      <c r="AZ38" s="261">
        <v>13</v>
      </c>
      <c r="BA38" s="261">
        <v>8</v>
      </c>
      <c r="BB38" s="261">
        <v>3</v>
      </c>
      <c r="BC38" s="261">
        <v>1</v>
      </c>
      <c r="BD38" s="258">
        <v>37</v>
      </c>
      <c r="BE38" s="263">
        <v>41</v>
      </c>
      <c r="BF38" s="257">
        <v>0</v>
      </c>
      <c r="BG38" s="261">
        <v>0</v>
      </c>
      <c r="BH38" s="258">
        <v>0</v>
      </c>
      <c r="BI38" s="260">
        <v>0</v>
      </c>
      <c r="BJ38" s="261">
        <v>6</v>
      </c>
      <c r="BK38" s="261">
        <v>14</v>
      </c>
      <c r="BL38" s="261">
        <v>7</v>
      </c>
      <c r="BM38" s="261">
        <v>11</v>
      </c>
      <c r="BN38" s="261">
        <v>6</v>
      </c>
      <c r="BO38" s="262">
        <v>44</v>
      </c>
      <c r="BP38" s="263">
        <v>44</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1</v>
      </c>
      <c r="K39" s="268">
        <v>0</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2</v>
      </c>
      <c r="AD39" s="268">
        <v>8</v>
      </c>
      <c r="AE39" s="268">
        <v>5</v>
      </c>
      <c r="AF39" s="268">
        <v>1</v>
      </c>
      <c r="AG39" s="268">
        <v>2</v>
      </c>
      <c r="AH39" s="265">
        <v>28</v>
      </c>
      <c r="AI39" s="270">
        <v>28</v>
      </c>
      <c r="AJ39" s="264">
        <v>0</v>
      </c>
      <c r="AK39" s="268">
        <v>0</v>
      </c>
      <c r="AL39" s="265">
        <v>0</v>
      </c>
      <c r="AM39" s="267">
        <v>0</v>
      </c>
      <c r="AN39" s="268">
        <v>1</v>
      </c>
      <c r="AO39" s="268">
        <v>0</v>
      </c>
      <c r="AP39" s="268">
        <v>0</v>
      </c>
      <c r="AQ39" s="268">
        <v>1</v>
      </c>
      <c r="AR39" s="268">
        <v>1</v>
      </c>
      <c r="AS39" s="265">
        <v>3</v>
      </c>
      <c r="AT39" s="270">
        <v>3</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1</v>
      </c>
      <c r="BK39" s="268">
        <v>0</v>
      </c>
      <c r="BL39" s="268">
        <v>4</v>
      </c>
      <c r="BM39" s="268">
        <v>2</v>
      </c>
      <c r="BN39" s="268">
        <v>1</v>
      </c>
      <c r="BO39" s="269">
        <v>8</v>
      </c>
      <c r="BP39" s="270">
        <v>8</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8.554687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9</v>
      </c>
      <c r="L1" s="504">
        <f>IF(K1&lt;3,K1+12-2,K1-2)</f>
        <v>7</v>
      </c>
      <c r="M1" s="504"/>
    </row>
    <row r="2" spans="1:101" s="272" customFormat="1" ht="24" customHeight="1" thickBot="1" x14ac:dyDescent="0.25">
      <c r="A2" s="39"/>
      <c r="B2" s="271" t="s">
        <v>130</v>
      </c>
    </row>
    <row r="3" spans="1:101" ht="21" customHeight="1" thickBot="1" x14ac:dyDescent="0.25">
      <c r="B3" s="512"/>
      <c r="C3" s="515" t="s">
        <v>94</v>
      </c>
      <c r="D3" s="516"/>
      <c r="E3" s="516"/>
      <c r="F3" s="516"/>
      <c r="G3" s="516"/>
      <c r="H3" s="516"/>
      <c r="I3" s="516"/>
      <c r="J3" s="516"/>
      <c r="K3" s="516"/>
      <c r="L3" s="516"/>
      <c r="M3" s="517"/>
      <c r="N3" s="515" t="s">
        <v>88</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301" t="s">
        <v>43</v>
      </c>
      <c r="D5" s="246" t="s">
        <v>44</v>
      </c>
      <c r="E5" s="247" t="s">
        <v>45</v>
      </c>
      <c r="F5" s="248" t="s">
        <v>83</v>
      </c>
      <c r="G5" s="243" t="s">
        <v>47</v>
      </c>
      <c r="H5" s="243" t="s">
        <v>48</v>
      </c>
      <c r="I5" s="243" t="s">
        <v>49</v>
      </c>
      <c r="J5" s="243" t="s">
        <v>50</v>
      </c>
      <c r="K5" s="243" t="s">
        <v>51</v>
      </c>
      <c r="L5" s="249" t="s">
        <v>45</v>
      </c>
      <c r="M5" s="506"/>
      <c r="N5" s="301" t="s">
        <v>43</v>
      </c>
      <c r="O5" s="243" t="s">
        <v>44</v>
      </c>
      <c r="P5" s="246" t="s">
        <v>45</v>
      </c>
      <c r="Q5" s="248" t="s">
        <v>83</v>
      </c>
      <c r="R5" s="243" t="s">
        <v>47</v>
      </c>
      <c r="S5" s="243" t="s">
        <v>48</v>
      </c>
      <c r="T5" s="243" t="s">
        <v>49</v>
      </c>
      <c r="U5" s="243" t="s">
        <v>50</v>
      </c>
      <c r="V5" s="243" t="s">
        <v>51</v>
      </c>
      <c r="W5" s="246" t="s">
        <v>45</v>
      </c>
      <c r="X5" s="506"/>
      <c r="Y5" s="301" t="s">
        <v>43</v>
      </c>
      <c r="Z5" s="243" t="s">
        <v>44</v>
      </c>
      <c r="AA5" s="246" t="s">
        <v>45</v>
      </c>
      <c r="AB5" s="248" t="s">
        <v>83</v>
      </c>
      <c r="AC5" s="243" t="s">
        <v>47</v>
      </c>
      <c r="AD5" s="243" t="s">
        <v>48</v>
      </c>
      <c r="AE5" s="243" t="s">
        <v>49</v>
      </c>
      <c r="AF5" s="243" t="s">
        <v>50</v>
      </c>
      <c r="AG5" s="243" t="s">
        <v>51</v>
      </c>
      <c r="AH5" s="246" t="s">
        <v>45</v>
      </c>
      <c r="AI5" s="506"/>
      <c r="AJ5" s="318" t="s">
        <v>43</v>
      </c>
      <c r="AK5" s="243" t="s">
        <v>44</v>
      </c>
      <c r="AL5" s="246" t="s">
        <v>45</v>
      </c>
      <c r="AM5" s="248" t="s">
        <v>83</v>
      </c>
      <c r="AN5" s="243" t="s">
        <v>47</v>
      </c>
      <c r="AO5" s="243" t="s">
        <v>48</v>
      </c>
      <c r="AP5" s="243" t="s">
        <v>49</v>
      </c>
      <c r="AQ5" s="243" t="s">
        <v>50</v>
      </c>
      <c r="AR5" s="243" t="s">
        <v>51</v>
      </c>
      <c r="AS5" s="246" t="s">
        <v>45</v>
      </c>
      <c r="AT5" s="506"/>
      <c r="AU5" s="318" t="s">
        <v>43</v>
      </c>
      <c r="AV5" s="243" t="s">
        <v>44</v>
      </c>
      <c r="AW5" s="246" t="s">
        <v>45</v>
      </c>
      <c r="AX5" s="248" t="s">
        <v>83</v>
      </c>
      <c r="AY5" s="243" t="s">
        <v>47</v>
      </c>
      <c r="AZ5" s="243" t="s">
        <v>48</v>
      </c>
      <c r="BA5" s="243" t="s">
        <v>49</v>
      </c>
      <c r="BB5" s="243" t="s">
        <v>50</v>
      </c>
      <c r="BC5" s="243" t="s">
        <v>51</v>
      </c>
      <c r="BD5" s="246" t="s">
        <v>45</v>
      </c>
      <c r="BE5" s="539"/>
      <c r="BF5" s="318" t="s">
        <v>43</v>
      </c>
      <c r="BG5" s="243" t="s">
        <v>44</v>
      </c>
      <c r="BH5" s="246" t="s">
        <v>45</v>
      </c>
      <c r="BI5" s="248" t="s">
        <v>83</v>
      </c>
      <c r="BJ5" s="243" t="s">
        <v>47</v>
      </c>
      <c r="BK5" s="243" t="s">
        <v>48</v>
      </c>
      <c r="BL5" s="243" t="s">
        <v>49</v>
      </c>
      <c r="BM5" s="243" t="s">
        <v>50</v>
      </c>
      <c r="BN5" s="243" t="s">
        <v>51</v>
      </c>
      <c r="BO5" s="246" t="s">
        <v>45</v>
      </c>
      <c r="BP5" s="539"/>
      <c r="BQ5" s="318" t="s">
        <v>43</v>
      </c>
      <c r="BR5" s="243" t="s">
        <v>44</v>
      </c>
      <c r="BS5" s="246" t="s">
        <v>45</v>
      </c>
      <c r="BT5" s="248" t="s">
        <v>83</v>
      </c>
      <c r="BU5" s="243" t="s">
        <v>47</v>
      </c>
      <c r="BV5" s="243" t="s">
        <v>48</v>
      </c>
      <c r="BW5" s="243" t="s">
        <v>49</v>
      </c>
      <c r="BX5" s="243" t="s">
        <v>50</v>
      </c>
      <c r="BY5" s="243" t="s">
        <v>51</v>
      </c>
      <c r="BZ5" s="246" t="s">
        <v>45</v>
      </c>
      <c r="CA5" s="539"/>
      <c r="CB5" s="318" t="s">
        <v>43</v>
      </c>
      <c r="CC5" s="243" t="s">
        <v>44</v>
      </c>
      <c r="CD5" s="246" t="s">
        <v>45</v>
      </c>
      <c r="CE5" s="248" t="s">
        <v>83</v>
      </c>
      <c r="CF5" s="243" t="s">
        <v>47</v>
      </c>
      <c r="CG5" s="243" t="s">
        <v>48</v>
      </c>
      <c r="CH5" s="243" t="s">
        <v>49</v>
      </c>
      <c r="CI5" s="243" t="s">
        <v>50</v>
      </c>
      <c r="CJ5" s="243" t="s">
        <v>51</v>
      </c>
      <c r="CK5" s="246" t="s">
        <v>45</v>
      </c>
      <c r="CL5" s="539"/>
      <c r="CM5" s="318"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18</v>
      </c>
      <c r="H6" s="254">
        <v>22</v>
      </c>
      <c r="I6" s="254">
        <v>24</v>
      </c>
      <c r="J6" s="254">
        <v>25</v>
      </c>
      <c r="K6" s="254">
        <v>21</v>
      </c>
      <c r="L6" s="255">
        <v>110</v>
      </c>
      <c r="M6" s="256">
        <v>110</v>
      </c>
      <c r="N6" s="250">
        <v>0</v>
      </c>
      <c r="O6" s="254">
        <v>0</v>
      </c>
      <c r="P6" s="251">
        <v>0</v>
      </c>
      <c r="Q6" s="253">
        <v>0</v>
      </c>
      <c r="R6" s="254">
        <v>14</v>
      </c>
      <c r="S6" s="254">
        <v>36</v>
      </c>
      <c r="T6" s="254">
        <v>38</v>
      </c>
      <c r="U6" s="254">
        <v>29</v>
      </c>
      <c r="V6" s="254">
        <v>29</v>
      </c>
      <c r="W6" s="251">
        <v>146</v>
      </c>
      <c r="X6" s="256">
        <v>146</v>
      </c>
      <c r="Y6" s="250">
        <v>0</v>
      </c>
      <c r="Z6" s="254">
        <v>0</v>
      </c>
      <c r="AA6" s="251">
        <v>0</v>
      </c>
      <c r="AB6" s="253">
        <v>0</v>
      </c>
      <c r="AC6" s="254">
        <v>986</v>
      </c>
      <c r="AD6" s="254">
        <v>818</v>
      </c>
      <c r="AE6" s="254">
        <v>386</v>
      </c>
      <c r="AF6" s="254">
        <v>156</v>
      </c>
      <c r="AG6" s="254">
        <v>83</v>
      </c>
      <c r="AH6" s="251">
        <v>2429</v>
      </c>
      <c r="AI6" s="256">
        <v>2429</v>
      </c>
      <c r="AJ6" s="250">
        <v>2</v>
      </c>
      <c r="AK6" s="254">
        <v>1</v>
      </c>
      <c r="AL6" s="251">
        <v>3</v>
      </c>
      <c r="AM6" s="253">
        <v>0</v>
      </c>
      <c r="AN6" s="254">
        <v>74</v>
      </c>
      <c r="AO6" s="254">
        <v>76</v>
      </c>
      <c r="AP6" s="254">
        <v>78</v>
      </c>
      <c r="AQ6" s="254">
        <v>34</v>
      </c>
      <c r="AR6" s="254">
        <v>27</v>
      </c>
      <c r="AS6" s="251">
        <v>289</v>
      </c>
      <c r="AT6" s="256">
        <v>292</v>
      </c>
      <c r="AU6" s="250">
        <v>13</v>
      </c>
      <c r="AV6" s="254">
        <v>7</v>
      </c>
      <c r="AW6" s="251">
        <v>20</v>
      </c>
      <c r="AX6" s="253">
        <v>0</v>
      </c>
      <c r="AY6" s="254">
        <v>78</v>
      </c>
      <c r="AZ6" s="254">
        <v>79</v>
      </c>
      <c r="BA6" s="254">
        <v>79</v>
      </c>
      <c r="BB6" s="254">
        <v>46</v>
      </c>
      <c r="BC6" s="254">
        <v>22</v>
      </c>
      <c r="BD6" s="251">
        <v>304</v>
      </c>
      <c r="BE6" s="256">
        <v>324</v>
      </c>
      <c r="BF6" s="250">
        <v>0</v>
      </c>
      <c r="BG6" s="254">
        <v>0</v>
      </c>
      <c r="BH6" s="251">
        <v>0</v>
      </c>
      <c r="BI6" s="253">
        <v>0</v>
      </c>
      <c r="BJ6" s="254">
        <v>98</v>
      </c>
      <c r="BK6" s="254">
        <v>144</v>
      </c>
      <c r="BL6" s="254">
        <v>148</v>
      </c>
      <c r="BM6" s="254">
        <v>111</v>
      </c>
      <c r="BN6" s="254">
        <v>77</v>
      </c>
      <c r="BO6" s="255">
        <v>578</v>
      </c>
      <c r="BP6" s="256">
        <v>578</v>
      </c>
      <c r="BQ6" s="250">
        <v>0</v>
      </c>
      <c r="BR6" s="254">
        <v>0</v>
      </c>
      <c r="BS6" s="251">
        <v>0</v>
      </c>
      <c r="BT6" s="253">
        <v>0</v>
      </c>
      <c r="BU6" s="254">
        <v>2</v>
      </c>
      <c r="BV6" s="254">
        <v>6</v>
      </c>
      <c r="BW6" s="254">
        <v>9</v>
      </c>
      <c r="BX6" s="254">
        <v>5</v>
      </c>
      <c r="BY6" s="254">
        <v>4</v>
      </c>
      <c r="BZ6" s="251">
        <v>26</v>
      </c>
      <c r="CA6" s="256">
        <v>26</v>
      </c>
      <c r="CB6" s="250">
        <v>0</v>
      </c>
      <c r="CC6" s="254">
        <v>0</v>
      </c>
      <c r="CD6" s="251">
        <v>0</v>
      </c>
      <c r="CE6" s="253">
        <v>0</v>
      </c>
      <c r="CF6" s="254">
        <v>0</v>
      </c>
      <c r="CG6" s="254">
        <v>2</v>
      </c>
      <c r="CH6" s="254">
        <v>15</v>
      </c>
      <c r="CI6" s="254">
        <v>26</v>
      </c>
      <c r="CJ6" s="254">
        <v>8</v>
      </c>
      <c r="CK6" s="251">
        <v>51</v>
      </c>
      <c r="CL6" s="256">
        <v>51</v>
      </c>
      <c r="CM6" s="250">
        <v>0</v>
      </c>
      <c r="CN6" s="254">
        <v>0</v>
      </c>
      <c r="CO6" s="251">
        <v>0</v>
      </c>
      <c r="CP6" s="253">
        <v>0</v>
      </c>
      <c r="CQ6" s="254">
        <v>20</v>
      </c>
      <c r="CR6" s="254">
        <v>20</v>
      </c>
      <c r="CS6" s="254">
        <v>20</v>
      </c>
      <c r="CT6" s="254">
        <v>30</v>
      </c>
      <c r="CU6" s="254">
        <v>33</v>
      </c>
      <c r="CV6" s="251">
        <v>123</v>
      </c>
      <c r="CW6" s="256">
        <v>123</v>
      </c>
    </row>
    <row r="7" spans="1:101" ht="21" customHeight="1" x14ac:dyDescent="0.2">
      <c r="B7" s="471" t="s">
        <v>5</v>
      </c>
      <c r="C7" s="257">
        <v>0</v>
      </c>
      <c r="D7" s="258">
        <v>0</v>
      </c>
      <c r="E7" s="259">
        <v>0</v>
      </c>
      <c r="F7" s="260">
        <v>0</v>
      </c>
      <c r="G7" s="261">
        <v>5</v>
      </c>
      <c r="H7" s="261">
        <v>12</v>
      </c>
      <c r="I7" s="261">
        <v>11</v>
      </c>
      <c r="J7" s="261">
        <v>17</v>
      </c>
      <c r="K7" s="261">
        <v>9</v>
      </c>
      <c r="L7" s="262">
        <v>54</v>
      </c>
      <c r="M7" s="263">
        <v>54</v>
      </c>
      <c r="N7" s="257">
        <v>0</v>
      </c>
      <c r="O7" s="261">
        <v>0</v>
      </c>
      <c r="P7" s="258">
        <v>0</v>
      </c>
      <c r="Q7" s="260">
        <v>0</v>
      </c>
      <c r="R7" s="261">
        <v>8</v>
      </c>
      <c r="S7" s="261">
        <v>30</v>
      </c>
      <c r="T7" s="261">
        <v>26</v>
      </c>
      <c r="U7" s="261">
        <v>27</v>
      </c>
      <c r="V7" s="261">
        <v>23</v>
      </c>
      <c r="W7" s="258">
        <v>114</v>
      </c>
      <c r="X7" s="263">
        <v>114</v>
      </c>
      <c r="Y7" s="257">
        <v>0</v>
      </c>
      <c r="Z7" s="261">
        <v>0</v>
      </c>
      <c r="AA7" s="258">
        <v>0</v>
      </c>
      <c r="AB7" s="260">
        <v>0</v>
      </c>
      <c r="AC7" s="261">
        <v>409</v>
      </c>
      <c r="AD7" s="261">
        <v>397</v>
      </c>
      <c r="AE7" s="261">
        <v>185</v>
      </c>
      <c r="AF7" s="261">
        <v>79</v>
      </c>
      <c r="AG7" s="261">
        <v>46</v>
      </c>
      <c r="AH7" s="258">
        <v>1116</v>
      </c>
      <c r="AI7" s="263">
        <v>1116</v>
      </c>
      <c r="AJ7" s="257">
        <v>0</v>
      </c>
      <c r="AK7" s="261">
        <v>0</v>
      </c>
      <c r="AL7" s="258">
        <v>0</v>
      </c>
      <c r="AM7" s="260">
        <v>0</v>
      </c>
      <c r="AN7" s="261">
        <v>39</v>
      </c>
      <c r="AO7" s="261">
        <v>32</v>
      </c>
      <c r="AP7" s="261">
        <v>46</v>
      </c>
      <c r="AQ7" s="261">
        <v>18</v>
      </c>
      <c r="AR7" s="261">
        <v>15</v>
      </c>
      <c r="AS7" s="258">
        <v>150</v>
      </c>
      <c r="AT7" s="263">
        <v>150</v>
      </c>
      <c r="AU7" s="257">
        <v>6</v>
      </c>
      <c r="AV7" s="261">
        <v>4</v>
      </c>
      <c r="AW7" s="258">
        <v>10</v>
      </c>
      <c r="AX7" s="260">
        <v>0</v>
      </c>
      <c r="AY7" s="261">
        <v>26</v>
      </c>
      <c r="AZ7" s="261">
        <v>33</v>
      </c>
      <c r="BA7" s="261">
        <v>28</v>
      </c>
      <c r="BB7" s="261">
        <v>17</v>
      </c>
      <c r="BC7" s="261">
        <v>12</v>
      </c>
      <c r="BD7" s="258">
        <v>116</v>
      </c>
      <c r="BE7" s="263">
        <v>126</v>
      </c>
      <c r="BF7" s="257">
        <v>0</v>
      </c>
      <c r="BG7" s="261">
        <v>0</v>
      </c>
      <c r="BH7" s="258">
        <v>0</v>
      </c>
      <c r="BI7" s="260">
        <v>0</v>
      </c>
      <c r="BJ7" s="261">
        <v>34</v>
      </c>
      <c r="BK7" s="261">
        <v>55</v>
      </c>
      <c r="BL7" s="261">
        <v>48</v>
      </c>
      <c r="BM7" s="261">
        <v>50</v>
      </c>
      <c r="BN7" s="261">
        <v>32</v>
      </c>
      <c r="BO7" s="262">
        <v>219</v>
      </c>
      <c r="BP7" s="263">
        <v>219</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3</v>
      </c>
      <c r="CI7" s="261">
        <v>4</v>
      </c>
      <c r="CJ7" s="261">
        <v>2</v>
      </c>
      <c r="CK7" s="258">
        <v>10</v>
      </c>
      <c r="CL7" s="263">
        <v>10</v>
      </c>
      <c r="CM7" s="257">
        <v>0</v>
      </c>
      <c r="CN7" s="261">
        <v>0</v>
      </c>
      <c r="CO7" s="258">
        <v>0</v>
      </c>
      <c r="CP7" s="260">
        <v>0</v>
      </c>
      <c r="CQ7" s="261">
        <v>3</v>
      </c>
      <c r="CR7" s="261">
        <v>3</v>
      </c>
      <c r="CS7" s="261">
        <v>5</v>
      </c>
      <c r="CT7" s="261">
        <v>6</v>
      </c>
      <c r="CU7" s="261">
        <v>19</v>
      </c>
      <c r="CV7" s="258">
        <v>36</v>
      </c>
      <c r="CW7" s="263">
        <v>36</v>
      </c>
    </row>
    <row r="8" spans="1:101" ht="21" customHeight="1" x14ac:dyDescent="0.2">
      <c r="B8" s="472" t="s">
        <v>6</v>
      </c>
      <c r="C8" s="257">
        <v>0</v>
      </c>
      <c r="D8" s="258">
        <v>0</v>
      </c>
      <c r="E8" s="259">
        <v>0</v>
      </c>
      <c r="F8" s="260">
        <v>0</v>
      </c>
      <c r="G8" s="261">
        <v>5</v>
      </c>
      <c r="H8" s="261">
        <v>3</v>
      </c>
      <c r="I8" s="261">
        <v>5</v>
      </c>
      <c r="J8" s="261">
        <v>4</v>
      </c>
      <c r="K8" s="261">
        <v>6</v>
      </c>
      <c r="L8" s="262">
        <v>23</v>
      </c>
      <c r="M8" s="263">
        <v>23</v>
      </c>
      <c r="N8" s="257">
        <v>0</v>
      </c>
      <c r="O8" s="261">
        <v>0</v>
      </c>
      <c r="P8" s="258">
        <v>0</v>
      </c>
      <c r="Q8" s="260">
        <v>0</v>
      </c>
      <c r="R8" s="261">
        <v>4</v>
      </c>
      <c r="S8" s="261">
        <v>6</v>
      </c>
      <c r="T8" s="261">
        <v>9</v>
      </c>
      <c r="U8" s="261">
        <v>2</v>
      </c>
      <c r="V8" s="261">
        <v>6</v>
      </c>
      <c r="W8" s="258">
        <v>27</v>
      </c>
      <c r="X8" s="263">
        <v>27</v>
      </c>
      <c r="Y8" s="257">
        <v>0</v>
      </c>
      <c r="Z8" s="261">
        <v>0</v>
      </c>
      <c r="AA8" s="258">
        <v>0</v>
      </c>
      <c r="AB8" s="260">
        <v>0</v>
      </c>
      <c r="AC8" s="261">
        <v>108</v>
      </c>
      <c r="AD8" s="261">
        <v>70</v>
      </c>
      <c r="AE8" s="261">
        <v>33</v>
      </c>
      <c r="AF8" s="261">
        <v>21</v>
      </c>
      <c r="AG8" s="261">
        <v>9</v>
      </c>
      <c r="AH8" s="258">
        <v>241</v>
      </c>
      <c r="AI8" s="263">
        <v>241</v>
      </c>
      <c r="AJ8" s="257">
        <v>0</v>
      </c>
      <c r="AK8" s="261">
        <v>1</v>
      </c>
      <c r="AL8" s="258">
        <v>1</v>
      </c>
      <c r="AM8" s="260">
        <v>0</v>
      </c>
      <c r="AN8" s="261">
        <v>13</v>
      </c>
      <c r="AO8" s="261">
        <v>15</v>
      </c>
      <c r="AP8" s="261">
        <v>9</v>
      </c>
      <c r="AQ8" s="261">
        <v>4</v>
      </c>
      <c r="AR8" s="261">
        <v>5</v>
      </c>
      <c r="AS8" s="258">
        <v>46</v>
      </c>
      <c r="AT8" s="263">
        <v>47</v>
      </c>
      <c r="AU8" s="257">
        <v>3</v>
      </c>
      <c r="AV8" s="261">
        <v>1</v>
      </c>
      <c r="AW8" s="258">
        <v>4</v>
      </c>
      <c r="AX8" s="260">
        <v>0</v>
      </c>
      <c r="AY8" s="261">
        <v>14</v>
      </c>
      <c r="AZ8" s="261">
        <v>12</v>
      </c>
      <c r="BA8" s="261">
        <v>8</v>
      </c>
      <c r="BB8" s="261">
        <v>11</v>
      </c>
      <c r="BC8" s="261">
        <v>3</v>
      </c>
      <c r="BD8" s="258">
        <v>48</v>
      </c>
      <c r="BE8" s="263">
        <v>52</v>
      </c>
      <c r="BF8" s="257">
        <v>0</v>
      </c>
      <c r="BG8" s="261">
        <v>0</v>
      </c>
      <c r="BH8" s="258">
        <v>0</v>
      </c>
      <c r="BI8" s="260">
        <v>0</v>
      </c>
      <c r="BJ8" s="261">
        <v>22</v>
      </c>
      <c r="BK8" s="261">
        <v>25</v>
      </c>
      <c r="BL8" s="261">
        <v>22</v>
      </c>
      <c r="BM8" s="261">
        <v>19</v>
      </c>
      <c r="BN8" s="261">
        <v>11</v>
      </c>
      <c r="BO8" s="262">
        <v>99</v>
      </c>
      <c r="BP8" s="263">
        <v>99</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0</v>
      </c>
      <c r="CG8" s="261">
        <v>0</v>
      </c>
      <c r="CH8" s="261">
        <v>5</v>
      </c>
      <c r="CI8" s="261">
        <v>8</v>
      </c>
      <c r="CJ8" s="261">
        <v>1</v>
      </c>
      <c r="CK8" s="258">
        <v>14</v>
      </c>
      <c r="CL8" s="263">
        <v>14</v>
      </c>
      <c r="CM8" s="257">
        <v>0</v>
      </c>
      <c r="CN8" s="261">
        <v>0</v>
      </c>
      <c r="CO8" s="258">
        <v>0</v>
      </c>
      <c r="CP8" s="260">
        <v>0</v>
      </c>
      <c r="CQ8" s="261">
        <v>7</v>
      </c>
      <c r="CR8" s="261">
        <v>2</v>
      </c>
      <c r="CS8" s="261">
        <v>2</v>
      </c>
      <c r="CT8" s="261">
        <v>6</v>
      </c>
      <c r="CU8" s="261">
        <v>3</v>
      </c>
      <c r="CV8" s="258">
        <v>20</v>
      </c>
      <c r="CW8" s="263">
        <v>20</v>
      </c>
    </row>
    <row r="9" spans="1:101" ht="21" customHeight="1" x14ac:dyDescent="0.2">
      <c r="B9" s="472" t="s">
        <v>14</v>
      </c>
      <c r="C9" s="257">
        <v>0</v>
      </c>
      <c r="D9" s="258">
        <v>0</v>
      </c>
      <c r="E9" s="259">
        <v>0</v>
      </c>
      <c r="F9" s="260">
        <v>0</v>
      </c>
      <c r="G9" s="261">
        <v>2</v>
      </c>
      <c r="H9" s="261">
        <v>2</v>
      </c>
      <c r="I9" s="261">
        <v>1</v>
      </c>
      <c r="J9" s="261">
        <v>0</v>
      </c>
      <c r="K9" s="261">
        <v>2</v>
      </c>
      <c r="L9" s="262">
        <v>7</v>
      </c>
      <c r="M9" s="263">
        <v>7</v>
      </c>
      <c r="N9" s="257">
        <v>0</v>
      </c>
      <c r="O9" s="261">
        <v>0</v>
      </c>
      <c r="P9" s="258">
        <v>0</v>
      </c>
      <c r="Q9" s="260">
        <v>0</v>
      </c>
      <c r="R9" s="261">
        <v>0</v>
      </c>
      <c r="S9" s="261">
        <v>0</v>
      </c>
      <c r="T9" s="261">
        <v>0</v>
      </c>
      <c r="U9" s="261">
        <v>0</v>
      </c>
      <c r="V9" s="261">
        <v>0</v>
      </c>
      <c r="W9" s="258">
        <v>0</v>
      </c>
      <c r="X9" s="263">
        <v>0</v>
      </c>
      <c r="Y9" s="257">
        <v>0</v>
      </c>
      <c r="Z9" s="261">
        <v>0</v>
      </c>
      <c r="AA9" s="258">
        <v>0</v>
      </c>
      <c r="AB9" s="260">
        <v>0</v>
      </c>
      <c r="AC9" s="261">
        <v>71</v>
      </c>
      <c r="AD9" s="261">
        <v>72</v>
      </c>
      <c r="AE9" s="261">
        <v>45</v>
      </c>
      <c r="AF9" s="261">
        <v>11</v>
      </c>
      <c r="AG9" s="261">
        <v>8</v>
      </c>
      <c r="AH9" s="258">
        <v>207</v>
      </c>
      <c r="AI9" s="263">
        <v>207</v>
      </c>
      <c r="AJ9" s="257">
        <v>0</v>
      </c>
      <c r="AK9" s="261">
        <v>0</v>
      </c>
      <c r="AL9" s="258">
        <v>0</v>
      </c>
      <c r="AM9" s="260">
        <v>0</v>
      </c>
      <c r="AN9" s="261">
        <v>0</v>
      </c>
      <c r="AO9" s="261">
        <v>5</v>
      </c>
      <c r="AP9" s="261">
        <v>2</v>
      </c>
      <c r="AQ9" s="261">
        <v>0</v>
      </c>
      <c r="AR9" s="261">
        <v>0</v>
      </c>
      <c r="AS9" s="258">
        <v>7</v>
      </c>
      <c r="AT9" s="263">
        <v>7</v>
      </c>
      <c r="AU9" s="257">
        <v>1</v>
      </c>
      <c r="AV9" s="261">
        <v>1</v>
      </c>
      <c r="AW9" s="258">
        <v>2</v>
      </c>
      <c r="AX9" s="260">
        <v>0</v>
      </c>
      <c r="AY9" s="261">
        <v>7</v>
      </c>
      <c r="AZ9" s="261">
        <v>8</v>
      </c>
      <c r="BA9" s="261">
        <v>5</v>
      </c>
      <c r="BB9" s="261">
        <v>3</v>
      </c>
      <c r="BC9" s="261">
        <v>2</v>
      </c>
      <c r="BD9" s="258">
        <v>25</v>
      </c>
      <c r="BE9" s="263">
        <v>27</v>
      </c>
      <c r="BF9" s="257">
        <v>0</v>
      </c>
      <c r="BG9" s="261">
        <v>0</v>
      </c>
      <c r="BH9" s="258">
        <v>0</v>
      </c>
      <c r="BI9" s="260">
        <v>0</v>
      </c>
      <c r="BJ9" s="261">
        <v>4</v>
      </c>
      <c r="BK9" s="261">
        <v>11</v>
      </c>
      <c r="BL9" s="261">
        <v>13</v>
      </c>
      <c r="BM9" s="261">
        <v>10</v>
      </c>
      <c r="BN9" s="261">
        <v>8</v>
      </c>
      <c r="BO9" s="262">
        <v>46</v>
      </c>
      <c r="BP9" s="263">
        <v>46</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0</v>
      </c>
      <c r="CH9" s="261">
        <v>2</v>
      </c>
      <c r="CI9" s="261">
        <v>2</v>
      </c>
      <c r="CJ9" s="261">
        <v>0</v>
      </c>
      <c r="CK9" s="258">
        <v>4</v>
      </c>
      <c r="CL9" s="263">
        <v>4</v>
      </c>
      <c r="CM9" s="257">
        <v>0</v>
      </c>
      <c r="CN9" s="261">
        <v>0</v>
      </c>
      <c r="CO9" s="258">
        <v>0</v>
      </c>
      <c r="CP9" s="260">
        <v>0</v>
      </c>
      <c r="CQ9" s="261">
        <v>1</v>
      </c>
      <c r="CR9" s="261">
        <v>4</v>
      </c>
      <c r="CS9" s="261">
        <v>0</v>
      </c>
      <c r="CT9" s="261">
        <v>3</v>
      </c>
      <c r="CU9" s="261">
        <v>1</v>
      </c>
      <c r="CV9" s="258">
        <v>9</v>
      </c>
      <c r="CW9" s="263">
        <v>9</v>
      </c>
    </row>
    <row r="10" spans="1:101" ht="21" customHeight="1" x14ac:dyDescent="0.2">
      <c r="B10" s="472" t="s">
        <v>7</v>
      </c>
      <c r="C10" s="257">
        <v>0</v>
      </c>
      <c r="D10" s="258">
        <v>0</v>
      </c>
      <c r="E10" s="259">
        <v>0</v>
      </c>
      <c r="F10" s="260">
        <v>0</v>
      </c>
      <c r="G10" s="261">
        <v>0</v>
      </c>
      <c r="H10" s="261">
        <v>0</v>
      </c>
      <c r="I10" s="261">
        <v>0</v>
      </c>
      <c r="J10" s="261">
        <v>0</v>
      </c>
      <c r="K10" s="261">
        <v>1</v>
      </c>
      <c r="L10" s="262">
        <v>1</v>
      </c>
      <c r="M10" s="263">
        <v>1</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85</v>
      </c>
      <c r="AD10" s="261">
        <v>57</v>
      </c>
      <c r="AE10" s="261">
        <v>22</v>
      </c>
      <c r="AF10" s="261">
        <v>4</v>
      </c>
      <c r="AG10" s="261">
        <v>4</v>
      </c>
      <c r="AH10" s="258">
        <v>172</v>
      </c>
      <c r="AI10" s="263">
        <v>172</v>
      </c>
      <c r="AJ10" s="257">
        <v>0</v>
      </c>
      <c r="AK10" s="261">
        <v>0</v>
      </c>
      <c r="AL10" s="258">
        <v>0</v>
      </c>
      <c r="AM10" s="260">
        <v>0</v>
      </c>
      <c r="AN10" s="261">
        <v>9</v>
      </c>
      <c r="AO10" s="261">
        <v>13</v>
      </c>
      <c r="AP10" s="261">
        <v>6</v>
      </c>
      <c r="AQ10" s="261">
        <v>5</v>
      </c>
      <c r="AR10" s="261">
        <v>2</v>
      </c>
      <c r="AS10" s="258">
        <v>35</v>
      </c>
      <c r="AT10" s="263">
        <v>35</v>
      </c>
      <c r="AU10" s="257">
        <v>0</v>
      </c>
      <c r="AV10" s="261">
        <v>0</v>
      </c>
      <c r="AW10" s="258">
        <v>0</v>
      </c>
      <c r="AX10" s="260">
        <v>0</v>
      </c>
      <c r="AY10" s="261">
        <v>3</v>
      </c>
      <c r="AZ10" s="261">
        <v>3</v>
      </c>
      <c r="BA10" s="261">
        <v>3</v>
      </c>
      <c r="BB10" s="261">
        <v>0</v>
      </c>
      <c r="BC10" s="261">
        <v>0</v>
      </c>
      <c r="BD10" s="258">
        <v>9</v>
      </c>
      <c r="BE10" s="263">
        <v>9</v>
      </c>
      <c r="BF10" s="257">
        <v>0</v>
      </c>
      <c r="BG10" s="261">
        <v>0</v>
      </c>
      <c r="BH10" s="258">
        <v>0</v>
      </c>
      <c r="BI10" s="260">
        <v>0</v>
      </c>
      <c r="BJ10" s="261">
        <v>7</v>
      </c>
      <c r="BK10" s="261">
        <v>5</v>
      </c>
      <c r="BL10" s="261">
        <v>16</v>
      </c>
      <c r="BM10" s="261">
        <v>3</v>
      </c>
      <c r="BN10" s="261">
        <v>4</v>
      </c>
      <c r="BO10" s="262">
        <v>35</v>
      </c>
      <c r="BP10" s="263">
        <v>35</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1</v>
      </c>
      <c r="CT10" s="261">
        <v>2</v>
      </c>
      <c r="CU10" s="261">
        <v>3</v>
      </c>
      <c r="CV10" s="258">
        <v>7</v>
      </c>
      <c r="CW10" s="263">
        <v>7</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2</v>
      </c>
      <c r="AD11" s="261">
        <v>31</v>
      </c>
      <c r="AE11" s="261">
        <v>13</v>
      </c>
      <c r="AF11" s="261">
        <v>5</v>
      </c>
      <c r="AG11" s="261">
        <v>3</v>
      </c>
      <c r="AH11" s="258">
        <v>94</v>
      </c>
      <c r="AI11" s="263">
        <v>94</v>
      </c>
      <c r="AJ11" s="257">
        <v>0</v>
      </c>
      <c r="AK11" s="261">
        <v>0</v>
      </c>
      <c r="AL11" s="258">
        <v>0</v>
      </c>
      <c r="AM11" s="260">
        <v>0</v>
      </c>
      <c r="AN11" s="261">
        <v>1</v>
      </c>
      <c r="AO11" s="261">
        <v>0</v>
      </c>
      <c r="AP11" s="261">
        <v>0</v>
      </c>
      <c r="AQ11" s="261">
        <v>0</v>
      </c>
      <c r="AR11" s="261">
        <v>1</v>
      </c>
      <c r="AS11" s="258">
        <v>2</v>
      </c>
      <c r="AT11" s="263">
        <v>2</v>
      </c>
      <c r="AU11" s="257">
        <v>0</v>
      </c>
      <c r="AV11" s="261">
        <v>1</v>
      </c>
      <c r="AW11" s="258">
        <v>1</v>
      </c>
      <c r="AX11" s="260">
        <v>0</v>
      </c>
      <c r="AY11" s="261">
        <v>1</v>
      </c>
      <c r="AZ11" s="261">
        <v>1</v>
      </c>
      <c r="BA11" s="261">
        <v>2</v>
      </c>
      <c r="BB11" s="261">
        <v>1</v>
      </c>
      <c r="BC11" s="261">
        <v>1</v>
      </c>
      <c r="BD11" s="258">
        <v>6</v>
      </c>
      <c r="BE11" s="263">
        <v>7</v>
      </c>
      <c r="BF11" s="257">
        <v>0</v>
      </c>
      <c r="BG11" s="261">
        <v>0</v>
      </c>
      <c r="BH11" s="258">
        <v>0</v>
      </c>
      <c r="BI11" s="260">
        <v>0</v>
      </c>
      <c r="BJ11" s="261">
        <v>5</v>
      </c>
      <c r="BK11" s="261">
        <v>3</v>
      </c>
      <c r="BL11" s="261">
        <v>4</v>
      </c>
      <c r="BM11" s="261">
        <v>4</v>
      </c>
      <c r="BN11" s="261">
        <v>1</v>
      </c>
      <c r="BO11" s="262">
        <v>17</v>
      </c>
      <c r="BP11" s="263">
        <v>17</v>
      </c>
      <c r="BQ11" s="257">
        <v>0</v>
      </c>
      <c r="BR11" s="261">
        <v>0</v>
      </c>
      <c r="BS11" s="258">
        <v>0</v>
      </c>
      <c r="BT11" s="260">
        <v>0</v>
      </c>
      <c r="BU11" s="261">
        <v>0</v>
      </c>
      <c r="BV11" s="261">
        <v>0</v>
      </c>
      <c r="BW11" s="261">
        <v>2</v>
      </c>
      <c r="BX11" s="261">
        <v>1</v>
      </c>
      <c r="BY11" s="261">
        <v>1</v>
      </c>
      <c r="BZ11" s="258">
        <v>4</v>
      </c>
      <c r="CA11" s="263">
        <v>4</v>
      </c>
      <c r="CB11" s="257">
        <v>0</v>
      </c>
      <c r="CC11" s="261">
        <v>0</v>
      </c>
      <c r="CD11" s="258">
        <v>0</v>
      </c>
      <c r="CE11" s="260">
        <v>0</v>
      </c>
      <c r="CF11" s="261">
        <v>0</v>
      </c>
      <c r="CG11" s="261">
        <v>0</v>
      </c>
      <c r="CH11" s="261">
        <v>0</v>
      </c>
      <c r="CI11" s="261">
        <v>1</v>
      </c>
      <c r="CJ11" s="261">
        <v>0</v>
      </c>
      <c r="CK11" s="258">
        <v>1</v>
      </c>
      <c r="CL11" s="263">
        <v>1</v>
      </c>
      <c r="CM11" s="257">
        <v>0</v>
      </c>
      <c r="CN11" s="261">
        <v>0</v>
      </c>
      <c r="CO11" s="258">
        <v>0</v>
      </c>
      <c r="CP11" s="260">
        <v>0</v>
      </c>
      <c r="CQ11" s="261">
        <v>3</v>
      </c>
      <c r="CR11" s="261">
        <v>0</v>
      </c>
      <c r="CS11" s="261">
        <v>2</v>
      </c>
      <c r="CT11" s="261">
        <v>2</v>
      </c>
      <c r="CU11" s="261">
        <v>1</v>
      </c>
      <c r="CV11" s="258">
        <v>8</v>
      </c>
      <c r="CW11" s="263">
        <v>8</v>
      </c>
    </row>
    <row r="12" spans="1:101" ht="21" customHeight="1" x14ac:dyDescent="0.2">
      <c r="B12" s="472" t="s">
        <v>9</v>
      </c>
      <c r="C12" s="257">
        <v>0</v>
      </c>
      <c r="D12" s="258">
        <v>0</v>
      </c>
      <c r="E12" s="259">
        <v>0</v>
      </c>
      <c r="F12" s="260">
        <v>0</v>
      </c>
      <c r="G12" s="261">
        <v>0</v>
      </c>
      <c r="H12" s="261">
        <v>0</v>
      </c>
      <c r="I12" s="261">
        <v>0</v>
      </c>
      <c r="J12" s="261">
        <v>1</v>
      </c>
      <c r="K12" s="261">
        <v>0</v>
      </c>
      <c r="L12" s="262">
        <v>1</v>
      </c>
      <c r="M12" s="263">
        <v>1</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50</v>
      </c>
      <c r="AD12" s="261">
        <v>29</v>
      </c>
      <c r="AE12" s="261">
        <v>14</v>
      </c>
      <c r="AF12" s="261">
        <v>8</v>
      </c>
      <c r="AG12" s="261">
        <v>2</v>
      </c>
      <c r="AH12" s="258">
        <v>103</v>
      </c>
      <c r="AI12" s="263">
        <v>103</v>
      </c>
      <c r="AJ12" s="257">
        <v>0</v>
      </c>
      <c r="AK12" s="261">
        <v>0</v>
      </c>
      <c r="AL12" s="258">
        <v>0</v>
      </c>
      <c r="AM12" s="260">
        <v>0</v>
      </c>
      <c r="AN12" s="261">
        <v>0</v>
      </c>
      <c r="AO12" s="261">
        <v>0</v>
      </c>
      <c r="AP12" s="261">
        <v>0</v>
      </c>
      <c r="AQ12" s="261">
        <v>0</v>
      </c>
      <c r="AR12" s="261">
        <v>1</v>
      </c>
      <c r="AS12" s="258">
        <v>1</v>
      </c>
      <c r="AT12" s="263">
        <v>1</v>
      </c>
      <c r="AU12" s="257">
        <v>1</v>
      </c>
      <c r="AV12" s="261">
        <v>0</v>
      </c>
      <c r="AW12" s="258">
        <v>1</v>
      </c>
      <c r="AX12" s="260">
        <v>0</v>
      </c>
      <c r="AY12" s="261">
        <v>1</v>
      </c>
      <c r="AZ12" s="261">
        <v>4</v>
      </c>
      <c r="BA12" s="261">
        <v>3</v>
      </c>
      <c r="BB12" s="261">
        <v>0</v>
      </c>
      <c r="BC12" s="261">
        <v>0</v>
      </c>
      <c r="BD12" s="258">
        <v>8</v>
      </c>
      <c r="BE12" s="263">
        <v>9</v>
      </c>
      <c r="BF12" s="257">
        <v>0</v>
      </c>
      <c r="BG12" s="261">
        <v>0</v>
      </c>
      <c r="BH12" s="258">
        <v>0</v>
      </c>
      <c r="BI12" s="260">
        <v>0</v>
      </c>
      <c r="BJ12" s="261">
        <v>3</v>
      </c>
      <c r="BK12" s="261">
        <v>2</v>
      </c>
      <c r="BL12" s="261">
        <v>5</v>
      </c>
      <c r="BM12" s="261">
        <v>4</v>
      </c>
      <c r="BN12" s="261">
        <v>2</v>
      </c>
      <c r="BO12" s="262">
        <v>16</v>
      </c>
      <c r="BP12" s="263">
        <v>16</v>
      </c>
      <c r="BQ12" s="257">
        <v>0</v>
      </c>
      <c r="BR12" s="261">
        <v>0</v>
      </c>
      <c r="BS12" s="258">
        <v>0</v>
      </c>
      <c r="BT12" s="260">
        <v>0</v>
      </c>
      <c r="BU12" s="261">
        <v>0</v>
      </c>
      <c r="BV12" s="261">
        <v>1</v>
      </c>
      <c r="BW12" s="261">
        <v>0</v>
      </c>
      <c r="BX12" s="261">
        <v>0</v>
      </c>
      <c r="BY12" s="261">
        <v>0</v>
      </c>
      <c r="BZ12" s="258">
        <v>1</v>
      </c>
      <c r="CA12" s="263">
        <v>1</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2</v>
      </c>
      <c r="CT12" s="261">
        <v>1</v>
      </c>
      <c r="CU12" s="261">
        <v>1</v>
      </c>
      <c r="CV12" s="258">
        <v>5</v>
      </c>
      <c r="CW12" s="263">
        <v>5</v>
      </c>
    </row>
    <row r="13" spans="1:101" ht="21" customHeight="1" x14ac:dyDescent="0.2">
      <c r="B13" s="472" t="s">
        <v>10</v>
      </c>
      <c r="C13" s="257">
        <v>0</v>
      </c>
      <c r="D13" s="258">
        <v>0</v>
      </c>
      <c r="E13" s="259">
        <v>0</v>
      </c>
      <c r="F13" s="260">
        <v>0</v>
      </c>
      <c r="G13" s="261">
        <v>2</v>
      </c>
      <c r="H13" s="261">
        <v>1</v>
      </c>
      <c r="I13" s="261">
        <v>2</v>
      </c>
      <c r="J13" s="261">
        <v>0</v>
      </c>
      <c r="K13" s="261">
        <v>0</v>
      </c>
      <c r="L13" s="262">
        <v>5</v>
      </c>
      <c r="M13" s="263">
        <v>5</v>
      </c>
      <c r="N13" s="257">
        <v>0</v>
      </c>
      <c r="O13" s="261">
        <v>0</v>
      </c>
      <c r="P13" s="258">
        <v>0</v>
      </c>
      <c r="Q13" s="260">
        <v>0</v>
      </c>
      <c r="R13" s="261">
        <v>1</v>
      </c>
      <c r="S13" s="261">
        <v>0</v>
      </c>
      <c r="T13" s="261">
        <v>2</v>
      </c>
      <c r="U13" s="261">
        <v>0</v>
      </c>
      <c r="V13" s="261">
        <v>0</v>
      </c>
      <c r="W13" s="258">
        <v>3</v>
      </c>
      <c r="X13" s="263">
        <v>3</v>
      </c>
      <c r="Y13" s="257">
        <v>0</v>
      </c>
      <c r="Z13" s="261">
        <v>0</v>
      </c>
      <c r="AA13" s="258">
        <v>0</v>
      </c>
      <c r="AB13" s="260">
        <v>0</v>
      </c>
      <c r="AC13" s="261">
        <v>43</v>
      </c>
      <c r="AD13" s="261">
        <v>21</v>
      </c>
      <c r="AE13" s="261">
        <v>6</v>
      </c>
      <c r="AF13" s="261">
        <v>3</v>
      </c>
      <c r="AG13" s="261">
        <v>1</v>
      </c>
      <c r="AH13" s="258">
        <v>74</v>
      </c>
      <c r="AI13" s="263">
        <v>74</v>
      </c>
      <c r="AJ13" s="257">
        <v>0</v>
      </c>
      <c r="AK13" s="261">
        <v>0</v>
      </c>
      <c r="AL13" s="258">
        <v>0</v>
      </c>
      <c r="AM13" s="260">
        <v>0</v>
      </c>
      <c r="AN13" s="261">
        <v>4</v>
      </c>
      <c r="AO13" s="261">
        <v>1</v>
      </c>
      <c r="AP13" s="261">
        <v>2</v>
      </c>
      <c r="AQ13" s="261">
        <v>1</v>
      </c>
      <c r="AR13" s="261">
        <v>2</v>
      </c>
      <c r="AS13" s="258">
        <v>10</v>
      </c>
      <c r="AT13" s="263">
        <v>10</v>
      </c>
      <c r="AU13" s="257">
        <v>0</v>
      </c>
      <c r="AV13" s="261">
        <v>0</v>
      </c>
      <c r="AW13" s="258">
        <v>0</v>
      </c>
      <c r="AX13" s="260">
        <v>0</v>
      </c>
      <c r="AY13" s="261">
        <v>4</v>
      </c>
      <c r="AZ13" s="261">
        <v>3</v>
      </c>
      <c r="BA13" s="261">
        <v>3</v>
      </c>
      <c r="BB13" s="261">
        <v>3</v>
      </c>
      <c r="BC13" s="261">
        <v>1</v>
      </c>
      <c r="BD13" s="258">
        <v>14</v>
      </c>
      <c r="BE13" s="263">
        <v>14</v>
      </c>
      <c r="BF13" s="257">
        <v>0</v>
      </c>
      <c r="BG13" s="261">
        <v>0</v>
      </c>
      <c r="BH13" s="258">
        <v>0</v>
      </c>
      <c r="BI13" s="260">
        <v>0</v>
      </c>
      <c r="BJ13" s="261">
        <v>5</v>
      </c>
      <c r="BK13" s="261">
        <v>9</v>
      </c>
      <c r="BL13" s="261">
        <v>10</v>
      </c>
      <c r="BM13" s="261">
        <v>2</v>
      </c>
      <c r="BN13" s="261">
        <v>6</v>
      </c>
      <c r="BO13" s="262">
        <v>32</v>
      </c>
      <c r="BP13" s="263">
        <v>32</v>
      </c>
      <c r="BQ13" s="257">
        <v>0</v>
      </c>
      <c r="BR13" s="261">
        <v>0</v>
      </c>
      <c r="BS13" s="258">
        <v>0</v>
      </c>
      <c r="BT13" s="260">
        <v>0</v>
      </c>
      <c r="BU13" s="261">
        <v>2</v>
      </c>
      <c r="BV13" s="261">
        <v>2</v>
      </c>
      <c r="BW13" s="261">
        <v>6</v>
      </c>
      <c r="BX13" s="261">
        <v>0</v>
      </c>
      <c r="BY13" s="261">
        <v>3</v>
      </c>
      <c r="BZ13" s="258">
        <v>13</v>
      </c>
      <c r="CA13" s="263">
        <v>13</v>
      </c>
      <c r="CB13" s="257">
        <v>0</v>
      </c>
      <c r="CC13" s="261">
        <v>0</v>
      </c>
      <c r="CD13" s="258">
        <v>0</v>
      </c>
      <c r="CE13" s="260">
        <v>0</v>
      </c>
      <c r="CF13" s="261">
        <v>0</v>
      </c>
      <c r="CG13" s="261">
        <v>1</v>
      </c>
      <c r="CH13" s="261">
        <v>1</v>
      </c>
      <c r="CI13" s="261">
        <v>4</v>
      </c>
      <c r="CJ13" s="261">
        <v>3</v>
      </c>
      <c r="CK13" s="258">
        <v>9</v>
      </c>
      <c r="CL13" s="263">
        <v>9</v>
      </c>
      <c r="CM13" s="257">
        <v>0</v>
      </c>
      <c r="CN13" s="261">
        <v>0</v>
      </c>
      <c r="CO13" s="258">
        <v>0</v>
      </c>
      <c r="CP13" s="260">
        <v>0</v>
      </c>
      <c r="CQ13" s="261">
        <v>1</v>
      </c>
      <c r="CR13" s="261">
        <v>4</v>
      </c>
      <c r="CS13" s="261">
        <v>4</v>
      </c>
      <c r="CT13" s="261">
        <v>6</v>
      </c>
      <c r="CU13" s="261">
        <v>2</v>
      </c>
      <c r="CV13" s="258">
        <v>17</v>
      </c>
      <c r="CW13" s="263">
        <v>17</v>
      </c>
    </row>
    <row r="14" spans="1:101" ht="21" customHeight="1" x14ac:dyDescent="0.2">
      <c r="B14" s="472" t="s">
        <v>11</v>
      </c>
      <c r="C14" s="257">
        <v>0</v>
      </c>
      <c r="D14" s="258">
        <v>0</v>
      </c>
      <c r="E14" s="259">
        <v>0</v>
      </c>
      <c r="F14" s="260">
        <v>0</v>
      </c>
      <c r="G14" s="261">
        <v>1</v>
      </c>
      <c r="H14" s="261">
        <v>0</v>
      </c>
      <c r="I14" s="261">
        <v>1</v>
      </c>
      <c r="J14" s="261">
        <v>0</v>
      </c>
      <c r="K14" s="261">
        <v>1</v>
      </c>
      <c r="L14" s="262">
        <v>3</v>
      </c>
      <c r="M14" s="263">
        <v>3</v>
      </c>
      <c r="N14" s="257">
        <v>0</v>
      </c>
      <c r="O14" s="261">
        <v>0</v>
      </c>
      <c r="P14" s="258">
        <v>0</v>
      </c>
      <c r="Q14" s="260">
        <v>0</v>
      </c>
      <c r="R14" s="261">
        <v>1</v>
      </c>
      <c r="S14" s="261">
        <v>0</v>
      </c>
      <c r="T14" s="261">
        <v>0</v>
      </c>
      <c r="U14" s="261">
        <v>0</v>
      </c>
      <c r="V14" s="261">
        <v>0</v>
      </c>
      <c r="W14" s="258">
        <v>1</v>
      </c>
      <c r="X14" s="263">
        <v>1</v>
      </c>
      <c r="Y14" s="257">
        <v>0</v>
      </c>
      <c r="Z14" s="261">
        <v>0</v>
      </c>
      <c r="AA14" s="258">
        <v>0</v>
      </c>
      <c r="AB14" s="260">
        <v>0</v>
      </c>
      <c r="AC14" s="261">
        <v>14</v>
      </c>
      <c r="AD14" s="261">
        <v>9</v>
      </c>
      <c r="AE14" s="261">
        <v>4</v>
      </c>
      <c r="AF14" s="261">
        <v>2</v>
      </c>
      <c r="AG14" s="261">
        <v>1</v>
      </c>
      <c r="AH14" s="258">
        <v>30</v>
      </c>
      <c r="AI14" s="263">
        <v>30</v>
      </c>
      <c r="AJ14" s="257">
        <v>1</v>
      </c>
      <c r="AK14" s="261">
        <v>0</v>
      </c>
      <c r="AL14" s="258">
        <v>1</v>
      </c>
      <c r="AM14" s="260">
        <v>0</v>
      </c>
      <c r="AN14" s="261">
        <v>0</v>
      </c>
      <c r="AO14" s="261">
        <v>2</v>
      </c>
      <c r="AP14" s="261">
        <v>1</v>
      </c>
      <c r="AQ14" s="261">
        <v>0</v>
      </c>
      <c r="AR14" s="261">
        <v>0</v>
      </c>
      <c r="AS14" s="258">
        <v>3</v>
      </c>
      <c r="AT14" s="263">
        <v>4</v>
      </c>
      <c r="AU14" s="257">
        <v>0</v>
      </c>
      <c r="AV14" s="261">
        <v>0</v>
      </c>
      <c r="AW14" s="258">
        <v>0</v>
      </c>
      <c r="AX14" s="260">
        <v>0</v>
      </c>
      <c r="AY14" s="261">
        <v>1</v>
      </c>
      <c r="AZ14" s="261">
        <v>4</v>
      </c>
      <c r="BA14" s="261">
        <v>5</v>
      </c>
      <c r="BB14" s="261">
        <v>0</v>
      </c>
      <c r="BC14" s="261">
        <v>0</v>
      </c>
      <c r="BD14" s="258">
        <v>10</v>
      </c>
      <c r="BE14" s="263">
        <v>10</v>
      </c>
      <c r="BF14" s="257">
        <v>0</v>
      </c>
      <c r="BG14" s="261">
        <v>0</v>
      </c>
      <c r="BH14" s="258">
        <v>0</v>
      </c>
      <c r="BI14" s="260">
        <v>0</v>
      </c>
      <c r="BJ14" s="261">
        <v>0</v>
      </c>
      <c r="BK14" s="261">
        <v>2</v>
      </c>
      <c r="BL14" s="261">
        <v>3</v>
      </c>
      <c r="BM14" s="261">
        <v>4</v>
      </c>
      <c r="BN14" s="261">
        <v>0</v>
      </c>
      <c r="BO14" s="262">
        <v>9</v>
      </c>
      <c r="BP14" s="263">
        <v>9</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1</v>
      </c>
      <c r="CR14" s="261">
        <v>1</v>
      </c>
      <c r="CS14" s="261">
        <v>0</v>
      </c>
      <c r="CT14" s="261">
        <v>1</v>
      </c>
      <c r="CU14" s="261">
        <v>0</v>
      </c>
      <c r="CV14" s="258">
        <v>3</v>
      </c>
      <c r="CW14" s="263">
        <v>3</v>
      </c>
    </row>
    <row r="15" spans="1:101" ht="21" customHeight="1" x14ac:dyDescent="0.2">
      <c r="B15" s="472" t="s">
        <v>12</v>
      </c>
      <c r="C15" s="257">
        <v>0</v>
      </c>
      <c r="D15" s="258">
        <v>0</v>
      </c>
      <c r="E15" s="259">
        <v>0</v>
      </c>
      <c r="F15" s="260">
        <v>0</v>
      </c>
      <c r="G15" s="261">
        <v>1</v>
      </c>
      <c r="H15" s="261">
        <v>1</v>
      </c>
      <c r="I15" s="261">
        <v>0</v>
      </c>
      <c r="J15" s="261">
        <v>1</v>
      </c>
      <c r="K15" s="261">
        <v>0</v>
      </c>
      <c r="L15" s="262">
        <v>3</v>
      </c>
      <c r="M15" s="263">
        <v>3</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4</v>
      </c>
      <c r="AD15" s="261">
        <v>19</v>
      </c>
      <c r="AE15" s="261">
        <v>11</v>
      </c>
      <c r="AF15" s="261">
        <v>8</v>
      </c>
      <c r="AG15" s="261">
        <v>2</v>
      </c>
      <c r="AH15" s="258">
        <v>64</v>
      </c>
      <c r="AI15" s="263">
        <v>64</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2</v>
      </c>
      <c r="AZ15" s="261">
        <v>0</v>
      </c>
      <c r="BA15" s="261">
        <v>3</v>
      </c>
      <c r="BB15" s="261">
        <v>3</v>
      </c>
      <c r="BC15" s="261">
        <v>2</v>
      </c>
      <c r="BD15" s="258">
        <v>10</v>
      </c>
      <c r="BE15" s="263">
        <v>10</v>
      </c>
      <c r="BF15" s="257">
        <v>0</v>
      </c>
      <c r="BG15" s="261">
        <v>0</v>
      </c>
      <c r="BH15" s="258">
        <v>0</v>
      </c>
      <c r="BI15" s="260">
        <v>0</v>
      </c>
      <c r="BJ15" s="261">
        <v>3</v>
      </c>
      <c r="BK15" s="261">
        <v>2</v>
      </c>
      <c r="BL15" s="261">
        <v>3</v>
      </c>
      <c r="BM15" s="261">
        <v>2</v>
      </c>
      <c r="BN15" s="261">
        <v>3</v>
      </c>
      <c r="BO15" s="262">
        <v>13</v>
      </c>
      <c r="BP15" s="263">
        <v>13</v>
      </c>
      <c r="BQ15" s="257">
        <v>0</v>
      </c>
      <c r="BR15" s="261">
        <v>0</v>
      </c>
      <c r="BS15" s="258">
        <v>0</v>
      </c>
      <c r="BT15" s="260">
        <v>0</v>
      </c>
      <c r="BU15" s="261">
        <v>0</v>
      </c>
      <c r="BV15" s="261">
        <v>3</v>
      </c>
      <c r="BW15" s="261">
        <v>1</v>
      </c>
      <c r="BX15" s="261">
        <v>2</v>
      </c>
      <c r="BY15" s="261">
        <v>0</v>
      </c>
      <c r="BZ15" s="258">
        <v>6</v>
      </c>
      <c r="CA15" s="263">
        <v>6</v>
      </c>
      <c r="CB15" s="257">
        <v>0</v>
      </c>
      <c r="CC15" s="261">
        <v>0</v>
      </c>
      <c r="CD15" s="258">
        <v>0</v>
      </c>
      <c r="CE15" s="260">
        <v>0</v>
      </c>
      <c r="CF15" s="261">
        <v>0</v>
      </c>
      <c r="CG15" s="261">
        <v>0</v>
      </c>
      <c r="CH15" s="261">
        <v>0</v>
      </c>
      <c r="CI15" s="261">
        <v>0</v>
      </c>
      <c r="CJ15" s="261">
        <v>1</v>
      </c>
      <c r="CK15" s="258">
        <v>1</v>
      </c>
      <c r="CL15" s="263">
        <v>1</v>
      </c>
      <c r="CM15" s="257">
        <v>0</v>
      </c>
      <c r="CN15" s="261">
        <v>0</v>
      </c>
      <c r="CO15" s="258">
        <v>0</v>
      </c>
      <c r="CP15" s="260">
        <v>0</v>
      </c>
      <c r="CQ15" s="261">
        <v>2</v>
      </c>
      <c r="CR15" s="261">
        <v>3</v>
      </c>
      <c r="CS15" s="261">
        <v>0</v>
      </c>
      <c r="CT15" s="261">
        <v>1</v>
      </c>
      <c r="CU15" s="261">
        <v>0</v>
      </c>
      <c r="CV15" s="258">
        <v>6</v>
      </c>
      <c r="CW15" s="263">
        <v>6</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6</v>
      </c>
      <c r="AD16" s="261">
        <v>15</v>
      </c>
      <c r="AE16" s="261">
        <v>8</v>
      </c>
      <c r="AF16" s="261">
        <v>2</v>
      </c>
      <c r="AG16" s="261">
        <v>2</v>
      </c>
      <c r="AH16" s="258">
        <v>43</v>
      </c>
      <c r="AI16" s="263">
        <v>43</v>
      </c>
      <c r="AJ16" s="257">
        <v>0</v>
      </c>
      <c r="AK16" s="261">
        <v>0</v>
      </c>
      <c r="AL16" s="258">
        <v>0</v>
      </c>
      <c r="AM16" s="260">
        <v>0</v>
      </c>
      <c r="AN16" s="261">
        <v>0</v>
      </c>
      <c r="AO16" s="261">
        <v>2</v>
      </c>
      <c r="AP16" s="261">
        <v>1</v>
      </c>
      <c r="AQ16" s="261">
        <v>1</v>
      </c>
      <c r="AR16" s="261">
        <v>1</v>
      </c>
      <c r="AS16" s="258">
        <v>5</v>
      </c>
      <c r="AT16" s="263">
        <v>5</v>
      </c>
      <c r="AU16" s="257">
        <v>0</v>
      </c>
      <c r="AV16" s="261">
        <v>0</v>
      </c>
      <c r="AW16" s="258">
        <v>0</v>
      </c>
      <c r="AX16" s="260">
        <v>0</v>
      </c>
      <c r="AY16" s="261">
        <v>0</v>
      </c>
      <c r="AZ16" s="261">
        <v>3</v>
      </c>
      <c r="BA16" s="261">
        <v>1</v>
      </c>
      <c r="BB16" s="261">
        <v>0</v>
      </c>
      <c r="BC16" s="261">
        <v>0</v>
      </c>
      <c r="BD16" s="258">
        <v>4</v>
      </c>
      <c r="BE16" s="263">
        <v>4</v>
      </c>
      <c r="BF16" s="257">
        <v>0</v>
      </c>
      <c r="BG16" s="261">
        <v>0</v>
      </c>
      <c r="BH16" s="258">
        <v>0</v>
      </c>
      <c r="BI16" s="260">
        <v>0</v>
      </c>
      <c r="BJ16" s="261">
        <v>0</v>
      </c>
      <c r="BK16" s="261">
        <v>2</v>
      </c>
      <c r="BL16" s="261">
        <v>0</v>
      </c>
      <c r="BM16" s="261">
        <v>1</v>
      </c>
      <c r="BN16" s="261">
        <v>0</v>
      </c>
      <c r="BO16" s="262">
        <v>3</v>
      </c>
      <c r="BP16" s="263">
        <v>3</v>
      </c>
      <c r="BQ16" s="257">
        <v>0</v>
      </c>
      <c r="BR16" s="261">
        <v>0</v>
      </c>
      <c r="BS16" s="258">
        <v>0</v>
      </c>
      <c r="BT16" s="260">
        <v>0</v>
      </c>
      <c r="BU16" s="261">
        <v>0</v>
      </c>
      <c r="BV16" s="261">
        <v>0</v>
      </c>
      <c r="BW16" s="261">
        <v>0</v>
      </c>
      <c r="BX16" s="261">
        <v>2</v>
      </c>
      <c r="BY16" s="261">
        <v>0</v>
      </c>
      <c r="BZ16" s="258">
        <v>2</v>
      </c>
      <c r="CA16" s="263">
        <v>2</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1</v>
      </c>
      <c r="H17" s="261">
        <v>0</v>
      </c>
      <c r="I17" s="261">
        <v>0</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6</v>
      </c>
      <c r="AD17" s="261">
        <v>7</v>
      </c>
      <c r="AE17" s="261">
        <v>3</v>
      </c>
      <c r="AF17" s="261">
        <v>2</v>
      </c>
      <c r="AG17" s="261">
        <v>2</v>
      </c>
      <c r="AH17" s="258">
        <v>20</v>
      </c>
      <c r="AI17" s="263">
        <v>20</v>
      </c>
      <c r="AJ17" s="257">
        <v>0</v>
      </c>
      <c r="AK17" s="261">
        <v>0</v>
      </c>
      <c r="AL17" s="258">
        <v>0</v>
      </c>
      <c r="AM17" s="260">
        <v>0</v>
      </c>
      <c r="AN17" s="261">
        <v>1</v>
      </c>
      <c r="AO17" s="261">
        <v>0</v>
      </c>
      <c r="AP17" s="261">
        <v>0</v>
      </c>
      <c r="AQ17" s="261">
        <v>1</v>
      </c>
      <c r="AR17" s="261">
        <v>0</v>
      </c>
      <c r="AS17" s="258">
        <v>2</v>
      </c>
      <c r="AT17" s="263">
        <v>2</v>
      </c>
      <c r="AU17" s="257">
        <v>0</v>
      </c>
      <c r="AV17" s="261">
        <v>0</v>
      </c>
      <c r="AW17" s="258">
        <v>0</v>
      </c>
      <c r="AX17" s="260">
        <v>0</v>
      </c>
      <c r="AY17" s="261">
        <v>1</v>
      </c>
      <c r="AZ17" s="261">
        <v>1</v>
      </c>
      <c r="BA17" s="261">
        <v>0</v>
      </c>
      <c r="BB17" s="261">
        <v>1</v>
      </c>
      <c r="BC17" s="261">
        <v>1</v>
      </c>
      <c r="BD17" s="258">
        <v>4</v>
      </c>
      <c r="BE17" s="263">
        <v>4</v>
      </c>
      <c r="BF17" s="257">
        <v>0</v>
      </c>
      <c r="BG17" s="261">
        <v>0</v>
      </c>
      <c r="BH17" s="258">
        <v>0</v>
      </c>
      <c r="BI17" s="260">
        <v>0</v>
      </c>
      <c r="BJ17" s="261">
        <v>3</v>
      </c>
      <c r="BK17" s="261">
        <v>1</v>
      </c>
      <c r="BL17" s="261">
        <v>1</v>
      </c>
      <c r="BM17" s="261">
        <v>0</v>
      </c>
      <c r="BN17" s="261">
        <v>0</v>
      </c>
      <c r="BO17" s="262">
        <v>5</v>
      </c>
      <c r="BP17" s="263">
        <v>5</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1</v>
      </c>
      <c r="J18" s="261">
        <v>0</v>
      </c>
      <c r="K18" s="261">
        <v>1</v>
      </c>
      <c r="L18" s="262">
        <v>2</v>
      </c>
      <c r="M18" s="263">
        <v>2</v>
      </c>
      <c r="N18" s="257">
        <v>0</v>
      </c>
      <c r="O18" s="261">
        <v>0</v>
      </c>
      <c r="P18" s="258">
        <v>0</v>
      </c>
      <c r="Q18" s="260">
        <v>0</v>
      </c>
      <c r="R18" s="261">
        <v>0</v>
      </c>
      <c r="S18" s="261">
        <v>0</v>
      </c>
      <c r="T18" s="261">
        <v>1</v>
      </c>
      <c r="U18" s="261">
        <v>0</v>
      </c>
      <c r="V18" s="261">
        <v>0</v>
      </c>
      <c r="W18" s="258">
        <v>1</v>
      </c>
      <c r="X18" s="263">
        <v>1</v>
      </c>
      <c r="Y18" s="257">
        <v>0</v>
      </c>
      <c r="Z18" s="261">
        <v>0</v>
      </c>
      <c r="AA18" s="258">
        <v>0</v>
      </c>
      <c r="AB18" s="260">
        <v>0</v>
      </c>
      <c r="AC18" s="261">
        <v>15</v>
      </c>
      <c r="AD18" s="261">
        <v>11</v>
      </c>
      <c r="AE18" s="261">
        <v>7</v>
      </c>
      <c r="AF18" s="261">
        <v>3</v>
      </c>
      <c r="AG18" s="261">
        <v>0</v>
      </c>
      <c r="AH18" s="258">
        <v>36</v>
      </c>
      <c r="AI18" s="263">
        <v>36</v>
      </c>
      <c r="AJ18" s="257">
        <v>0</v>
      </c>
      <c r="AK18" s="261">
        <v>0</v>
      </c>
      <c r="AL18" s="258">
        <v>0</v>
      </c>
      <c r="AM18" s="260">
        <v>0</v>
      </c>
      <c r="AN18" s="261">
        <v>0</v>
      </c>
      <c r="AO18" s="261">
        <v>0</v>
      </c>
      <c r="AP18" s="261">
        <v>1</v>
      </c>
      <c r="AQ18" s="261">
        <v>0</v>
      </c>
      <c r="AR18" s="261">
        <v>0</v>
      </c>
      <c r="AS18" s="258">
        <v>1</v>
      </c>
      <c r="AT18" s="263">
        <v>1</v>
      </c>
      <c r="AU18" s="257">
        <v>0</v>
      </c>
      <c r="AV18" s="261">
        <v>0</v>
      </c>
      <c r="AW18" s="258">
        <v>0</v>
      </c>
      <c r="AX18" s="260">
        <v>0</v>
      </c>
      <c r="AY18" s="261">
        <v>0</v>
      </c>
      <c r="AZ18" s="261">
        <v>0</v>
      </c>
      <c r="BA18" s="261">
        <v>2</v>
      </c>
      <c r="BB18" s="261">
        <v>1</v>
      </c>
      <c r="BC18" s="261">
        <v>0</v>
      </c>
      <c r="BD18" s="258">
        <v>3</v>
      </c>
      <c r="BE18" s="263">
        <v>3</v>
      </c>
      <c r="BF18" s="257">
        <v>0</v>
      </c>
      <c r="BG18" s="261">
        <v>0</v>
      </c>
      <c r="BH18" s="258">
        <v>0</v>
      </c>
      <c r="BI18" s="260">
        <v>0</v>
      </c>
      <c r="BJ18" s="261">
        <v>0</v>
      </c>
      <c r="BK18" s="261">
        <v>2</v>
      </c>
      <c r="BL18" s="261">
        <v>2</v>
      </c>
      <c r="BM18" s="261">
        <v>1</v>
      </c>
      <c r="BN18" s="261">
        <v>3</v>
      </c>
      <c r="BO18" s="262">
        <v>8</v>
      </c>
      <c r="BP18" s="263">
        <v>8</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1</v>
      </c>
      <c r="CS18" s="261">
        <v>0</v>
      </c>
      <c r="CT18" s="261">
        <v>0</v>
      </c>
      <c r="CU18" s="261">
        <v>0</v>
      </c>
      <c r="CV18" s="258">
        <v>1</v>
      </c>
      <c r="CW18" s="263">
        <v>1</v>
      </c>
    </row>
    <row r="19" spans="2:101" ht="21" customHeight="1" x14ac:dyDescent="0.2">
      <c r="B19" s="472" t="s">
        <v>17</v>
      </c>
      <c r="C19" s="257">
        <v>0</v>
      </c>
      <c r="D19" s="258">
        <v>0</v>
      </c>
      <c r="E19" s="259">
        <v>0</v>
      </c>
      <c r="F19" s="260">
        <v>0</v>
      </c>
      <c r="G19" s="261">
        <v>0</v>
      </c>
      <c r="H19" s="261">
        <v>0</v>
      </c>
      <c r="I19" s="261">
        <v>0</v>
      </c>
      <c r="J19" s="261">
        <v>0</v>
      </c>
      <c r="K19" s="261">
        <v>1</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25</v>
      </c>
      <c r="AD19" s="261">
        <v>19</v>
      </c>
      <c r="AE19" s="261">
        <v>8</v>
      </c>
      <c r="AF19" s="261">
        <v>1</v>
      </c>
      <c r="AG19" s="261">
        <v>2</v>
      </c>
      <c r="AH19" s="258">
        <v>55</v>
      </c>
      <c r="AI19" s="263">
        <v>55</v>
      </c>
      <c r="AJ19" s="257">
        <v>0</v>
      </c>
      <c r="AK19" s="261">
        <v>0</v>
      </c>
      <c r="AL19" s="258">
        <v>0</v>
      </c>
      <c r="AM19" s="260">
        <v>0</v>
      </c>
      <c r="AN19" s="261">
        <v>3</v>
      </c>
      <c r="AO19" s="261">
        <v>1</v>
      </c>
      <c r="AP19" s="261">
        <v>1</v>
      </c>
      <c r="AQ19" s="261">
        <v>0</v>
      </c>
      <c r="AR19" s="261">
        <v>0</v>
      </c>
      <c r="AS19" s="258">
        <v>5</v>
      </c>
      <c r="AT19" s="263">
        <v>5</v>
      </c>
      <c r="AU19" s="257">
        <v>0</v>
      </c>
      <c r="AV19" s="261">
        <v>0</v>
      </c>
      <c r="AW19" s="258">
        <v>0</v>
      </c>
      <c r="AX19" s="260">
        <v>0</v>
      </c>
      <c r="AY19" s="261">
        <v>3</v>
      </c>
      <c r="AZ19" s="261">
        <v>1</v>
      </c>
      <c r="BA19" s="261">
        <v>2</v>
      </c>
      <c r="BB19" s="261">
        <v>3</v>
      </c>
      <c r="BC19" s="261">
        <v>0</v>
      </c>
      <c r="BD19" s="258">
        <v>9</v>
      </c>
      <c r="BE19" s="263">
        <v>9</v>
      </c>
      <c r="BF19" s="257">
        <v>0</v>
      </c>
      <c r="BG19" s="261">
        <v>0</v>
      </c>
      <c r="BH19" s="258">
        <v>0</v>
      </c>
      <c r="BI19" s="260">
        <v>0</v>
      </c>
      <c r="BJ19" s="261">
        <v>4</v>
      </c>
      <c r="BK19" s="261">
        <v>5</v>
      </c>
      <c r="BL19" s="261">
        <v>4</v>
      </c>
      <c r="BM19" s="261">
        <v>1</v>
      </c>
      <c r="BN19" s="261">
        <v>1</v>
      </c>
      <c r="BO19" s="262">
        <v>15</v>
      </c>
      <c r="BP19" s="263">
        <v>15</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2</v>
      </c>
      <c r="CI19" s="261">
        <v>2</v>
      </c>
      <c r="CJ19" s="261">
        <v>0</v>
      </c>
      <c r="CK19" s="258">
        <v>4</v>
      </c>
      <c r="CL19" s="263">
        <v>4</v>
      </c>
      <c r="CM19" s="257">
        <v>0</v>
      </c>
      <c r="CN19" s="261">
        <v>0</v>
      </c>
      <c r="CO19" s="258">
        <v>0</v>
      </c>
      <c r="CP19" s="260">
        <v>0</v>
      </c>
      <c r="CQ19" s="261">
        <v>0</v>
      </c>
      <c r="CR19" s="261">
        <v>0</v>
      </c>
      <c r="CS19" s="261">
        <v>1</v>
      </c>
      <c r="CT19" s="261">
        <v>0</v>
      </c>
      <c r="CU19" s="261">
        <v>1</v>
      </c>
      <c r="CV19" s="258">
        <v>2</v>
      </c>
      <c r="CW19" s="263">
        <v>2</v>
      </c>
    </row>
    <row r="20" spans="2:101" ht="21" customHeight="1" x14ac:dyDescent="0.2">
      <c r="B20" s="472" t="s">
        <v>18</v>
      </c>
      <c r="C20" s="257">
        <v>0</v>
      </c>
      <c r="D20" s="258">
        <v>0</v>
      </c>
      <c r="E20" s="259">
        <v>0</v>
      </c>
      <c r="F20" s="260">
        <v>0</v>
      </c>
      <c r="G20" s="261">
        <v>0</v>
      </c>
      <c r="H20" s="261">
        <v>0</v>
      </c>
      <c r="I20" s="261">
        <v>0</v>
      </c>
      <c r="J20" s="261">
        <v>0</v>
      </c>
      <c r="K20" s="261">
        <v>0</v>
      </c>
      <c r="L20" s="262">
        <v>0</v>
      </c>
      <c r="M20" s="263">
        <v>0</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2</v>
      </c>
      <c r="AD20" s="261">
        <v>13</v>
      </c>
      <c r="AE20" s="261">
        <v>7</v>
      </c>
      <c r="AF20" s="261">
        <v>0</v>
      </c>
      <c r="AG20" s="261">
        <v>0</v>
      </c>
      <c r="AH20" s="258">
        <v>42</v>
      </c>
      <c r="AI20" s="263">
        <v>42</v>
      </c>
      <c r="AJ20" s="257">
        <v>0</v>
      </c>
      <c r="AK20" s="261">
        <v>0</v>
      </c>
      <c r="AL20" s="258">
        <v>0</v>
      </c>
      <c r="AM20" s="260">
        <v>0</v>
      </c>
      <c r="AN20" s="261">
        <v>0</v>
      </c>
      <c r="AO20" s="261">
        <v>0</v>
      </c>
      <c r="AP20" s="261">
        <v>4</v>
      </c>
      <c r="AQ20" s="261">
        <v>1</v>
      </c>
      <c r="AR20" s="261">
        <v>0</v>
      </c>
      <c r="AS20" s="258">
        <v>5</v>
      </c>
      <c r="AT20" s="263">
        <v>5</v>
      </c>
      <c r="AU20" s="257">
        <v>1</v>
      </c>
      <c r="AV20" s="261">
        <v>0</v>
      </c>
      <c r="AW20" s="258">
        <v>1</v>
      </c>
      <c r="AX20" s="260">
        <v>0</v>
      </c>
      <c r="AY20" s="261">
        <v>4</v>
      </c>
      <c r="AZ20" s="261">
        <v>2</v>
      </c>
      <c r="BA20" s="261">
        <v>6</v>
      </c>
      <c r="BB20" s="261">
        <v>2</v>
      </c>
      <c r="BC20" s="261">
        <v>0</v>
      </c>
      <c r="BD20" s="258">
        <v>14</v>
      </c>
      <c r="BE20" s="263">
        <v>15</v>
      </c>
      <c r="BF20" s="257">
        <v>0</v>
      </c>
      <c r="BG20" s="261">
        <v>0</v>
      </c>
      <c r="BH20" s="258">
        <v>0</v>
      </c>
      <c r="BI20" s="260">
        <v>0</v>
      </c>
      <c r="BJ20" s="261">
        <v>1</v>
      </c>
      <c r="BK20" s="261">
        <v>5</v>
      </c>
      <c r="BL20" s="261">
        <v>4</v>
      </c>
      <c r="BM20" s="261">
        <v>2</v>
      </c>
      <c r="BN20" s="261">
        <v>2</v>
      </c>
      <c r="BO20" s="262">
        <v>14</v>
      </c>
      <c r="BP20" s="263">
        <v>14</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1</v>
      </c>
      <c r="CK20" s="258">
        <v>2</v>
      </c>
      <c r="CL20" s="263">
        <v>2</v>
      </c>
      <c r="CM20" s="257">
        <v>0</v>
      </c>
      <c r="CN20" s="261">
        <v>0</v>
      </c>
      <c r="CO20" s="258">
        <v>0</v>
      </c>
      <c r="CP20" s="260">
        <v>0</v>
      </c>
      <c r="CQ20" s="261">
        <v>0</v>
      </c>
      <c r="CR20" s="261">
        <v>0</v>
      </c>
      <c r="CS20" s="261">
        <v>2</v>
      </c>
      <c r="CT20" s="261">
        <v>1</v>
      </c>
      <c r="CU20" s="261">
        <v>1</v>
      </c>
      <c r="CV20" s="258">
        <v>4</v>
      </c>
      <c r="CW20" s="263">
        <v>4</v>
      </c>
    </row>
    <row r="21" spans="2:101" ht="21" customHeight="1" x14ac:dyDescent="0.2">
      <c r="B21" s="472" t="s">
        <v>19</v>
      </c>
      <c r="C21" s="257">
        <v>0</v>
      </c>
      <c r="D21" s="258">
        <v>0</v>
      </c>
      <c r="E21" s="259">
        <v>0</v>
      </c>
      <c r="F21" s="260">
        <v>0</v>
      </c>
      <c r="G21" s="261">
        <v>1</v>
      </c>
      <c r="H21" s="261">
        <v>0</v>
      </c>
      <c r="I21" s="261">
        <v>0</v>
      </c>
      <c r="J21" s="261">
        <v>1</v>
      </c>
      <c r="K21" s="261">
        <v>0</v>
      </c>
      <c r="L21" s="262">
        <v>2</v>
      </c>
      <c r="M21" s="263">
        <v>2</v>
      </c>
      <c r="N21" s="257">
        <v>0</v>
      </c>
      <c r="O21" s="261">
        <v>0</v>
      </c>
      <c r="P21" s="258">
        <v>0</v>
      </c>
      <c r="Q21" s="260">
        <v>0</v>
      </c>
      <c r="R21" s="261">
        <v>0</v>
      </c>
      <c r="S21" s="261">
        <v>0</v>
      </c>
      <c r="T21" s="261">
        <v>0</v>
      </c>
      <c r="U21" s="261">
        <v>0</v>
      </c>
      <c r="V21" s="261">
        <v>0</v>
      </c>
      <c r="W21" s="258">
        <v>0</v>
      </c>
      <c r="X21" s="263">
        <v>0</v>
      </c>
      <c r="Y21" s="257">
        <v>0</v>
      </c>
      <c r="Z21" s="261">
        <v>0</v>
      </c>
      <c r="AA21" s="258">
        <v>0</v>
      </c>
      <c r="AB21" s="260">
        <v>0</v>
      </c>
      <c r="AC21" s="261">
        <v>2</v>
      </c>
      <c r="AD21" s="261">
        <v>5</v>
      </c>
      <c r="AE21" s="261">
        <v>1</v>
      </c>
      <c r="AF21" s="261">
        <v>0</v>
      </c>
      <c r="AG21" s="261">
        <v>0</v>
      </c>
      <c r="AH21" s="258">
        <v>8</v>
      </c>
      <c r="AI21" s="263">
        <v>8</v>
      </c>
      <c r="AJ21" s="257">
        <v>0</v>
      </c>
      <c r="AK21" s="261">
        <v>0</v>
      </c>
      <c r="AL21" s="258">
        <v>0</v>
      </c>
      <c r="AM21" s="260">
        <v>0</v>
      </c>
      <c r="AN21" s="261">
        <v>1</v>
      </c>
      <c r="AO21" s="261">
        <v>4</v>
      </c>
      <c r="AP21" s="261">
        <v>2</v>
      </c>
      <c r="AQ21" s="261">
        <v>0</v>
      </c>
      <c r="AR21" s="261">
        <v>0</v>
      </c>
      <c r="AS21" s="258">
        <v>7</v>
      </c>
      <c r="AT21" s="263">
        <v>7</v>
      </c>
      <c r="AU21" s="257">
        <v>0</v>
      </c>
      <c r="AV21" s="261">
        <v>0</v>
      </c>
      <c r="AW21" s="258">
        <v>0</v>
      </c>
      <c r="AX21" s="260">
        <v>0</v>
      </c>
      <c r="AY21" s="261">
        <v>5</v>
      </c>
      <c r="AZ21" s="261">
        <v>1</v>
      </c>
      <c r="BA21" s="261">
        <v>2</v>
      </c>
      <c r="BB21" s="261">
        <v>1</v>
      </c>
      <c r="BC21" s="261">
        <v>0</v>
      </c>
      <c r="BD21" s="258">
        <v>9</v>
      </c>
      <c r="BE21" s="263">
        <v>9</v>
      </c>
      <c r="BF21" s="257">
        <v>0</v>
      </c>
      <c r="BG21" s="261">
        <v>0</v>
      </c>
      <c r="BH21" s="258">
        <v>0</v>
      </c>
      <c r="BI21" s="260">
        <v>0</v>
      </c>
      <c r="BJ21" s="261">
        <v>2</v>
      </c>
      <c r="BK21" s="261">
        <v>2</v>
      </c>
      <c r="BL21" s="261">
        <v>1</v>
      </c>
      <c r="BM21" s="261">
        <v>0</v>
      </c>
      <c r="BN21" s="261">
        <v>0</v>
      </c>
      <c r="BO21" s="262">
        <v>5</v>
      </c>
      <c r="BP21" s="263">
        <v>5</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1</v>
      </c>
      <c r="CS21" s="261">
        <v>0</v>
      </c>
      <c r="CT21" s="261">
        <v>1</v>
      </c>
      <c r="CU21" s="261">
        <v>1</v>
      </c>
      <c r="CV21" s="258">
        <v>3</v>
      </c>
      <c r="CW21" s="263">
        <v>3</v>
      </c>
    </row>
    <row r="22" spans="2:101" ht="21" customHeight="1" x14ac:dyDescent="0.2">
      <c r="B22" s="472" t="s">
        <v>20</v>
      </c>
      <c r="C22" s="257">
        <v>0</v>
      </c>
      <c r="D22" s="258">
        <v>0</v>
      </c>
      <c r="E22" s="259">
        <v>0</v>
      </c>
      <c r="F22" s="260">
        <v>0</v>
      </c>
      <c r="G22" s="261">
        <v>0</v>
      </c>
      <c r="H22" s="261">
        <v>0</v>
      </c>
      <c r="I22" s="261">
        <v>0</v>
      </c>
      <c r="J22" s="261">
        <v>0</v>
      </c>
      <c r="K22" s="261">
        <v>0</v>
      </c>
      <c r="L22" s="262">
        <v>0</v>
      </c>
      <c r="M22" s="263">
        <v>0</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11</v>
      </c>
      <c r="AD22" s="261">
        <v>8</v>
      </c>
      <c r="AE22" s="261">
        <v>6</v>
      </c>
      <c r="AF22" s="261">
        <v>1</v>
      </c>
      <c r="AG22" s="261">
        <v>0</v>
      </c>
      <c r="AH22" s="258">
        <v>26</v>
      </c>
      <c r="AI22" s="263">
        <v>26</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2</v>
      </c>
      <c r="AZ22" s="261">
        <v>0</v>
      </c>
      <c r="BA22" s="261">
        <v>1</v>
      </c>
      <c r="BB22" s="261">
        <v>0</v>
      </c>
      <c r="BC22" s="261">
        <v>0</v>
      </c>
      <c r="BD22" s="258">
        <v>3</v>
      </c>
      <c r="BE22" s="263">
        <v>3</v>
      </c>
      <c r="BF22" s="257">
        <v>0</v>
      </c>
      <c r="BG22" s="261">
        <v>0</v>
      </c>
      <c r="BH22" s="258">
        <v>0</v>
      </c>
      <c r="BI22" s="260">
        <v>0</v>
      </c>
      <c r="BJ22" s="261">
        <v>0</v>
      </c>
      <c r="BK22" s="261">
        <v>2</v>
      </c>
      <c r="BL22" s="261">
        <v>2</v>
      </c>
      <c r="BM22" s="261">
        <v>1</v>
      </c>
      <c r="BN22" s="261">
        <v>0</v>
      </c>
      <c r="BO22" s="262">
        <v>5</v>
      </c>
      <c r="BP22" s="263">
        <v>5</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0</v>
      </c>
      <c r="H23" s="261">
        <v>1</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9</v>
      </c>
      <c r="AD23" s="261">
        <v>11</v>
      </c>
      <c r="AE23" s="261">
        <v>4</v>
      </c>
      <c r="AF23" s="261">
        <v>2</v>
      </c>
      <c r="AG23" s="261">
        <v>0</v>
      </c>
      <c r="AH23" s="258">
        <v>26</v>
      </c>
      <c r="AI23" s="263">
        <v>26</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0</v>
      </c>
      <c r="AZ23" s="261">
        <v>0</v>
      </c>
      <c r="BA23" s="261">
        <v>3</v>
      </c>
      <c r="BB23" s="261">
        <v>0</v>
      </c>
      <c r="BC23" s="261">
        <v>0</v>
      </c>
      <c r="BD23" s="258">
        <v>3</v>
      </c>
      <c r="BE23" s="263">
        <v>3</v>
      </c>
      <c r="BF23" s="257">
        <v>0</v>
      </c>
      <c r="BG23" s="261">
        <v>0</v>
      </c>
      <c r="BH23" s="258">
        <v>0</v>
      </c>
      <c r="BI23" s="260">
        <v>0</v>
      </c>
      <c r="BJ23" s="261">
        <v>2</v>
      </c>
      <c r="BK23" s="261">
        <v>2</v>
      </c>
      <c r="BL23" s="261">
        <v>2</v>
      </c>
      <c r="BM23" s="261">
        <v>0</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0</v>
      </c>
      <c r="H24" s="261">
        <v>2</v>
      </c>
      <c r="I24" s="261">
        <v>0</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5</v>
      </c>
      <c r="AD24" s="261">
        <v>2</v>
      </c>
      <c r="AE24" s="261">
        <v>1</v>
      </c>
      <c r="AF24" s="261">
        <v>2</v>
      </c>
      <c r="AG24" s="261">
        <v>0</v>
      </c>
      <c r="AH24" s="258">
        <v>10</v>
      </c>
      <c r="AI24" s="263">
        <v>10</v>
      </c>
      <c r="AJ24" s="257">
        <v>0</v>
      </c>
      <c r="AK24" s="261">
        <v>0</v>
      </c>
      <c r="AL24" s="258">
        <v>0</v>
      </c>
      <c r="AM24" s="260">
        <v>0</v>
      </c>
      <c r="AN24" s="261">
        <v>0</v>
      </c>
      <c r="AO24" s="261">
        <v>0</v>
      </c>
      <c r="AP24" s="261">
        <v>0</v>
      </c>
      <c r="AQ24" s="261">
        <v>1</v>
      </c>
      <c r="AR24" s="261">
        <v>0</v>
      </c>
      <c r="AS24" s="258">
        <v>1</v>
      </c>
      <c r="AT24" s="263">
        <v>1</v>
      </c>
      <c r="AU24" s="257">
        <v>0</v>
      </c>
      <c r="AV24" s="261">
        <v>0</v>
      </c>
      <c r="AW24" s="258">
        <v>0</v>
      </c>
      <c r="AX24" s="260">
        <v>0</v>
      </c>
      <c r="AY24" s="261">
        <v>3</v>
      </c>
      <c r="AZ24" s="261">
        <v>1</v>
      </c>
      <c r="BA24" s="261">
        <v>0</v>
      </c>
      <c r="BB24" s="261">
        <v>0</v>
      </c>
      <c r="BC24" s="261">
        <v>0</v>
      </c>
      <c r="BD24" s="258">
        <v>4</v>
      </c>
      <c r="BE24" s="263">
        <v>4</v>
      </c>
      <c r="BF24" s="257">
        <v>0</v>
      </c>
      <c r="BG24" s="261">
        <v>0</v>
      </c>
      <c r="BH24" s="258">
        <v>0</v>
      </c>
      <c r="BI24" s="260">
        <v>0</v>
      </c>
      <c r="BJ24" s="261">
        <v>1</v>
      </c>
      <c r="BK24" s="261">
        <v>2</v>
      </c>
      <c r="BL24" s="261">
        <v>1</v>
      </c>
      <c r="BM24" s="261">
        <v>0</v>
      </c>
      <c r="BN24" s="261">
        <v>0</v>
      </c>
      <c r="BO24" s="262">
        <v>4</v>
      </c>
      <c r="BP24" s="263">
        <v>4</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2</v>
      </c>
      <c r="CJ24" s="261">
        <v>0</v>
      </c>
      <c r="CK24" s="258">
        <v>2</v>
      </c>
      <c r="CL24" s="263">
        <v>2</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0</v>
      </c>
      <c r="L25" s="262">
        <v>0</v>
      </c>
      <c r="M25" s="263">
        <v>0</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6</v>
      </c>
      <c r="AD25" s="261">
        <v>1</v>
      </c>
      <c r="AE25" s="261">
        <v>1</v>
      </c>
      <c r="AF25" s="261">
        <v>1</v>
      </c>
      <c r="AG25" s="261">
        <v>0</v>
      </c>
      <c r="AH25" s="258">
        <v>9</v>
      </c>
      <c r="AI25" s="263">
        <v>9</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1</v>
      </c>
      <c r="BL25" s="261">
        <v>2</v>
      </c>
      <c r="BM25" s="261">
        <v>3</v>
      </c>
      <c r="BN25" s="261">
        <v>0</v>
      </c>
      <c r="BO25" s="262">
        <v>7</v>
      </c>
      <c r="BP25" s="263">
        <v>7</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0</v>
      </c>
      <c r="K26" s="261">
        <v>0</v>
      </c>
      <c r="L26" s="262">
        <v>1</v>
      </c>
      <c r="M26" s="263">
        <v>1</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1</v>
      </c>
      <c r="AD26" s="261">
        <v>4</v>
      </c>
      <c r="AE26" s="261">
        <v>3</v>
      </c>
      <c r="AF26" s="261">
        <v>0</v>
      </c>
      <c r="AG26" s="261">
        <v>0</v>
      </c>
      <c r="AH26" s="258">
        <v>8</v>
      </c>
      <c r="AI26" s="263">
        <v>8</v>
      </c>
      <c r="AJ26" s="257">
        <v>0</v>
      </c>
      <c r="AK26" s="261">
        <v>0</v>
      </c>
      <c r="AL26" s="258">
        <v>0</v>
      </c>
      <c r="AM26" s="260">
        <v>0</v>
      </c>
      <c r="AN26" s="261">
        <v>1</v>
      </c>
      <c r="AO26" s="261">
        <v>0</v>
      </c>
      <c r="AP26" s="261">
        <v>1</v>
      </c>
      <c r="AQ26" s="261">
        <v>0</v>
      </c>
      <c r="AR26" s="261">
        <v>0</v>
      </c>
      <c r="AS26" s="258">
        <v>2</v>
      </c>
      <c r="AT26" s="263">
        <v>2</v>
      </c>
      <c r="AU26" s="257">
        <v>0</v>
      </c>
      <c r="AV26" s="261">
        <v>0</v>
      </c>
      <c r="AW26" s="258">
        <v>0</v>
      </c>
      <c r="AX26" s="260">
        <v>0</v>
      </c>
      <c r="AY26" s="261">
        <v>0</v>
      </c>
      <c r="AZ26" s="261">
        <v>0</v>
      </c>
      <c r="BA26" s="261">
        <v>0</v>
      </c>
      <c r="BB26" s="261">
        <v>0</v>
      </c>
      <c r="BC26" s="261">
        <v>0</v>
      </c>
      <c r="BD26" s="258">
        <v>0</v>
      </c>
      <c r="BE26" s="263">
        <v>0</v>
      </c>
      <c r="BF26" s="257">
        <v>0</v>
      </c>
      <c r="BG26" s="261">
        <v>0</v>
      </c>
      <c r="BH26" s="258">
        <v>0</v>
      </c>
      <c r="BI26" s="260">
        <v>0</v>
      </c>
      <c r="BJ26" s="261">
        <v>0</v>
      </c>
      <c r="BK26" s="261">
        <v>0</v>
      </c>
      <c r="BL26" s="261">
        <v>2</v>
      </c>
      <c r="BM26" s="261">
        <v>0</v>
      </c>
      <c r="BN26" s="261">
        <v>1</v>
      </c>
      <c r="BO26" s="262">
        <v>3</v>
      </c>
      <c r="BP26" s="263">
        <v>3</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4</v>
      </c>
      <c r="AD27" s="261">
        <v>2</v>
      </c>
      <c r="AE27" s="261">
        <v>0</v>
      </c>
      <c r="AF27" s="261">
        <v>0</v>
      </c>
      <c r="AG27" s="261">
        <v>0</v>
      </c>
      <c r="AH27" s="258">
        <v>6</v>
      </c>
      <c r="AI27" s="263">
        <v>6</v>
      </c>
      <c r="AJ27" s="257">
        <v>0</v>
      </c>
      <c r="AK27" s="261">
        <v>0</v>
      </c>
      <c r="AL27" s="258">
        <v>0</v>
      </c>
      <c r="AM27" s="260">
        <v>0</v>
      </c>
      <c r="AN27" s="261">
        <v>0</v>
      </c>
      <c r="AO27" s="261">
        <v>0</v>
      </c>
      <c r="AP27" s="261">
        <v>0</v>
      </c>
      <c r="AQ27" s="261">
        <v>0</v>
      </c>
      <c r="AR27" s="261">
        <v>0</v>
      </c>
      <c r="AS27" s="258">
        <v>0</v>
      </c>
      <c r="AT27" s="263">
        <v>0</v>
      </c>
      <c r="AU27" s="257">
        <v>1</v>
      </c>
      <c r="AV27" s="261">
        <v>0</v>
      </c>
      <c r="AW27" s="258">
        <v>1</v>
      </c>
      <c r="AX27" s="260">
        <v>0</v>
      </c>
      <c r="AY27" s="261">
        <v>0</v>
      </c>
      <c r="AZ27" s="261">
        <v>0</v>
      </c>
      <c r="BA27" s="261">
        <v>0</v>
      </c>
      <c r="BB27" s="261">
        <v>0</v>
      </c>
      <c r="BC27" s="261">
        <v>0</v>
      </c>
      <c r="BD27" s="258">
        <v>0</v>
      </c>
      <c r="BE27" s="263">
        <v>1</v>
      </c>
      <c r="BF27" s="257">
        <v>0</v>
      </c>
      <c r="BG27" s="261">
        <v>0</v>
      </c>
      <c r="BH27" s="258">
        <v>0</v>
      </c>
      <c r="BI27" s="260">
        <v>0</v>
      </c>
      <c r="BJ27" s="261">
        <v>0</v>
      </c>
      <c r="BK27" s="261">
        <v>0</v>
      </c>
      <c r="BL27" s="261">
        <v>0</v>
      </c>
      <c r="BM27" s="261">
        <v>0</v>
      </c>
      <c r="BN27" s="261">
        <v>0</v>
      </c>
      <c r="BO27" s="262">
        <v>0</v>
      </c>
      <c r="BP27" s="263">
        <v>0</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5</v>
      </c>
      <c r="AE28" s="261">
        <v>1</v>
      </c>
      <c r="AF28" s="261">
        <v>0</v>
      </c>
      <c r="AG28" s="261">
        <v>0</v>
      </c>
      <c r="AH28" s="258">
        <v>9</v>
      </c>
      <c r="AI28" s="263">
        <v>9</v>
      </c>
      <c r="AJ28" s="257">
        <v>0</v>
      </c>
      <c r="AK28" s="261">
        <v>0</v>
      </c>
      <c r="AL28" s="258">
        <v>0</v>
      </c>
      <c r="AM28" s="260">
        <v>0</v>
      </c>
      <c r="AN28" s="261">
        <v>1</v>
      </c>
      <c r="AO28" s="261">
        <v>0</v>
      </c>
      <c r="AP28" s="261">
        <v>1</v>
      </c>
      <c r="AQ28" s="261">
        <v>0</v>
      </c>
      <c r="AR28" s="261">
        <v>0</v>
      </c>
      <c r="AS28" s="258">
        <v>2</v>
      </c>
      <c r="AT28" s="263">
        <v>2</v>
      </c>
      <c r="AU28" s="257">
        <v>0</v>
      </c>
      <c r="AV28" s="261">
        <v>0</v>
      </c>
      <c r="AW28" s="258">
        <v>0</v>
      </c>
      <c r="AX28" s="260">
        <v>0</v>
      </c>
      <c r="AY28" s="261">
        <v>0</v>
      </c>
      <c r="AZ28" s="261">
        <v>0</v>
      </c>
      <c r="BA28" s="261">
        <v>0</v>
      </c>
      <c r="BB28" s="261">
        <v>0</v>
      </c>
      <c r="BC28" s="261">
        <v>0</v>
      </c>
      <c r="BD28" s="258">
        <v>0</v>
      </c>
      <c r="BE28" s="263">
        <v>0</v>
      </c>
      <c r="BF28" s="257">
        <v>0</v>
      </c>
      <c r="BG28" s="261">
        <v>0</v>
      </c>
      <c r="BH28" s="258">
        <v>0</v>
      </c>
      <c r="BI28" s="260">
        <v>0</v>
      </c>
      <c r="BJ28" s="261">
        <v>0</v>
      </c>
      <c r="BK28" s="261">
        <v>1</v>
      </c>
      <c r="BL28" s="261">
        <v>1</v>
      </c>
      <c r="BM28" s="261">
        <v>1</v>
      </c>
      <c r="BN28" s="261">
        <v>0</v>
      </c>
      <c r="BO28" s="262">
        <v>3</v>
      </c>
      <c r="BP28" s="263">
        <v>3</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1</v>
      </c>
      <c r="J29" s="261">
        <v>0</v>
      </c>
      <c r="K29" s="261">
        <v>0</v>
      </c>
      <c r="L29" s="262">
        <v>1</v>
      </c>
      <c r="M29" s="263">
        <v>1</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0</v>
      </c>
      <c r="AD29" s="261">
        <v>1</v>
      </c>
      <c r="AE29" s="261">
        <v>0</v>
      </c>
      <c r="AF29" s="261">
        <v>0</v>
      </c>
      <c r="AG29" s="261">
        <v>0</v>
      </c>
      <c r="AH29" s="258">
        <v>1</v>
      </c>
      <c r="AI29" s="263">
        <v>1</v>
      </c>
      <c r="AJ29" s="257">
        <v>0</v>
      </c>
      <c r="AK29" s="261">
        <v>0</v>
      </c>
      <c r="AL29" s="258">
        <v>0</v>
      </c>
      <c r="AM29" s="260">
        <v>0</v>
      </c>
      <c r="AN29" s="261">
        <v>1</v>
      </c>
      <c r="AO29" s="261">
        <v>0</v>
      </c>
      <c r="AP29" s="261">
        <v>1</v>
      </c>
      <c r="AQ29" s="261">
        <v>1</v>
      </c>
      <c r="AR29" s="261">
        <v>0</v>
      </c>
      <c r="AS29" s="258">
        <v>3</v>
      </c>
      <c r="AT29" s="263">
        <v>3</v>
      </c>
      <c r="AU29" s="257">
        <v>0</v>
      </c>
      <c r="AV29" s="261">
        <v>0</v>
      </c>
      <c r="AW29" s="258">
        <v>0</v>
      </c>
      <c r="AX29" s="260">
        <v>0</v>
      </c>
      <c r="AY29" s="261">
        <v>0</v>
      </c>
      <c r="AZ29" s="261">
        <v>0</v>
      </c>
      <c r="BA29" s="261">
        <v>1</v>
      </c>
      <c r="BB29" s="261">
        <v>0</v>
      </c>
      <c r="BC29" s="261">
        <v>0</v>
      </c>
      <c r="BD29" s="258">
        <v>1</v>
      </c>
      <c r="BE29" s="263">
        <v>1</v>
      </c>
      <c r="BF29" s="257">
        <v>0</v>
      </c>
      <c r="BG29" s="261">
        <v>0</v>
      </c>
      <c r="BH29" s="258">
        <v>0</v>
      </c>
      <c r="BI29" s="260">
        <v>0</v>
      </c>
      <c r="BJ29" s="261">
        <v>0</v>
      </c>
      <c r="BK29" s="261">
        <v>0</v>
      </c>
      <c r="BL29" s="261">
        <v>1</v>
      </c>
      <c r="BM29" s="261">
        <v>0</v>
      </c>
      <c r="BN29" s="261">
        <v>0</v>
      </c>
      <c r="BO29" s="262">
        <v>1</v>
      </c>
      <c r="BP29" s="263">
        <v>1</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1</v>
      </c>
      <c r="CI29" s="261">
        <v>0</v>
      </c>
      <c r="CJ29" s="261">
        <v>0</v>
      </c>
      <c r="CK29" s="258">
        <v>1</v>
      </c>
      <c r="CL29" s="263">
        <v>1</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5</v>
      </c>
      <c r="AD30" s="261">
        <v>1</v>
      </c>
      <c r="AE30" s="261">
        <v>0</v>
      </c>
      <c r="AF30" s="261">
        <v>0</v>
      </c>
      <c r="AG30" s="261">
        <v>0</v>
      </c>
      <c r="AH30" s="258">
        <v>6</v>
      </c>
      <c r="AI30" s="263">
        <v>6</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2</v>
      </c>
      <c r="BO30" s="262">
        <v>2</v>
      </c>
      <c r="BP30" s="263">
        <v>2</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0</v>
      </c>
      <c r="H31" s="261">
        <v>0</v>
      </c>
      <c r="I31" s="261">
        <v>0</v>
      </c>
      <c r="J31" s="261">
        <v>0</v>
      </c>
      <c r="K31" s="261">
        <v>0</v>
      </c>
      <c r="L31" s="262">
        <v>0</v>
      </c>
      <c r="M31" s="263">
        <v>0</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2</v>
      </c>
      <c r="AD31" s="261">
        <v>1</v>
      </c>
      <c r="AE31" s="261">
        <v>1</v>
      </c>
      <c r="AF31" s="261">
        <v>0</v>
      </c>
      <c r="AG31" s="261">
        <v>0</v>
      </c>
      <c r="AH31" s="258">
        <v>4</v>
      </c>
      <c r="AI31" s="263">
        <v>4</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0</v>
      </c>
      <c r="BA31" s="261">
        <v>0</v>
      </c>
      <c r="BB31" s="261">
        <v>0</v>
      </c>
      <c r="BC31" s="261">
        <v>0</v>
      </c>
      <c r="BD31" s="258">
        <v>0</v>
      </c>
      <c r="BE31" s="263">
        <v>0</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2</v>
      </c>
      <c r="AD32" s="261">
        <v>0</v>
      </c>
      <c r="AE32" s="261">
        <v>1</v>
      </c>
      <c r="AF32" s="261">
        <v>0</v>
      </c>
      <c r="AG32" s="261">
        <v>0</v>
      </c>
      <c r="AH32" s="258">
        <v>3</v>
      </c>
      <c r="AI32" s="263">
        <v>3</v>
      </c>
      <c r="AJ32" s="257">
        <v>1</v>
      </c>
      <c r="AK32" s="261">
        <v>0</v>
      </c>
      <c r="AL32" s="258">
        <v>1</v>
      </c>
      <c r="AM32" s="260">
        <v>0</v>
      </c>
      <c r="AN32" s="261">
        <v>0</v>
      </c>
      <c r="AO32" s="261">
        <v>0</v>
      </c>
      <c r="AP32" s="261">
        <v>0</v>
      </c>
      <c r="AQ32" s="261">
        <v>0</v>
      </c>
      <c r="AR32" s="261">
        <v>0</v>
      </c>
      <c r="AS32" s="258">
        <v>0</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1</v>
      </c>
      <c r="BN32" s="261">
        <v>0</v>
      </c>
      <c r="BO32" s="262">
        <v>1</v>
      </c>
      <c r="BP32" s="263">
        <v>1</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0</v>
      </c>
      <c r="I33" s="261">
        <v>0</v>
      </c>
      <c r="J33" s="261">
        <v>0</v>
      </c>
      <c r="K33" s="261">
        <v>0</v>
      </c>
      <c r="L33" s="262">
        <v>0</v>
      </c>
      <c r="M33" s="263">
        <v>0</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0</v>
      </c>
      <c r="AD33" s="261">
        <v>2</v>
      </c>
      <c r="AE33" s="261">
        <v>1</v>
      </c>
      <c r="AF33" s="261">
        <v>0</v>
      </c>
      <c r="AG33" s="261">
        <v>0</v>
      </c>
      <c r="AH33" s="258">
        <v>3</v>
      </c>
      <c r="AI33" s="263">
        <v>3</v>
      </c>
      <c r="AJ33" s="257">
        <v>0</v>
      </c>
      <c r="AK33" s="261">
        <v>0</v>
      </c>
      <c r="AL33" s="258">
        <v>0</v>
      </c>
      <c r="AM33" s="260">
        <v>0</v>
      </c>
      <c r="AN33" s="261">
        <v>0</v>
      </c>
      <c r="AO33" s="261">
        <v>0</v>
      </c>
      <c r="AP33" s="261">
        <v>0</v>
      </c>
      <c r="AQ33" s="261">
        <v>1</v>
      </c>
      <c r="AR33" s="261">
        <v>0</v>
      </c>
      <c r="AS33" s="258">
        <v>1</v>
      </c>
      <c r="AT33" s="263">
        <v>1</v>
      </c>
      <c r="AU33" s="257">
        <v>0</v>
      </c>
      <c r="AV33" s="261">
        <v>0</v>
      </c>
      <c r="AW33" s="258">
        <v>0</v>
      </c>
      <c r="AX33" s="260">
        <v>0</v>
      </c>
      <c r="AY33" s="261">
        <v>1</v>
      </c>
      <c r="AZ33" s="261">
        <v>0</v>
      </c>
      <c r="BA33" s="261">
        <v>0</v>
      </c>
      <c r="BB33" s="261">
        <v>0</v>
      </c>
      <c r="BC33" s="261">
        <v>0</v>
      </c>
      <c r="BD33" s="258">
        <v>1</v>
      </c>
      <c r="BE33" s="263">
        <v>1</v>
      </c>
      <c r="BF33" s="257">
        <v>0</v>
      </c>
      <c r="BG33" s="261">
        <v>0</v>
      </c>
      <c r="BH33" s="258">
        <v>0</v>
      </c>
      <c r="BI33" s="260">
        <v>0</v>
      </c>
      <c r="BJ33" s="261">
        <v>0</v>
      </c>
      <c r="BK33" s="261">
        <v>2</v>
      </c>
      <c r="BL33" s="261">
        <v>0</v>
      </c>
      <c r="BM33" s="261">
        <v>1</v>
      </c>
      <c r="BN33" s="261">
        <v>1</v>
      </c>
      <c r="BO33" s="262">
        <v>4</v>
      </c>
      <c r="BP33" s="263">
        <v>4</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0</v>
      </c>
      <c r="I34" s="261">
        <v>0</v>
      </c>
      <c r="J34" s="261">
        <v>0</v>
      </c>
      <c r="K34" s="261">
        <v>0</v>
      </c>
      <c r="L34" s="262">
        <v>0</v>
      </c>
      <c r="M34" s="263">
        <v>0</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v>
      </c>
      <c r="AD34" s="261">
        <v>3</v>
      </c>
      <c r="AE34" s="261">
        <v>0</v>
      </c>
      <c r="AF34" s="261">
        <v>0</v>
      </c>
      <c r="AG34" s="261">
        <v>1</v>
      </c>
      <c r="AH34" s="258">
        <v>5</v>
      </c>
      <c r="AI34" s="263">
        <v>5</v>
      </c>
      <c r="AJ34" s="257">
        <v>0</v>
      </c>
      <c r="AK34" s="261">
        <v>0</v>
      </c>
      <c r="AL34" s="258">
        <v>0</v>
      </c>
      <c r="AM34" s="260">
        <v>0</v>
      </c>
      <c r="AN34" s="261">
        <v>0</v>
      </c>
      <c r="AO34" s="261">
        <v>0</v>
      </c>
      <c r="AP34" s="261">
        <v>0</v>
      </c>
      <c r="AQ34" s="261">
        <v>0</v>
      </c>
      <c r="AR34" s="261">
        <v>0</v>
      </c>
      <c r="AS34" s="258">
        <v>0</v>
      </c>
      <c r="AT34" s="263">
        <v>0</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0</v>
      </c>
      <c r="BO34" s="262">
        <v>1</v>
      </c>
      <c r="BP34" s="263">
        <v>1</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0</v>
      </c>
      <c r="CJ34" s="261">
        <v>0</v>
      </c>
      <c r="CK34" s="258">
        <v>1</v>
      </c>
      <c r="CL34" s="263">
        <v>1</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0</v>
      </c>
      <c r="AF35" s="261">
        <v>0</v>
      </c>
      <c r="AG35" s="261">
        <v>0</v>
      </c>
      <c r="AH35" s="258">
        <v>1</v>
      </c>
      <c r="AI35" s="263">
        <v>1</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1</v>
      </c>
      <c r="CR35" s="261">
        <v>0</v>
      </c>
      <c r="CS35" s="261">
        <v>1</v>
      </c>
      <c r="CT35" s="261">
        <v>0</v>
      </c>
      <c r="CU35" s="261">
        <v>0</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0</v>
      </c>
      <c r="AG36" s="261">
        <v>0</v>
      </c>
      <c r="AH36" s="258">
        <v>2</v>
      </c>
      <c r="AI36" s="263">
        <v>2</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0</v>
      </c>
      <c r="AZ36" s="261">
        <v>1</v>
      </c>
      <c r="BA36" s="261">
        <v>1</v>
      </c>
      <c r="BB36" s="261">
        <v>0</v>
      </c>
      <c r="BC36" s="261">
        <v>0</v>
      </c>
      <c r="BD36" s="258">
        <v>2</v>
      </c>
      <c r="BE36" s="263">
        <v>2</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row>
    <row r="37" spans="2:101" ht="21" customHeight="1" x14ac:dyDescent="0.2">
      <c r="B37" s="472" t="s">
        <v>35</v>
      </c>
      <c r="C37" s="257">
        <v>0</v>
      </c>
      <c r="D37" s="258">
        <v>0</v>
      </c>
      <c r="E37" s="259">
        <v>0</v>
      </c>
      <c r="F37" s="260">
        <v>0</v>
      </c>
      <c r="G37" s="261">
        <v>0</v>
      </c>
      <c r="H37" s="261">
        <v>0</v>
      </c>
      <c r="I37" s="261">
        <v>1</v>
      </c>
      <c r="J37" s="261">
        <v>0</v>
      </c>
      <c r="K37" s="261">
        <v>0</v>
      </c>
      <c r="L37" s="262">
        <v>1</v>
      </c>
      <c r="M37" s="263">
        <v>1</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1</v>
      </c>
      <c r="BA37" s="261">
        <v>0</v>
      </c>
      <c r="BB37" s="261">
        <v>0</v>
      </c>
      <c r="BC37" s="261">
        <v>0</v>
      </c>
      <c r="BD37" s="258">
        <v>1</v>
      </c>
      <c r="BE37" s="263">
        <v>1</v>
      </c>
      <c r="BF37" s="257">
        <v>0</v>
      </c>
      <c r="BG37" s="261">
        <v>0</v>
      </c>
      <c r="BH37" s="258">
        <v>0</v>
      </c>
      <c r="BI37" s="260">
        <v>0</v>
      </c>
      <c r="BJ37" s="261">
        <v>1</v>
      </c>
      <c r="BK37" s="261">
        <v>1</v>
      </c>
      <c r="BL37" s="261">
        <v>0</v>
      </c>
      <c r="BM37" s="261">
        <v>0</v>
      </c>
      <c r="BN37" s="261">
        <v>0</v>
      </c>
      <c r="BO37" s="262">
        <v>2</v>
      </c>
      <c r="BP37" s="263">
        <v>2</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3</v>
      </c>
      <c r="AD38" s="261">
        <v>1</v>
      </c>
      <c r="AE38" s="261">
        <v>0</v>
      </c>
      <c r="AF38" s="261">
        <v>1</v>
      </c>
      <c r="AG38" s="261">
        <v>0</v>
      </c>
      <c r="AH38" s="258">
        <v>5</v>
      </c>
      <c r="AI38" s="263">
        <v>5</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0</v>
      </c>
      <c r="BK38" s="261">
        <v>2</v>
      </c>
      <c r="BL38" s="261">
        <v>0</v>
      </c>
      <c r="BM38" s="261">
        <v>1</v>
      </c>
      <c r="BN38" s="261">
        <v>0</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0</v>
      </c>
      <c r="AH39" s="265">
        <v>0</v>
      </c>
      <c r="AI39" s="270">
        <v>0</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8.44140625" style="242" customWidth="1"/>
    <col min="8" max="8" width="8.7773437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6640625" style="242" customWidth="1"/>
    <col min="51" max="60" width="9" style="242"/>
    <col min="61" max="61" width="7.21875" style="242" customWidth="1"/>
    <col min="62" max="71" width="9" style="242"/>
    <col min="72" max="72" width="7.21875" style="242" customWidth="1"/>
    <col min="73" max="82" width="9" style="242"/>
    <col min="83" max="83" width="7.33203125" style="242" customWidth="1"/>
    <col min="84" max="93" width="9" style="242"/>
    <col min="94" max="94" width="7.44140625" style="242" customWidth="1"/>
    <col min="95" max="16384" width="9" style="242"/>
  </cols>
  <sheetData>
    <row r="1" spans="1:101" ht="24" customHeight="1" x14ac:dyDescent="0.2">
      <c r="B1" s="271" t="s">
        <v>124</v>
      </c>
      <c r="I1" s="499">
        <f>第１表!F2</f>
        <v>5</v>
      </c>
      <c r="J1" s="499"/>
      <c r="K1" s="235">
        <f>第１表!G2</f>
        <v>9</v>
      </c>
      <c r="L1" s="504">
        <f>IF(K1&lt;3,K1+12-2,K1-2)</f>
        <v>7</v>
      </c>
      <c r="M1" s="504"/>
    </row>
    <row r="2" spans="1:101" s="272" customFormat="1" ht="24" customHeight="1" thickBot="1" x14ac:dyDescent="0.25">
      <c r="A2" s="39"/>
      <c r="B2" s="271" t="s">
        <v>154</v>
      </c>
    </row>
    <row r="3" spans="1:101" ht="21" customHeight="1" thickBot="1" x14ac:dyDescent="0.25">
      <c r="B3" s="512"/>
      <c r="C3" s="515" t="s">
        <v>94</v>
      </c>
      <c r="D3" s="516"/>
      <c r="E3" s="516"/>
      <c r="F3" s="516"/>
      <c r="G3" s="516"/>
      <c r="H3" s="516"/>
      <c r="I3" s="516"/>
      <c r="J3" s="516"/>
      <c r="K3" s="516"/>
      <c r="L3" s="516"/>
      <c r="M3" s="517"/>
      <c r="N3" s="515" t="s">
        <v>88</v>
      </c>
      <c r="O3" s="516"/>
      <c r="P3" s="516"/>
      <c r="Q3" s="516"/>
      <c r="R3" s="516"/>
      <c r="S3" s="516"/>
      <c r="T3" s="516"/>
      <c r="U3" s="516"/>
      <c r="V3" s="516"/>
      <c r="W3" s="516"/>
      <c r="X3" s="517"/>
      <c r="Y3" s="515" t="s">
        <v>141</v>
      </c>
      <c r="Z3" s="516"/>
      <c r="AA3" s="516"/>
      <c r="AB3" s="516"/>
      <c r="AC3" s="516"/>
      <c r="AD3" s="516"/>
      <c r="AE3" s="516"/>
      <c r="AF3" s="516"/>
      <c r="AG3" s="516"/>
      <c r="AH3" s="516"/>
      <c r="AI3" s="517"/>
      <c r="AJ3" s="515" t="s">
        <v>90</v>
      </c>
      <c r="AK3" s="516"/>
      <c r="AL3" s="516"/>
      <c r="AM3" s="516"/>
      <c r="AN3" s="516"/>
      <c r="AO3" s="516"/>
      <c r="AP3" s="516"/>
      <c r="AQ3" s="516"/>
      <c r="AR3" s="516"/>
      <c r="AS3" s="516"/>
      <c r="AT3" s="517"/>
      <c r="AU3" s="521" t="s">
        <v>89</v>
      </c>
      <c r="AV3" s="522"/>
      <c r="AW3" s="522"/>
      <c r="AX3" s="522"/>
      <c r="AY3" s="522"/>
      <c r="AZ3" s="522"/>
      <c r="BA3" s="522"/>
      <c r="BB3" s="522"/>
      <c r="BC3" s="522"/>
      <c r="BD3" s="522"/>
      <c r="BE3" s="523"/>
      <c r="BF3" s="521" t="s">
        <v>91</v>
      </c>
      <c r="BG3" s="522"/>
      <c r="BH3" s="522"/>
      <c r="BI3" s="522"/>
      <c r="BJ3" s="522"/>
      <c r="BK3" s="522"/>
      <c r="BL3" s="522"/>
      <c r="BM3" s="522"/>
      <c r="BN3" s="522"/>
      <c r="BO3" s="522"/>
      <c r="BP3" s="523"/>
      <c r="BQ3" s="521" t="s">
        <v>92</v>
      </c>
      <c r="BR3" s="522"/>
      <c r="BS3" s="522"/>
      <c r="BT3" s="522"/>
      <c r="BU3" s="522"/>
      <c r="BV3" s="522"/>
      <c r="BW3" s="522"/>
      <c r="BX3" s="522"/>
      <c r="BY3" s="522"/>
      <c r="BZ3" s="522"/>
      <c r="CA3" s="523"/>
      <c r="CB3" s="521" t="s">
        <v>93</v>
      </c>
      <c r="CC3" s="522"/>
      <c r="CD3" s="522"/>
      <c r="CE3" s="522"/>
      <c r="CF3" s="522"/>
      <c r="CG3" s="522"/>
      <c r="CH3" s="522"/>
      <c r="CI3" s="522"/>
      <c r="CJ3" s="522"/>
      <c r="CK3" s="522"/>
      <c r="CL3" s="523"/>
      <c r="CM3" s="522" t="s">
        <v>140</v>
      </c>
      <c r="CN3" s="522"/>
      <c r="CO3" s="522"/>
      <c r="CP3" s="522"/>
      <c r="CQ3" s="522"/>
      <c r="CR3" s="522"/>
      <c r="CS3" s="522"/>
      <c r="CT3" s="522"/>
      <c r="CU3" s="522"/>
      <c r="CV3" s="522"/>
      <c r="CW3" s="523"/>
    </row>
    <row r="4" spans="1:101"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37" t="s">
        <v>61</v>
      </c>
      <c r="AV4" s="535"/>
      <c r="AW4" s="536"/>
      <c r="AX4" s="534" t="s">
        <v>62</v>
      </c>
      <c r="AY4" s="535"/>
      <c r="AZ4" s="535"/>
      <c r="BA4" s="535"/>
      <c r="BB4" s="535"/>
      <c r="BC4" s="535"/>
      <c r="BD4" s="536"/>
      <c r="BE4" s="538" t="s">
        <v>52</v>
      </c>
      <c r="BF4" s="537" t="s">
        <v>61</v>
      </c>
      <c r="BG4" s="535"/>
      <c r="BH4" s="536"/>
      <c r="BI4" s="534" t="s">
        <v>62</v>
      </c>
      <c r="BJ4" s="535"/>
      <c r="BK4" s="535"/>
      <c r="BL4" s="535"/>
      <c r="BM4" s="535"/>
      <c r="BN4" s="535"/>
      <c r="BO4" s="536"/>
      <c r="BP4" s="538" t="s">
        <v>52</v>
      </c>
      <c r="BQ4" s="537" t="s">
        <v>61</v>
      </c>
      <c r="BR4" s="535"/>
      <c r="BS4" s="536"/>
      <c r="BT4" s="534" t="s">
        <v>62</v>
      </c>
      <c r="BU4" s="535"/>
      <c r="BV4" s="535"/>
      <c r="BW4" s="535"/>
      <c r="BX4" s="535"/>
      <c r="BY4" s="535"/>
      <c r="BZ4" s="536"/>
      <c r="CA4" s="538" t="s">
        <v>52</v>
      </c>
      <c r="CB4" s="537" t="s">
        <v>61</v>
      </c>
      <c r="CC4" s="535"/>
      <c r="CD4" s="536"/>
      <c r="CE4" s="534" t="s">
        <v>62</v>
      </c>
      <c r="CF4" s="535"/>
      <c r="CG4" s="535"/>
      <c r="CH4" s="535"/>
      <c r="CI4" s="535"/>
      <c r="CJ4" s="535"/>
      <c r="CK4" s="536"/>
      <c r="CL4" s="538" t="s">
        <v>52</v>
      </c>
      <c r="CM4" s="537" t="s">
        <v>61</v>
      </c>
      <c r="CN4" s="535"/>
      <c r="CO4" s="536"/>
      <c r="CP4" s="534" t="s">
        <v>62</v>
      </c>
      <c r="CQ4" s="535"/>
      <c r="CR4" s="535"/>
      <c r="CS4" s="535"/>
      <c r="CT4" s="535"/>
      <c r="CU4" s="535"/>
      <c r="CV4" s="536"/>
      <c r="CW4" s="538" t="s">
        <v>52</v>
      </c>
    </row>
    <row r="5" spans="1:101" ht="30" customHeight="1" thickBot="1" x14ac:dyDescent="0.25">
      <c r="B5" s="514"/>
      <c r="C5" s="327" t="s">
        <v>43</v>
      </c>
      <c r="D5" s="246" t="s">
        <v>44</v>
      </c>
      <c r="E5" s="247" t="s">
        <v>45</v>
      </c>
      <c r="F5" s="248" t="s">
        <v>83</v>
      </c>
      <c r="G5" s="243" t="s">
        <v>47</v>
      </c>
      <c r="H5" s="243" t="s">
        <v>48</v>
      </c>
      <c r="I5" s="243" t="s">
        <v>49</v>
      </c>
      <c r="J5" s="243" t="s">
        <v>50</v>
      </c>
      <c r="K5" s="243" t="s">
        <v>51</v>
      </c>
      <c r="L5" s="249" t="s">
        <v>45</v>
      </c>
      <c r="M5" s="506"/>
      <c r="N5" s="327" t="s">
        <v>43</v>
      </c>
      <c r="O5" s="243" t="s">
        <v>44</v>
      </c>
      <c r="P5" s="246" t="s">
        <v>45</v>
      </c>
      <c r="Q5" s="248" t="s">
        <v>83</v>
      </c>
      <c r="R5" s="243" t="s">
        <v>47</v>
      </c>
      <c r="S5" s="243" t="s">
        <v>48</v>
      </c>
      <c r="T5" s="243" t="s">
        <v>49</v>
      </c>
      <c r="U5" s="243" t="s">
        <v>50</v>
      </c>
      <c r="V5" s="243" t="s">
        <v>51</v>
      </c>
      <c r="W5" s="246" t="s">
        <v>45</v>
      </c>
      <c r="X5" s="506"/>
      <c r="Y5" s="327" t="s">
        <v>43</v>
      </c>
      <c r="Z5" s="243" t="s">
        <v>44</v>
      </c>
      <c r="AA5" s="246"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6" t="s">
        <v>45</v>
      </c>
      <c r="AX5" s="248" t="s">
        <v>83</v>
      </c>
      <c r="AY5" s="243" t="s">
        <v>47</v>
      </c>
      <c r="AZ5" s="243" t="s">
        <v>48</v>
      </c>
      <c r="BA5" s="243" t="s">
        <v>49</v>
      </c>
      <c r="BB5" s="243" t="s">
        <v>50</v>
      </c>
      <c r="BC5" s="243" t="s">
        <v>51</v>
      </c>
      <c r="BD5" s="246" t="s">
        <v>45</v>
      </c>
      <c r="BE5" s="539"/>
      <c r="BF5" s="327" t="s">
        <v>43</v>
      </c>
      <c r="BG5" s="243" t="s">
        <v>44</v>
      </c>
      <c r="BH5" s="246" t="s">
        <v>45</v>
      </c>
      <c r="BI5" s="248" t="s">
        <v>83</v>
      </c>
      <c r="BJ5" s="243" t="s">
        <v>47</v>
      </c>
      <c r="BK5" s="243" t="s">
        <v>48</v>
      </c>
      <c r="BL5" s="243" t="s">
        <v>49</v>
      </c>
      <c r="BM5" s="243" t="s">
        <v>50</v>
      </c>
      <c r="BN5" s="243" t="s">
        <v>51</v>
      </c>
      <c r="BO5" s="246" t="s">
        <v>45</v>
      </c>
      <c r="BP5" s="539"/>
      <c r="BQ5" s="327" t="s">
        <v>43</v>
      </c>
      <c r="BR5" s="243" t="s">
        <v>44</v>
      </c>
      <c r="BS5" s="246" t="s">
        <v>45</v>
      </c>
      <c r="BT5" s="248" t="s">
        <v>83</v>
      </c>
      <c r="BU5" s="243" t="s">
        <v>47</v>
      </c>
      <c r="BV5" s="243" t="s">
        <v>48</v>
      </c>
      <c r="BW5" s="243" t="s">
        <v>49</v>
      </c>
      <c r="BX5" s="243" t="s">
        <v>50</v>
      </c>
      <c r="BY5" s="243" t="s">
        <v>51</v>
      </c>
      <c r="BZ5" s="246" t="s">
        <v>45</v>
      </c>
      <c r="CA5" s="539"/>
      <c r="CB5" s="327" t="s">
        <v>43</v>
      </c>
      <c r="CC5" s="243" t="s">
        <v>44</v>
      </c>
      <c r="CD5" s="246" t="s">
        <v>45</v>
      </c>
      <c r="CE5" s="248" t="s">
        <v>83</v>
      </c>
      <c r="CF5" s="243" t="s">
        <v>47</v>
      </c>
      <c r="CG5" s="243" t="s">
        <v>48</v>
      </c>
      <c r="CH5" s="243" t="s">
        <v>49</v>
      </c>
      <c r="CI5" s="243" t="s">
        <v>50</v>
      </c>
      <c r="CJ5" s="243" t="s">
        <v>51</v>
      </c>
      <c r="CK5" s="246" t="s">
        <v>45</v>
      </c>
      <c r="CL5" s="539"/>
      <c r="CM5" s="327" t="s">
        <v>43</v>
      </c>
      <c r="CN5" s="243" t="s">
        <v>44</v>
      </c>
      <c r="CO5" s="246" t="s">
        <v>45</v>
      </c>
      <c r="CP5" s="248" t="s">
        <v>83</v>
      </c>
      <c r="CQ5" s="243" t="s">
        <v>47</v>
      </c>
      <c r="CR5" s="243" t="s">
        <v>48</v>
      </c>
      <c r="CS5" s="243" t="s">
        <v>49</v>
      </c>
      <c r="CT5" s="243" t="s">
        <v>50</v>
      </c>
      <c r="CU5" s="243" t="s">
        <v>51</v>
      </c>
      <c r="CV5" s="246" t="s">
        <v>45</v>
      </c>
      <c r="CW5" s="539"/>
    </row>
    <row r="6" spans="1:101" ht="21" customHeight="1" x14ac:dyDescent="0.2">
      <c r="B6" s="470" t="s">
        <v>4</v>
      </c>
      <c r="C6" s="250">
        <v>0</v>
      </c>
      <c r="D6" s="251">
        <v>0</v>
      </c>
      <c r="E6" s="252">
        <v>0</v>
      </c>
      <c r="F6" s="253">
        <v>0</v>
      </c>
      <c r="G6" s="254">
        <v>29</v>
      </c>
      <c r="H6" s="254">
        <v>26</v>
      </c>
      <c r="I6" s="254">
        <v>24</v>
      </c>
      <c r="J6" s="254">
        <v>29</v>
      </c>
      <c r="K6" s="254">
        <v>16</v>
      </c>
      <c r="L6" s="255">
        <v>124</v>
      </c>
      <c r="M6" s="256">
        <v>124</v>
      </c>
      <c r="N6" s="250">
        <v>0</v>
      </c>
      <c r="O6" s="254">
        <v>0</v>
      </c>
      <c r="P6" s="251">
        <v>0</v>
      </c>
      <c r="Q6" s="253">
        <v>0</v>
      </c>
      <c r="R6" s="254">
        <v>9</v>
      </c>
      <c r="S6" s="254">
        <v>25</v>
      </c>
      <c r="T6" s="254">
        <v>30</v>
      </c>
      <c r="U6" s="254">
        <v>26</v>
      </c>
      <c r="V6" s="254">
        <v>29</v>
      </c>
      <c r="W6" s="251">
        <v>119</v>
      </c>
      <c r="X6" s="256">
        <v>119</v>
      </c>
      <c r="Y6" s="250">
        <v>0</v>
      </c>
      <c r="Z6" s="254">
        <v>0</v>
      </c>
      <c r="AA6" s="251">
        <v>0</v>
      </c>
      <c r="AB6" s="253">
        <v>0</v>
      </c>
      <c r="AC6" s="254">
        <v>843</v>
      </c>
      <c r="AD6" s="254">
        <v>738</v>
      </c>
      <c r="AE6" s="254">
        <v>321</v>
      </c>
      <c r="AF6" s="254">
        <v>160</v>
      </c>
      <c r="AG6" s="254">
        <v>59</v>
      </c>
      <c r="AH6" s="251">
        <v>2121</v>
      </c>
      <c r="AI6" s="256">
        <v>2121</v>
      </c>
      <c r="AJ6" s="250">
        <v>1</v>
      </c>
      <c r="AK6" s="254">
        <v>0</v>
      </c>
      <c r="AL6" s="251">
        <v>1</v>
      </c>
      <c r="AM6" s="253">
        <v>0</v>
      </c>
      <c r="AN6" s="254">
        <v>57</v>
      </c>
      <c r="AO6" s="254">
        <v>61</v>
      </c>
      <c r="AP6" s="254">
        <v>77</v>
      </c>
      <c r="AQ6" s="254">
        <v>29</v>
      </c>
      <c r="AR6" s="254">
        <v>22</v>
      </c>
      <c r="AS6" s="251">
        <v>246</v>
      </c>
      <c r="AT6" s="256">
        <v>247</v>
      </c>
      <c r="AU6" s="250">
        <v>14</v>
      </c>
      <c r="AV6" s="254">
        <v>19</v>
      </c>
      <c r="AW6" s="251">
        <v>33</v>
      </c>
      <c r="AX6" s="253">
        <v>0</v>
      </c>
      <c r="AY6" s="254">
        <v>70</v>
      </c>
      <c r="AZ6" s="254">
        <v>50</v>
      </c>
      <c r="BA6" s="254">
        <v>56</v>
      </c>
      <c r="BB6" s="254">
        <v>48</v>
      </c>
      <c r="BC6" s="254">
        <v>19</v>
      </c>
      <c r="BD6" s="251">
        <v>243</v>
      </c>
      <c r="BE6" s="256">
        <v>276</v>
      </c>
      <c r="BF6" s="250">
        <v>0</v>
      </c>
      <c r="BG6" s="254">
        <v>1</v>
      </c>
      <c r="BH6" s="251">
        <v>1</v>
      </c>
      <c r="BI6" s="253">
        <v>0</v>
      </c>
      <c r="BJ6" s="254">
        <v>59</v>
      </c>
      <c r="BK6" s="254">
        <v>106</v>
      </c>
      <c r="BL6" s="254">
        <v>136</v>
      </c>
      <c r="BM6" s="254">
        <v>99</v>
      </c>
      <c r="BN6" s="254">
        <v>73</v>
      </c>
      <c r="BO6" s="255">
        <v>473</v>
      </c>
      <c r="BP6" s="256">
        <v>474</v>
      </c>
      <c r="BQ6" s="250">
        <v>0</v>
      </c>
      <c r="BR6" s="254">
        <v>0</v>
      </c>
      <c r="BS6" s="251">
        <v>0</v>
      </c>
      <c r="BT6" s="253">
        <v>0</v>
      </c>
      <c r="BU6" s="254">
        <v>5</v>
      </c>
      <c r="BV6" s="254">
        <v>2</v>
      </c>
      <c r="BW6" s="254">
        <v>6</v>
      </c>
      <c r="BX6" s="254">
        <v>6</v>
      </c>
      <c r="BY6" s="254">
        <v>5</v>
      </c>
      <c r="BZ6" s="251">
        <v>24</v>
      </c>
      <c r="CA6" s="256">
        <v>24</v>
      </c>
      <c r="CB6" s="250">
        <v>0</v>
      </c>
      <c r="CC6" s="254">
        <v>0</v>
      </c>
      <c r="CD6" s="251">
        <v>0</v>
      </c>
      <c r="CE6" s="253">
        <v>0</v>
      </c>
      <c r="CF6" s="254">
        <v>1</v>
      </c>
      <c r="CG6" s="254">
        <v>2</v>
      </c>
      <c r="CH6" s="254">
        <v>11</v>
      </c>
      <c r="CI6" s="254">
        <v>15</v>
      </c>
      <c r="CJ6" s="254">
        <v>7</v>
      </c>
      <c r="CK6" s="251">
        <v>36</v>
      </c>
      <c r="CL6" s="256">
        <v>36</v>
      </c>
      <c r="CM6" s="250">
        <v>0</v>
      </c>
      <c r="CN6" s="254">
        <v>0</v>
      </c>
      <c r="CO6" s="251">
        <v>0</v>
      </c>
      <c r="CP6" s="253">
        <v>0</v>
      </c>
      <c r="CQ6" s="254">
        <v>10</v>
      </c>
      <c r="CR6" s="254">
        <v>20</v>
      </c>
      <c r="CS6" s="254">
        <v>22</v>
      </c>
      <c r="CT6" s="254">
        <v>21</v>
      </c>
      <c r="CU6" s="254">
        <v>30</v>
      </c>
      <c r="CV6" s="251">
        <v>103</v>
      </c>
      <c r="CW6" s="256">
        <v>103</v>
      </c>
    </row>
    <row r="7" spans="1:101" ht="21" customHeight="1" x14ac:dyDescent="0.2">
      <c r="B7" s="471" t="s">
        <v>5</v>
      </c>
      <c r="C7" s="257">
        <v>0</v>
      </c>
      <c r="D7" s="258">
        <v>0</v>
      </c>
      <c r="E7" s="259">
        <v>0</v>
      </c>
      <c r="F7" s="260">
        <v>0</v>
      </c>
      <c r="G7" s="261">
        <v>12</v>
      </c>
      <c r="H7" s="261">
        <v>15</v>
      </c>
      <c r="I7" s="261">
        <v>14</v>
      </c>
      <c r="J7" s="261">
        <v>9</v>
      </c>
      <c r="K7" s="261">
        <v>6</v>
      </c>
      <c r="L7" s="262">
        <v>56</v>
      </c>
      <c r="M7" s="263">
        <v>56</v>
      </c>
      <c r="N7" s="257">
        <v>0</v>
      </c>
      <c r="O7" s="261">
        <v>0</v>
      </c>
      <c r="P7" s="258">
        <v>0</v>
      </c>
      <c r="Q7" s="260">
        <v>0</v>
      </c>
      <c r="R7" s="261">
        <v>5</v>
      </c>
      <c r="S7" s="261">
        <v>15</v>
      </c>
      <c r="T7" s="261">
        <v>23</v>
      </c>
      <c r="U7" s="261">
        <v>19</v>
      </c>
      <c r="V7" s="261">
        <v>24</v>
      </c>
      <c r="W7" s="258">
        <v>86</v>
      </c>
      <c r="X7" s="263">
        <v>86</v>
      </c>
      <c r="Y7" s="257">
        <v>0</v>
      </c>
      <c r="Z7" s="261">
        <v>0</v>
      </c>
      <c r="AA7" s="258">
        <v>0</v>
      </c>
      <c r="AB7" s="260">
        <v>0</v>
      </c>
      <c r="AC7" s="261">
        <v>332</v>
      </c>
      <c r="AD7" s="261">
        <v>382</v>
      </c>
      <c r="AE7" s="261">
        <v>158</v>
      </c>
      <c r="AF7" s="261">
        <v>74</v>
      </c>
      <c r="AG7" s="261">
        <v>35</v>
      </c>
      <c r="AH7" s="258">
        <v>981</v>
      </c>
      <c r="AI7" s="263">
        <v>981</v>
      </c>
      <c r="AJ7" s="257">
        <v>1</v>
      </c>
      <c r="AK7" s="261">
        <v>0</v>
      </c>
      <c r="AL7" s="258">
        <v>1</v>
      </c>
      <c r="AM7" s="260">
        <v>0</v>
      </c>
      <c r="AN7" s="261">
        <v>37</v>
      </c>
      <c r="AO7" s="261">
        <v>29</v>
      </c>
      <c r="AP7" s="261">
        <v>36</v>
      </c>
      <c r="AQ7" s="261">
        <v>18</v>
      </c>
      <c r="AR7" s="261">
        <v>15</v>
      </c>
      <c r="AS7" s="258">
        <v>135</v>
      </c>
      <c r="AT7" s="263">
        <v>136</v>
      </c>
      <c r="AU7" s="257">
        <v>7</v>
      </c>
      <c r="AV7" s="261">
        <v>11</v>
      </c>
      <c r="AW7" s="258">
        <v>18</v>
      </c>
      <c r="AX7" s="260">
        <v>0</v>
      </c>
      <c r="AY7" s="261">
        <v>24</v>
      </c>
      <c r="AZ7" s="261">
        <v>20</v>
      </c>
      <c r="BA7" s="261">
        <v>28</v>
      </c>
      <c r="BB7" s="261">
        <v>27</v>
      </c>
      <c r="BC7" s="261">
        <v>9</v>
      </c>
      <c r="BD7" s="258">
        <v>108</v>
      </c>
      <c r="BE7" s="263">
        <v>126</v>
      </c>
      <c r="BF7" s="257">
        <v>0</v>
      </c>
      <c r="BG7" s="261">
        <v>1</v>
      </c>
      <c r="BH7" s="258">
        <v>1</v>
      </c>
      <c r="BI7" s="260">
        <v>0</v>
      </c>
      <c r="BJ7" s="261">
        <v>32</v>
      </c>
      <c r="BK7" s="261">
        <v>41</v>
      </c>
      <c r="BL7" s="261">
        <v>48</v>
      </c>
      <c r="BM7" s="261">
        <v>40</v>
      </c>
      <c r="BN7" s="261">
        <v>27</v>
      </c>
      <c r="BO7" s="262">
        <v>188</v>
      </c>
      <c r="BP7" s="263">
        <v>189</v>
      </c>
      <c r="BQ7" s="257">
        <v>0</v>
      </c>
      <c r="BR7" s="261">
        <v>0</v>
      </c>
      <c r="BS7" s="258">
        <v>0</v>
      </c>
      <c r="BT7" s="260">
        <v>0</v>
      </c>
      <c r="BU7" s="261">
        <v>0</v>
      </c>
      <c r="BV7" s="261">
        <v>0</v>
      </c>
      <c r="BW7" s="261">
        <v>0</v>
      </c>
      <c r="BX7" s="261">
        <v>0</v>
      </c>
      <c r="BY7" s="261">
        <v>0</v>
      </c>
      <c r="BZ7" s="258">
        <v>0</v>
      </c>
      <c r="CA7" s="263">
        <v>0</v>
      </c>
      <c r="CB7" s="257">
        <v>0</v>
      </c>
      <c r="CC7" s="261">
        <v>0</v>
      </c>
      <c r="CD7" s="258">
        <v>0</v>
      </c>
      <c r="CE7" s="260">
        <v>0</v>
      </c>
      <c r="CF7" s="261">
        <v>0</v>
      </c>
      <c r="CG7" s="261">
        <v>1</v>
      </c>
      <c r="CH7" s="261">
        <v>1</v>
      </c>
      <c r="CI7" s="261">
        <v>1</v>
      </c>
      <c r="CJ7" s="261">
        <v>0</v>
      </c>
      <c r="CK7" s="258">
        <v>3</v>
      </c>
      <c r="CL7" s="263">
        <v>3</v>
      </c>
      <c r="CM7" s="257">
        <v>0</v>
      </c>
      <c r="CN7" s="261">
        <v>0</v>
      </c>
      <c r="CO7" s="258">
        <v>0</v>
      </c>
      <c r="CP7" s="260">
        <v>0</v>
      </c>
      <c r="CQ7" s="261">
        <v>2</v>
      </c>
      <c r="CR7" s="261">
        <v>8</v>
      </c>
      <c r="CS7" s="261">
        <v>6</v>
      </c>
      <c r="CT7" s="261">
        <v>7</v>
      </c>
      <c r="CU7" s="261">
        <v>14</v>
      </c>
      <c r="CV7" s="258">
        <v>37</v>
      </c>
      <c r="CW7" s="263">
        <v>37</v>
      </c>
    </row>
    <row r="8" spans="1:101" ht="21" customHeight="1" x14ac:dyDescent="0.2">
      <c r="B8" s="472" t="s">
        <v>6</v>
      </c>
      <c r="C8" s="257">
        <v>0</v>
      </c>
      <c r="D8" s="258">
        <v>0</v>
      </c>
      <c r="E8" s="259">
        <v>0</v>
      </c>
      <c r="F8" s="260">
        <v>0</v>
      </c>
      <c r="G8" s="261">
        <v>10</v>
      </c>
      <c r="H8" s="261">
        <v>5</v>
      </c>
      <c r="I8" s="261">
        <v>4</v>
      </c>
      <c r="J8" s="261">
        <v>7</v>
      </c>
      <c r="K8" s="261">
        <v>3</v>
      </c>
      <c r="L8" s="262">
        <v>29</v>
      </c>
      <c r="M8" s="263">
        <v>29</v>
      </c>
      <c r="N8" s="257">
        <v>0</v>
      </c>
      <c r="O8" s="261">
        <v>0</v>
      </c>
      <c r="P8" s="258">
        <v>0</v>
      </c>
      <c r="Q8" s="260">
        <v>0</v>
      </c>
      <c r="R8" s="261">
        <v>2</v>
      </c>
      <c r="S8" s="261">
        <v>8</v>
      </c>
      <c r="T8" s="261">
        <v>6</v>
      </c>
      <c r="U8" s="261">
        <v>5</v>
      </c>
      <c r="V8" s="261">
        <v>5</v>
      </c>
      <c r="W8" s="258">
        <v>26</v>
      </c>
      <c r="X8" s="263">
        <v>26</v>
      </c>
      <c r="Y8" s="257">
        <v>0</v>
      </c>
      <c r="Z8" s="261">
        <v>0</v>
      </c>
      <c r="AA8" s="258">
        <v>0</v>
      </c>
      <c r="AB8" s="260">
        <v>0</v>
      </c>
      <c r="AC8" s="261">
        <v>130</v>
      </c>
      <c r="AD8" s="261">
        <v>98</v>
      </c>
      <c r="AE8" s="261">
        <v>46</v>
      </c>
      <c r="AF8" s="261">
        <v>17</v>
      </c>
      <c r="AG8" s="261">
        <v>7</v>
      </c>
      <c r="AH8" s="258">
        <v>298</v>
      </c>
      <c r="AI8" s="263">
        <v>298</v>
      </c>
      <c r="AJ8" s="257">
        <v>0</v>
      </c>
      <c r="AK8" s="261">
        <v>0</v>
      </c>
      <c r="AL8" s="258">
        <v>0</v>
      </c>
      <c r="AM8" s="260">
        <v>0</v>
      </c>
      <c r="AN8" s="261">
        <v>10</v>
      </c>
      <c r="AO8" s="261">
        <v>16</v>
      </c>
      <c r="AP8" s="261">
        <v>25</v>
      </c>
      <c r="AQ8" s="261">
        <v>4</v>
      </c>
      <c r="AR8" s="261">
        <v>4</v>
      </c>
      <c r="AS8" s="258">
        <v>59</v>
      </c>
      <c r="AT8" s="263">
        <v>59</v>
      </c>
      <c r="AU8" s="257">
        <v>2</v>
      </c>
      <c r="AV8" s="261">
        <v>4</v>
      </c>
      <c r="AW8" s="258">
        <v>6</v>
      </c>
      <c r="AX8" s="260">
        <v>0</v>
      </c>
      <c r="AY8" s="261">
        <v>15</v>
      </c>
      <c r="AZ8" s="261">
        <v>6</v>
      </c>
      <c r="BA8" s="261">
        <v>5</v>
      </c>
      <c r="BB8" s="261">
        <v>4</v>
      </c>
      <c r="BC8" s="261">
        <v>2</v>
      </c>
      <c r="BD8" s="258">
        <v>32</v>
      </c>
      <c r="BE8" s="263">
        <v>38</v>
      </c>
      <c r="BF8" s="257">
        <v>0</v>
      </c>
      <c r="BG8" s="261">
        <v>0</v>
      </c>
      <c r="BH8" s="258">
        <v>0</v>
      </c>
      <c r="BI8" s="260">
        <v>0</v>
      </c>
      <c r="BJ8" s="261">
        <v>11</v>
      </c>
      <c r="BK8" s="261">
        <v>24</v>
      </c>
      <c r="BL8" s="261">
        <v>30</v>
      </c>
      <c r="BM8" s="261">
        <v>18</v>
      </c>
      <c r="BN8" s="261">
        <v>14</v>
      </c>
      <c r="BO8" s="262">
        <v>97</v>
      </c>
      <c r="BP8" s="263">
        <v>97</v>
      </c>
      <c r="BQ8" s="257">
        <v>0</v>
      </c>
      <c r="BR8" s="261">
        <v>0</v>
      </c>
      <c r="BS8" s="258">
        <v>0</v>
      </c>
      <c r="BT8" s="260">
        <v>0</v>
      </c>
      <c r="BU8" s="261">
        <v>0</v>
      </c>
      <c r="BV8" s="261">
        <v>0</v>
      </c>
      <c r="BW8" s="261">
        <v>0</v>
      </c>
      <c r="BX8" s="261">
        <v>0</v>
      </c>
      <c r="BY8" s="261">
        <v>0</v>
      </c>
      <c r="BZ8" s="258">
        <v>0</v>
      </c>
      <c r="CA8" s="263">
        <v>0</v>
      </c>
      <c r="CB8" s="257">
        <v>0</v>
      </c>
      <c r="CC8" s="261">
        <v>0</v>
      </c>
      <c r="CD8" s="258">
        <v>0</v>
      </c>
      <c r="CE8" s="260">
        <v>0</v>
      </c>
      <c r="CF8" s="261">
        <v>1</v>
      </c>
      <c r="CG8" s="261">
        <v>0</v>
      </c>
      <c r="CH8" s="261">
        <v>8</v>
      </c>
      <c r="CI8" s="261">
        <v>5</v>
      </c>
      <c r="CJ8" s="261">
        <v>3</v>
      </c>
      <c r="CK8" s="258">
        <v>17</v>
      </c>
      <c r="CL8" s="263">
        <v>17</v>
      </c>
      <c r="CM8" s="257">
        <v>0</v>
      </c>
      <c r="CN8" s="261">
        <v>0</v>
      </c>
      <c r="CO8" s="258">
        <v>0</v>
      </c>
      <c r="CP8" s="260">
        <v>0</v>
      </c>
      <c r="CQ8" s="261">
        <v>7</v>
      </c>
      <c r="CR8" s="261">
        <v>4</v>
      </c>
      <c r="CS8" s="261">
        <v>9</v>
      </c>
      <c r="CT8" s="261">
        <v>8</v>
      </c>
      <c r="CU8" s="261">
        <v>6</v>
      </c>
      <c r="CV8" s="258">
        <v>34</v>
      </c>
      <c r="CW8" s="263">
        <v>34</v>
      </c>
    </row>
    <row r="9" spans="1:101" ht="21" customHeight="1" x14ac:dyDescent="0.2">
      <c r="B9" s="472" t="s">
        <v>14</v>
      </c>
      <c r="C9" s="257">
        <v>0</v>
      </c>
      <c r="D9" s="258">
        <v>0</v>
      </c>
      <c r="E9" s="259">
        <v>0</v>
      </c>
      <c r="F9" s="260">
        <v>0</v>
      </c>
      <c r="G9" s="261">
        <v>1</v>
      </c>
      <c r="H9" s="261">
        <v>0</v>
      </c>
      <c r="I9" s="261">
        <v>0</v>
      </c>
      <c r="J9" s="261">
        <v>2</v>
      </c>
      <c r="K9" s="261">
        <v>2</v>
      </c>
      <c r="L9" s="262">
        <v>5</v>
      </c>
      <c r="M9" s="263">
        <v>5</v>
      </c>
      <c r="N9" s="257">
        <v>0</v>
      </c>
      <c r="O9" s="261">
        <v>0</v>
      </c>
      <c r="P9" s="258">
        <v>0</v>
      </c>
      <c r="Q9" s="260">
        <v>0</v>
      </c>
      <c r="R9" s="261">
        <v>0</v>
      </c>
      <c r="S9" s="261">
        <v>0</v>
      </c>
      <c r="T9" s="261">
        <v>0</v>
      </c>
      <c r="U9" s="261">
        <v>0</v>
      </c>
      <c r="V9" s="261">
        <v>0</v>
      </c>
      <c r="W9" s="258">
        <v>0</v>
      </c>
      <c r="X9" s="263">
        <v>0</v>
      </c>
      <c r="Y9" s="257">
        <v>0</v>
      </c>
      <c r="Z9" s="261">
        <v>0</v>
      </c>
      <c r="AA9" s="258">
        <v>0</v>
      </c>
      <c r="AB9" s="260">
        <v>0</v>
      </c>
      <c r="AC9" s="261">
        <v>47</v>
      </c>
      <c r="AD9" s="261">
        <v>54</v>
      </c>
      <c r="AE9" s="261">
        <v>21</v>
      </c>
      <c r="AF9" s="261">
        <v>10</v>
      </c>
      <c r="AG9" s="261">
        <v>3</v>
      </c>
      <c r="AH9" s="258">
        <v>135</v>
      </c>
      <c r="AI9" s="263">
        <v>135</v>
      </c>
      <c r="AJ9" s="257">
        <v>0</v>
      </c>
      <c r="AK9" s="261">
        <v>0</v>
      </c>
      <c r="AL9" s="258">
        <v>0</v>
      </c>
      <c r="AM9" s="260">
        <v>0</v>
      </c>
      <c r="AN9" s="261">
        <v>1</v>
      </c>
      <c r="AO9" s="261">
        <v>1</v>
      </c>
      <c r="AP9" s="261">
        <v>0</v>
      </c>
      <c r="AQ9" s="261">
        <v>0</v>
      </c>
      <c r="AR9" s="261">
        <v>1</v>
      </c>
      <c r="AS9" s="258">
        <v>3</v>
      </c>
      <c r="AT9" s="263">
        <v>3</v>
      </c>
      <c r="AU9" s="257">
        <v>1</v>
      </c>
      <c r="AV9" s="261">
        <v>1</v>
      </c>
      <c r="AW9" s="258">
        <v>2</v>
      </c>
      <c r="AX9" s="260">
        <v>0</v>
      </c>
      <c r="AY9" s="261">
        <v>4</v>
      </c>
      <c r="AZ9" s="261">
        <v>8</v>
      </c>
      <c r="BA9" s="261">
        <v>4</v>
      </c>
      <c r="BB9" s="261">
        <v>4</v>
      </c>
      <c r="BC9" s="261">
        <v>2</v>
      </c>
      <c r="BD9" s="258">
        <v>22</v>
      </c>
      <c r="BE9" s="263">
        <v>24</v>
      </c>
      <c r="BF9" s="257">
        <v>0</v>
      </c>
      <c r="BG9" s="261">
        <v>0</v>
      </c>
      <c r="BH9" s="258">
        <v>0</v>
      </c>
      <c r="BI9" s="260">
        <v>0</v>
      </c>
      <c r="BJ9" s="261">
        <v>5</v>
      </c>
      <c r="BK9" s="261">
        <v>5</v>
      </c>
      <c r="BL9" s="261">
        <v>12</v>
      </c>
      <c r="BM9" s="261">
        <v>9</v>
      </c>
      <c r="BN9" s="261">
        <v>5</v>
      </c>
      <c r="BO9" s="262">
        <v>36</v>
      </c>
      <c r="BP9" s="263">
        <v>36</v>
      </c>
      <c r="BQ9" s="257">
        <v>0</v>
      </c>
      <c r="BR9" s="261">
        <v>0</v>
      </c>
      <c r="BS9" s="258">
        <v>0</v>
      </c>
      <c r="BT9" s="260">
        <v>0</v>
      </c>
      <c r="BU9" s="261">
        <v>0</v>
      </c>
      <c r="BV9" s="261">
        <v>0</v>
      </c>
      <c r="BW9" s="261">
        <v>0</v>
      </c>
      <c r="BX9" s="261">
        <v>0</v>
      </c>
      <c r="BY9" s="261">
        <v>0</v>
      </c>
      <c r="BZ9" s="258">
        <v>0</v>
      </c>
      <c r="CA9" s="263">
        <v>0</v>
      </c>
      <c r="CB9" s="257">
        <v>0</v>
      </c>
      <c r="CC9" s="261">
        <v>0</v>
      </c>
      <c r="CD9" s="258">
        <v>0</v>
      </c>
      <c r="CE9" s="260">
        <v>0</v>
      </c>
      <c r="CF9" s="261">
        <v>0</v>
      </c>
      <c r="CG9" s="261">
        <v>1</v>
      </c>
      <c r="CH9" s="261">
        <v>0</v>
      </c>
      <c r="CI9" s="261">
        <v>1</v>
      </c>
      <c r="CJ9" s="261">
        <v>0</v>
      </c>
      <c r="CK9" s="258">
        <v>2</v>
      </c>
      <c r="CL9" s="263">
        <v>2</v>
      </c>
      <c r="CM9" s="257">
        <v>0</v>
      </c>
      <c r="CN9" s="261">
        <v>0</v>
      </c>
      <c r="CO9" s="258">
        <v>0</v>
      </c>
      <c r="CP9" s="260">
        <v>0</v>
      </c>
      <c r="CQ9" s="261">
        <v>0</v>
      </c>
      <c r="CR9" s="261">
        <v>2</v>
      </c>
      <c r="CS9" s="261">
        <v>2</v>
      </c>
      <c r="CT9" s="261">
        <v>2</v>
      </c>
      <c r="CU9" s="261">
        <v>0</v>
      </c>
      <c r="CV9" s="258">
        <v>6</v>
      </c>
      <c r="CW9" s="263">
        <v>6</v>
      </c>
    </row>
    <row r="10" spans="1:101" ht="21" customHeight="1" x14ac:dyDescent="0.2">
      <c r="B10" s="472" t="s">
        <v>7</v>
      </c>
      <c r="C10" s="257">
        <v>0</v>
      </c>
      <c r="D10" s="258">
        <v>0</v>
      </c>
      <c r="E10" s="259">
        <v>0</v>
      </c>
      <c r="F10" s="260">
        <v>0</v>
      </c>
      <c r="G10" s="261">
        <v>1</v>
      </c>
      <c r="H10" s="261">
        <v>0</v>
      </c>
      <c r="I10" s="261">
        <v>1</v>
      </c>
      <c r="J10" s="261">
        <v>2</v>
      </c>
      <c r="K10" s="261">
        <v>0</v>
      </c>
      <c r="L10" s="262">
        <v>4</v>
      </c>
      <c r="M10" s="263">
        <v>4</v>
      </c>
      <c r="N10" s="257">
        <v>0</v>
      </c>
      <c r="O10" s="261">
        <v>0</v>
      </c>
      <c r="P10" s="258">
        <v>0</v>
      </c>
      <c r="Q10" s="260">
        <v>0</v>
      </c>
      <c r="R10" s="261">
        <v>0</v>
      </c>
      <c r="S10" s="261">
        <v>0</v>
      </c>
      <c r="T10" s="261">
        <v>0</v>
      </c>
      <c r="U10" s="261">
        <v>0</v>
      </c>
      <c r="V10" s="261">
        <v>0</v>
      </c>
      <c r="W10" s="258">
        <v>0</v>
      </c>
      <c r="X10" s="263">
        <v>0</v>
      </c>
      <c r="Y10" s="257">
        <v>0</v>
      </c>
      <c r="Z10" s="261">
        <v>0</v>
      </c>
      <c r="AA10" s="258">
        <v>0</v>
      </c>
      <c r="AB10" s="260">
        <v>0</v>
      </c>
      <c r="AC10" s="261">
        <v>37</v>
      </c>
      <c r="AD10" s="261">
        <v>25</v>
      </c>
      <c r="AE10" s="261">
        <v>11</v>
      </c>
      <c r="AF10" s="261">
        <v>5</v>
      </c>
      <c r="AG10" s="261">
        <v>2</v>
      </c>
      <c r="AH10" s="258">
        <v>80</v>
      </c>
      <c r="AI10" s="263">
        <v>80</v>
      </c>
      <c r="AJ10" s="257">
        <v>0</v>
      </c>
      <c r="AK10" s="261">
        <v>0</v>
      </c>
      <c r="AL10" s="258">
        <v>0</v>
      </c>
      <c r="AM10" s="260">
        <v>0</v>
      </c>
      <c r="AN10" s="261">
        <v>3</v>
      </c>
      <c r="AO10" s="261">
        <v>6</v>
      </c>
      <c r="AP10" s="261">
        <v>5</v>
      </c>
      <c r="AQ10" s="261">
        <v>4</v>
      </c>
      <c r="AR10" s="261">
        <v>0</v>
      </c>
      <c r="AS10" s="258">
        <v>18</v>
      </c>
      <c r="AT10" s="263">
        <v>18</v>
      </c>
      <c r="AU10" s="257">
        <v>1</v>
      </c>
      <c r="AV10" s="261">
        <v>0</v>
      </c>
      <c r="AW10" s="258">
        <v>1</v>
      </c>
      <c r="AX10" s="260">
        <v>0</v>
      </c>
      <c r="AY10" s="261">
        <v>1</v>
      </c>
      <c r="AZ10" s="261">
        <v>3</v>
      </c>
      <c r="BA10" s="261">
        <v>1</v>
      </c>
      <c r="BB10" s="261">
        <v>0</v>
      </c>
      <c r="BC10" s="261">
        <v>0</v>
      </c>
      <c r="BD10" s="258">
        <v>5</v>
      </c>
      <c r="BE10" s="263">
        <v>6</v>
      </c>
      <c r="BF10" s="257">
        <v>0</v>
      </c>
      <c r="BG10" s="261">
        <v>0</v>
      </c>
      <c r="BH10" s="258">
        <v>0</v>
      </c>
      <c r="BI10" s="260">
        <v>0</v>
      </c>
      <c r="BJ10" s="261">
        <v>1</v>
      </c>
      <c r="BK10" s="261">
        <v>1</v>
      </c>
      <c r="BL10" s="261">
        <v>6</v>
      </c>
      <c r="BM10" s="261">
        <v>4</v>
      </c>
      <c r="BN10" s="261">
        <v>2</v>
      </c>
      <c r="BO10" s="262">
        <v>14</v>
      </c>
      <c r="BP10" s="263">
        <v>14</v>
      </c>
      <c r="BQ10" s="257">
        <v>0</v>
      </c>
      <c r="BR10" s="261">
        <v>0</v>
      </c>
      <c r="BS10" s="258">
        <v>0</v>
      </c>
      <c r="BT10" s="260">
        <v>0</v>
      </c>
      <c r="BU10" s="261">
        <v>0</v>
      </c>
      <c r="BV10" s="261">
        <v>0</v>
      </c>
      <c r="BW10" s="261">
        <v>0</v>
      </c>
      <c r="BX10" s="261">
        <v>0</v>
      </c>
      <c r="BY10" s="261">
        <v>0</v>
      </c>
      <c r="BZ10" s="258">
        <v>0</v>
      </c>
      <c r="CA10" s="263">
        <v>0</v>
      </c>
      <c r="CB10" s="257">
        <v>0</v>
      </c>
      <c r="CC10" s="261">
        <v>0</v>
      </c>
      <c r="CD10" s="258">
        <v>0</v>
      </c>
      <c r="CE10" s="260">
        <v>0</v>
      </c>
      <c r="CF10" s="261">
        <v>0</v>
      </c>
      <c r="CG10" s="261">
        <v>0</v>
      </c>
      <c r="CH10" s="261">
        <v>0</v>
      </c>
      <c r="CI10" s="261">
        <v>0</v>
      </c>
      <c r="CJ10" s="261">
        <v>0</v>
      </c>
      <c r="CK10" s="258">
        <v>0</v>
      </c>
      <c r="CL10" s="263">
        <v>0</v>
      </c>
      <c r="CM10" s="257">
        <v>0</v>
      </c>
      <c r="CN10" s="261">
        <v>0</v>
      </c>
      <c r="CO10" s="258">
        <v>0</v>
      </c>
      <c r="CP10" s="260">
        <v>0</v>
      </c>
      <c r="CQ10" s="261">
        <v>1</v>
      </c>
      <c r="CR10" s="261">
        <v>0</v>
      </c>
      <c r="CS10" s="261">
        <v>0</v>
      </c>
      <c r="CT10" s="261">
        <v>0</v>
      </c>
      <c r="CU10" s="261">
        <v>0</v>
      </c>
      <c r="CV10" s="258">
        <v>1</v>
      </c>
      <c r="CW10" s="263">
        <v>1</v>
      </c>
    </row>
    <row r="11" spans="1:101" ht="21" customHeight="1" x14ac:dyDescent="0.2">
      <c r="B11" s="472" t="s">
        <v>8</v>
      </c>
      <c r="C11" s="257">
        <v>0</v>
      </c>
      <c r="D11" s="258">
        <v>0</v>
      </c>
      <c r="E11" s="259">
        <v>0</v>
      </c>
      <c r="F11" s="260">
        <v>0</v>
      </c>
      <c r="G11" s="261">
        <v>0</v>
      </c>
      <c r="H11" s="261">
        <v>0</v>
      </c>
      <c r="I11" s="261">
        <v>0</v>
      </c>
      <c r="J11" s="261">
        <v>1</v>
      </c>
      <c r="K11" s="261">
        <v>0</v>
      </c>
      <c r="L11" s="262">
        <v>1</v>
      </c>
      <c r="M11" s="263">
        <v>1</v>
      </c>
      <c r="N11" s="257">
        <v>0</v>
      </c>
      <c r="O11" s="261">
        <v>0</v>
      </c>
      <c r="P11" s="258">
        <v>0</v>
      </c>
      <c r="Q11" s="260">
        <v>0</v>
      </c>
      <c r="R11" s="261">
        <v>0</v>
      </c>
      <c r="S11" s="261">
        <v>0</v>
      </c>
      <c r="T11" s="261">
        <v>0</v>
      </c>
      <c r="U11" s="261">
        <v>0</v>
      </c>
      <c r="V11" s="261">
        <v>0</v>
      </c>
      <c r="W11" s="258">
        <v>0</v>
      </c>
      <c r="X11" s="263">
        <v>0</v>
      </c>
      <c r="Y11" s="257">
        <v>0</v>
      </c>
      <c r="Z11" s="261">
        <v>0</v>
      </c>
      <c r="AA11" s="258">
        <v>0</v>
      </c>
      <c r="AB11" s="260">
        <v>0</v>
      </c>
      <c r="AC11" s="261">
        <v>41</v>
      </c>
      <c r="AD11" s="261">
        <v>16</v>
      </c>
      <c r="AE11" s="261">
        <v>9</v>
      </c>
      <c r="AF11" s="261">
        <v>7</v>
      </c>
      <c r="AG11" s="261">
        <v>0</v>
      </c>
      <c r="AH11" s="258">
        <v>73</v>
      </c>
      <c r="AI11" s="263">
        <v>73</v>
      </c>
      <c r="AJ11" s="257">
        <v>0</v>
      </c>
      <c r="AK11" s="261">
        <v>0</v>
      </c>
      <c r="AL11" s="258">
        <v>0</v>
      </c>
      <c r="AM11" s="260">
        <v>0</v>
      </c>
      <c r="AN11" s="261">
        <v>0</v>
      </c>
      <c r="AO11" s="261">
        <v>0</v>
      </c>
      <c r="AP11" s="261">
        <v>0</v>
      </c>
      <c r="AQ11" s="261">
        <v>0</v>
      </c>
      <c r="AR11" s="261">
        <v>0</v>
      </c>
      <c r="AS11" s="258">
        <v>0</v>
      </c>
      <c r="AT11" s="263">
        <v>0</v>
      </c>
      <c r="AU11" s="257">
        <v>0</v>
      </c>
      <c r="AV11" s="261">
        <v>0</v>
      </c>
      <c r="AW11" s="258">
        <v>0</v>
      </c>
      <c r="AX11" s="260">
        <v>0</v>
      </c>
      <c r="AY11" s="261">
        <v>2</v>
      </c>
      <c r="AZ11" s="261">
        <v>1</v>
      </c>
      <c r="BA11" s="261">
        <v>1</v>
      </c>
      <c r="BB11" s="261">
        <v>3</v>
      </c>
      <c r="BC11" s="261">
        <v>1</v>
      </c>
      <c r="BD11" s="258">
        <v>8</v>
      </c>
      <c r="BE11" s="263">
        <v>8</v>
      </c>
      <c r="BF11" s="257">
        <v>0</v>
      </c>
      <c r="BG11" s="261">
        <v>0</v>
      </c>
      <c r="BH11" s="258">
        <v>0</v>
      </c>
      <c r="BI11" s="260">
        <v>0</v>
      </c>
      <c r="BJ11" s="261">
        <v>0</v>
      </c>
      <c r="BK11" s="261">
        <v>3</v>
      </c>
      <c r="BL11" s="261">
        <v>2</v>
      </c>
      <c r="BM11" s="261">
        <v>5</v>
      </c>
      <c r="BN11" s="261">
        <v>0</v>
      </c>
      <c r="BO11" s="262">
        <v>10</v>
      </c>
      <c r="BP11" s="263">
        <v>10</v>
      </c>
      <c r="BQ11" s="257">
        <v>0</v>
      </c>
      <c r="BR11" s="261">
        <v>0</v>
      </c>
      <c r="BS11" s="258">
        <v>0</v>
      </c>
      <c r="BT11" s="260">
        <v>0</v>
      </c>
      <c r="BU11" s="261">
        <v>0</v>
      </c>
      <c r="BV11" s="261">
        <v>0</v>
      </c>
      <c r="BW11" s="261">
        <v>0</v>
      </c>
      <c r="BX11" s="261">
        <v>1</v>
      </c>
      <c r="BY11" s="261">
        <v>0</v>
      </c>
      <c r="BZ11" s="258">
        <v>1</v>
      </c>
      <c r="CA11" s="263">
        <v>1</v>
      </c>
      <c r="CB11" s="257">
        <v>0</v>
      </c>
      <c r="CC11" s="261">
        <v>0</v>
      </c>
      <c r="CD11" s="258">
        <v>0</v>
      </c>
      <c r="CE11" s="260">
        <v>0</v>
      </c>
      <c r="CF11" s="261">
        <v>0</v>
      </c>
      <c r="CG11" s="261">
        <v>0</v>
      </c>
      <c r="CH11" s="261">
        <v>0</v>
      </c>
      <c r="CI11" s="261">
        <v>0</v>
      </c>
      <c r="CJ11" s="261">
        <v>1</v>
      </c>
      <c r="CK11" s="258">
        <v>1</v>
      </c>
      <c r="CL11" s="263">
        <v>1</v>
      </c>
      <c r="CM11" s="257">
        <v>0</v>
      </c>
      <c r="CN11" s="261">
        <v>0</v>
      </c>
      <c r="CO11" s="258">
        <v>0</v>
      </c>
      <c r="CP11" s="260">
        <v>0</v>
      </c>
      <c r="CQ11" s="261">
        <v>0</v>
      </c>
      <c r="CR11" s="261">
        <v>0</v>
      </c>
      <c r="CS11" s="261">
        <v>0</v>
      </c>
      <c r="CT11" s="261">
        <v>0</v>
      </c>
      <c r="CU11" s="261">
        <v>0</v>
      </c>
      <c r="CV11" s="258">
        <v>0</v>
      </c>
      <c r="CW11" s="263">
        <v>0</v>
      </c>
    </row>
    <row r="12" spans="1:101" ht="21" customHeight="1" x14ac:dyDescent="0.2">
      <c r="B12" s="472" t="s">
        <v>9</v>
      </c>
      <c r="C12" s="257">
        <v>0</v>
      </c>
      <c r="D12" s="258">
        <v>0</v>
      </c>
      <c r="E12" s="259">
        <v>0</v>
      </c>
      <c r="F12" s="260">
        <v>0</v>
      </c>
      <c r="G12" s="261">
        <v>0</v>
      </c>
      <c r="H12" s="261">
        <v>1</v>
      </c>
      <c r="I12" s="261">
        <v>0</v>
      </c>
      <c r="J12" s="261">
        <v>3</v>
      </c>
      <c r="K12" s="261">
        <v>0</v>
      </c>
      <c r="L12" s="262">
        <v>4</v>
      </c>
      <c r="M12" s="263">
        <v>4</v>
      </c>
      <c r="N12" s="257">
        <v>0</v>
      </c>
      <c r="O12" s="261">
        <v>0</v>
      </c>
      <c r="P12" s="258">
        <v>0</v>
      </c>
      <c r="Q12" s="260">
        <v>0</v>
      </c>
      <c r="R12" s="261">
        <v>0</v>
      </c>
      <c r="S12" s="261">
        <v>0</v>
      </c>
      <c r="T12" s="261">
        <v>0</v>
      </c>
      <c r="U12" s="261">
        <v>0</v>
      </c>
      <c r="V12" s="261">
        <v>0</v>
      </c>
      <c r="W12" s="258">
        <v>0</v>
      </c>
      <c r="X12" s="263">
        <v>0</v>
      </c>
      <c r="Y12" s="257">
        <v>0</v>
      </c>
      <c r="Z12" s="261">
        <v>0</v>
      </c>
      <c r="AA12" s="258">
        <v>0</v>
      </c>
      <c r="AB12" s="260">
        <v>0</v>
      </c>
      <c r="AC12" s="261">
        <v>45</v>
      </c>
      <c r="AD12" s="261">
        <v>29</v>
      </c>
      <c r="AE12" s="261">
        <v>12</v>
      </c>
      <c r="AF12" s="261">
        <v>9</v>
      </c>
      <c r="AG12" s="261">
        <v>1</v>
      </c>
      <c r="AH12" s="258">
        <v>96</v>
      </c>
      <c r="AI12" s="263">
        <v>96</v>
      </c>
      <c r="AJ12" s="257">
        <v>0</v>
      </c>
      <c r="AK12" s="261">
        <v>0</v>
      </c>
      <c r="AL12" s="258">
        <v>0</v>
      </c>
      <c r="AM12" s="260">
        <v>0</v>
      </c>
      <c r="AN12" s="261">
        <v>0</v>
      </c>
      <c r="AO12" s="261">
        <v>0</v>
      </c>
      <c r="AP12" s="261">
        <v>2</v>
      </c>
      <c r="AQ12" s="261">
        <v>0</v>
      </c>
      <c r="AR12" s="261">
        <v>1</v>
      </c>
      <c r="AS12" s="258">
        <v>3</v>
      </c>
      <c r="AT12" s="263">
        <v>3</v>
      </c>
      <c r="AU12" s="257">
        <v>2</v>
      </c>
      <c r="AV12" s="261">
        <v>0</v>
      </c>
      <c r="AW12" s="258">
        <v>2</v>
      </c>
      <c r="AX12" s="260">
        <v>0</v>
      </c>
      <c r="AY12" s="261">
        <v>3</v>
      </c>
      <c r="AZ12" s="261">
        <v>0</v>
      </c>
      <c r="BA12" s="261">
        <v>3</v>
      </c>
      <c r="BB12" s="261">
        <v>2</v>
      </c>
      <c r="BC12" s="261">
        <v>1</v>
      </c>
      <c r="BD12" s="258">
        <v>9</v>
      </c>
      <c r="BE12" s="263">
        <v>11</v>
      </c>
      <c r="BF12" s="257">
        <v>0</v>
      </c>
      <c r="BG12" s="261">
        <v>0</v>
      </c>
      <c r="BH12" s="258">
        <v>0</v>
      </c>
      <c r="BI12" s="260">
        <v>0</v>
      </c>
      <c r="BJ12" s="261">
        <v>0</v>
      </c>
      <c r="BK12" s="261">
        <v>3</v>
      </c>
      <c r="BL12" s="261">
        <v>7</v>
      </c>
      <c r="BM12" s="261">
        <v>2</v>
      </c>
      <c r="BN12" s="261">
        <v>2</v>
      </c>
      <c r="BO12" s="262">
        <v>14</v>
      </c>
      <c r="BP12" s="263">
        <v>14</v>
      </c>
      <c r="BQ12" s="257">
        <v>0</v>
      </c>
      <c r="BR12" s="261">
        <v>0</v>
      </c>
      <c r="BS12" s="258">
        <v>0</v>
      </c>
      <c r="BT12" s="260">
        <v>0</v>
      </c>
      <c r="BU12" s="261">
        <v>0</v>
      </c>
      <c r="BV12" s="261">
        <v>1</v>
      </c>
      <c r="BW12" s="261">
        <v>1</v>
      </c>
      <c r="BX12" s="261">
        <v>1</v>
      </c>
      <c r="BY12" s="261">
        <v>0</v>
      </c>
      <c r="BZ12" s="258">
        <v>3</v>
      </c>
      <c r="CA12" s="263">
        <v>3</v>
      </c>
      <c r="CB12" s="257">
        <v>0</v>
      </c>
      <c r="CC12" s="261">
        <v>0</v>
      </c>
      <c r="CD12" s="258">
        <v>0</v>
      </c>
      <c r="CE12" s="260">
        <v>0</v>
      </c>
      <c r="CF12" s="261">
        <v>0</v>
      </c>
      <c r="CG12" s="261">
        <v>0</v>
      </c>
      <c r="CH12" s="261">
        <v>0</v>
      </c>
      <c r="CI12" s="261">
        <v>0</v>
      </c>
      <c r="CJ12" s="261">
        <v>0</v>
      </c>
      <c r="CK12" s="258">
        <v>0</v>
      </c>
      <c r="CL12" s="263">
        <v>0</v>
      </c>
      <c r="CM12" s="257">
        <v>0</v>
      </c>
      <c r="CN12" s="261">
        <v>0</v>
      </c>
      <c r="CO12" s="258">
        <v>0</v>
      </c>
      <c r="CP12" s="260">
        <v>0</v>
      </c>
      <c r="CQ12" s="261">
        <v>0</v>
      </c>
      <c r="CR12" s="261">
        <v>1</v>
      </c>
      <c r="CS12" s="261">
        <v>1</v>
      </c>
      <c r="CT12" s="261">
        <v>0</v>
      </c>
      <c r="CU12" s="261">
        <v>2</v>
      </c>
      <c r="CV12" s="258">
        <v>4</v>
      </c>
      <c r="CW12" s="263">
        <v>4</v>
      </c>
    </row>
    <row r="13" spans="1:101" ht="21" customHeight="1" x14ac:dyDescent="0.2">
      <c r="B13" s="472" t="s">
        <v>10</v>
      </c>
      <c r="C13" s="257">
        <v>0</v>
      </c>
      <c r="D13" s="258">
        <v>0</v>
      </c>
      <c r="E13" s="259">
        <v>0</v>
      </c>
      <c r="F13" s="260">
        <v>0</v>
      </c>
      <c r="G13" s="261">
        <v>0</v>
      </c>
      <c r="H13" s="261">
        <v>1</v>
      </c>
      <c r="I13" s="261">
        <v>1</v>
      </c>
      <c r="J13" s="261">
        <v>0</v>
      </c>
      <c r="K13" s="261">
        <v>0</v>
      </c>
      <c r="L13" s="262">
        <v>2</v>
      </c>
      <c r="M13" s="263">
        <v>2</v>
      </c>
      <c r="N13" s="257">
        <v>0</v>
      </c>
      <c r="O13" s="261">
        <v>0</v>
      </c>
      <c r="P13" s="258">
        <v>0</v>
      </c>
      <c r="Q13" s="260">
        <v>0</v>
      </c>
      <c r="R13" s="261">
        <v>0</v>
      </c>
      <c r="S13" s="261">
        <v>1</v>
      </c>
      <c r="T13" s="261">
        <v>1</v>
      </c>
      <c r="U13" s="261">
        <v>0</v>
      </c>
      <c r="V13" s="261">
        <v>0</v>
      </c>
      <c r="W13" s="258">
        <v>2</v>
      </c>
      <c r="X13" s="263">
        <v>2</v>
      </c>
      <c r="Y13" s="257">
        <v>0</v>
      </c>
      <c r="Z13" s="261">
        <v>0</v>
      </c>
      <c r="AA13" s="258">
        <v>0</v>
      </c>
      <c r="AB13" s="260">
        <v>0</v>
      </c>
      <c r="AC13" s="261">
        <v>37</v>
      </c>
      <c r="AD13" s="261">
        <v>19</v>
      </c>
      <c r="AE13" s="261">
        <v>3</v>
      </c>
      <c r="AF13" s="261">
        <v>7</v>
      </c>
      <c r="AG13" s="261">
        <v>1</v>
      </c>
      <c r="AH13" s="258">
        <v>67</v>
      </c>
      <c r="AI13" s="263">
        <v>67</v>
      </c>
      <c r="AJ13" s="257">
        <v>0</v>
      </c>
      <c r="AK13" s="261">
        <v>0</v>
      </c>
      <c r="AL13" s="258">
        <v>0</v>
      </c>
      <c r="AM13" s="260">
        <v>0</v>
      </c>
      <c r="AN13" s="261">
        <v>0</v>
      </c>
      <c r="AO13" s="261">
        <v>0</v>
      </c>
      <c r="AP13" s="261">
        <v>3</v>
      </c>
      <c r="AQ13" s="261">
        <v>2</v>
      </c>
      <c r="AR13" s="261">
        <v>0</v>
      </c>
      <c r="AS13" s="258">
        <v>5</v>
      </c>
      <c r="AT13" s="263">
        <v>5</v>
      </c>
      <c r="AU13" s="257">
        <v>1</v>
      </c>
      <c r="AV13" s="261">
        <v>1</v>
      </c>
      <c r="AW13" s="258">
        <v>2</v>
      </c>
      <c r="AX13" s="260">
        <v>0</v>
      </c>
      <c r="AY13" s="261">
        <v>6</v>
      </c>
      <c r="AZ13" s="261">
        <v>1</v>
      </c>
      <c r="BA13" s="261">
        <v>3</v>
      </c>
      <c r="BB13" s="261">
        <v>1</v>
      </c>
      <c r="BC13" s="261">
        <v>1</v>
      </c>
      <c r="BD13" s="258">
        <v>12</v>
      </c>
      <c r="BE13" s="263">
        <v>14</v>
      </c>
      <c r="BF13" s="257">
        <v>0</v>
      </c>
      <c r="BG13" s="261">
        <v>0</v>
      </c>
      <c r="BH13" s="258">
        <v>0</v>
      </c>
      <c r="BI13" s="260">
        <v>0</v>
      </c>
      <c r="BJ13" s="261">
        <v>1</v>
      </c>
      <c r="BK13" s="261">
        <v>6</v>
      </c>
      <c r="BL13" s="261">
        <v>7</v>
      </c>
      <c r="BM13" s="261">
        <v>5</v>
      </c>
      <c r="BN13" s="261">
        <v>7</v>
      </c>
      <c r="BO13" s="262">
        <v>26</v>
      </c>
      <c r="BP13" s="263">
        <v>26</v>
      </c>
      <c r="BQ13" s="257">
        <v>0</v>
      </c>
      <c r="BR13" s="261">
        <v>0</v>
      </c>
      <c r="BS13" s="258">
        <v>0</v>
      </c>
      <c r="BT13" s="260">
        <v>0</v>
      </c>
      <c r="BU13" s="261">
        <v>5</v>
      </c>
      <c r="BV13" s="261">
        <v>0</v>
      </c>
      <c r="BW13" s="261">
        <v>5</v>
      </c>
      <c r="BX13" s="261">
        <v>2</v>
      </c>
      <c r="BY13" s="261">
        <v>4</v>
      </c>
      <c r="BZ13" s="258">
        <v>16</v>
      </c>
      <c r="CA13" s="263">
        <v>16</v>
      </c>
      <c r="CB13" s="257">
        <v>0</v>
      </c>
      <c r="CC13" s="261">
        <v>0</v>
      </c>
      <c r="CD13" s="258">
        <v>0</v>
      </c>
      <c r="CE13" s="260">
        <v>0</v>
      </c>
      <c r="CF13" s="261">
        <v>0</v>
      </c>
      <c r="CG13" s="261">
        <v>0</v>
      </c>
      <c r="CH13" s="261">
        <v>0</v>
      </c>
      <c r="CI13" s="261">
        <v>2</v>
      </c>
      <c r="CJ13" s="261">
        <v>0</v>
      </c>
      <c r="CK13" s="258">
        <v>2</v>
      </c>
      <c r="CL13" s="263">
        <v>2</v>
      </c>
      <c r="CM13" s="257">
        <v>0</v>
      </c>
      <c r="CN13" s="261">
        <v>0</v>
      </c>
      <c r="CO13" s="258">
        <v>0</v>
      </c>
      <c r="CP13" s="260">
        <v>0</v>
      </c>
      <c r="CQ13" s="261">
        <v>0</v>
      </c>
      <c r="CR13" s="261">
        <v>1</v>
      </c>
      <c r="CS13" s="261">
        <v>1</v>
      </c>
      <c r="CT13" s="261">
        <v>1</v>
      </c>
      <c r="CU13" s="261">
        <v>1</v>
      </c>
      <c r="CV13" s="258">
        <v>4</v>
      </c>
      <c r="CW13" s="263">
        <v>4</v>
      </c>
    </row>
    <row r="14" spans="1:101" ht="21" customHeight="1" x14ac:dyDescent="0.2">
      <c r="B14" s="472" t="s">
        <v>11</v>
      </c>
      <c r="C14" s="257">
        <v>0</v>
      </c>
      <c r="D14" s="258">
        <v>0</v>
      </c>
      <c r="E14" s="259">
        <v>0</v>
      </c>
      <c r="F14" s="260">
        <v>0</v>
      </c>
      <c r="G14" s="261">
        <v>1</v>
      </c>
      <c r="H14" s="261">
        <v>1</v>
      </c>
      <c r="I14" s="261">
        <v>1</v>
      </c>
      <c r="J14" s="261">
        <v>1</v>
      </c>
      <c r="K14" s="261">
        <v>0</v>
      </c>
      <c r="L14" s="262">
        <v>4</v>
      </c>
      <c r="M14" s="263">
        <v>4</v>
      </c>
      <c r="N14" s="257">
        <v>0</v>
      </c>
      <c r="O14" s="261">
        <v>0</v>
      </c>
      <c r="P14" s="258">
        <v>0</v>
      </c>
      <c r="Q14" s="260">
        <v>0</v>
      </c>
      <c r="R14" s="261">
        <v>2</v>
      </c>
      <c r="S14" s="261">
        <v>1</v>
      </c>
      <c r="T14" s="261">
        <v>0</v>
      </c>
      <c r="U14" s="261">
        <v>0</v>
      </c>
      <c r="V14" s="261">
        <v>0</v>
      </c>
      <c r="W14" s="258">
        <v>3</v>
      </c>
      <c r="X14" s="263">
        <v>3</v>
      </c>
      <c r="Y14" s="257">
        <v>0</v>
      </c>
      <c r="Z14" s="261">
        <v>0</v>
      </c>
      <c r="AA14" s="258">
        <v>0</v>
      </c>
      <c r="AB14" s="260">
        <v>0</v>
      </c>
      <c r="AC14" s="261">
        <v>32</v>
      </c>
      <c r="AD14" s="261">
        <v>8</v>
      </c>
      <c r="AE14" s="261">
        <v>4</v>
      </c>
      <c r="AF14" s="261">
        <v>6</v>
      </c>
      <c r="AG14" s="261">
        <v>1</v>
      </c>
      <c r="AH14" s="258">
        <v>51</v>
      </c>
      <c r="AI14" s="263">
        <v>51</v>
      </c>
      <c r="AJ14" s="257">
        <v>0</v>
      </c>
      <c r="AK14" s="261">
        <v>0</v>
      </c>
      <c r="AL14" s="258">
        <v>0</v>
      </c>
      <c r="AM14" s="260">
        <v>0</v>
      </c>
      <c r="AN14" s="261">
        <v>1</v>
      </c>
      <c r="AO14" s="261">
        <v>0</v>
      </c>
      <c r="AP14" s="261">
        <v>0</v>
      </c>
      <c r="AQ14" s="261">
        <v>0</v>
      </c>
      <c r="AR14" s="261">
        <v>0</v>
      </c>
      <c r="AS14" s="258">
        <v>1</v>
      </c>
      <c r="AT14" s="263">
        <v>1</v>
      </c>
      <c r="AU14" s="257">
        <v>0</v>
      </c>
      <c r="AV14" s="261">
        <v>1</v>
      </c>
      <c r="AW14" s="258">
        <v>1</v>
      </c>
      <c r="AX14" s="260">
        <v>0</v>
      </c>
      <c r="AY14" s="261">
        <v>1</v>
      </c>
      <c r="AZ14" s="261">
        <v>0</v>
      </c>
      <c r="BA14" s="261">
        <v>1</v>
      </c>
      <c r="BB14" s="261">
        <v>1</v>
      </c>
      <c r="BC14" s="261">
        <v>0</v>
      </c>
      <c r="BD14" s="258">
        <v>3</v>
      </c>
      <c r="BE14" s="263">
        <v>4</v>
      </c>
      <c r="BF14" s="257">
        <v>0</v>
      </c>
      <c r="BG14" s="261">
        <v>0</v>
      </c>
      <c r="BH14" s="258">
        <v>0</v>
      </c>
      <c r="BI14" s="260">
        <v>0</v>
      </c>
      <c r="BJ14" s="261">
        <v>0</v>
      </c>
      <c r="BK14" s="261">
        <v>3</v>
      </c>
      <c r="BL14" s="261">
        <v>2</v>
      </c>
      <c r="BM14" s="261">
        <v>2</v>
      </c>
      <c r="BN14" s="261">
        <v>0</v>
      </c>
      <c r="BO14" s="262">
        <v>7</v>
      </c>
      <c r="BP14" s="263">
        <v>7</v>
      </c>
      <c r="BQ14" s="257">
        <v>0</v>
      </c>
      <c r="BR14" s="261">
        <v>0</v>
      </c>
      <c r="BS14" s="258">
        <v>0</v>
      </c>
      <c r="BT14" s="260">
        <v>0</v>
      </c>
      <c r="BU14" s="261">
        <v>0</v>
      </c>
      <c r="BV14" s="261">
        <v>0</v>
      </c>
      <c r="BW14" s="261">
        <v>0</v>
      </c>
      <c r="BX14" s="261">
        <v>0</v>
      </c>
      <c r="BY14" s="261">
        <v>0</v>
      </c>
      <c r="BZ14" s="258">
        <v>0</v>
      </c>
      <c r="CA14" s="263">
        <v>0</v>
      </c>
      <c r="CB14" s="257">
        <v>0</v>
      </c>
      <c r="CC14" s="261">
        <v>0</v>
      </c>
      <c r="CD14" s="258">
        <v>0</v>
      </c>
      <c r="CE14" s="260">
        <v>0</v>
      </c>
      <c r="CF14" s="261">
        <v>0</v>
      </c>
      <c r="CG14" s="261">
        <v>0</v>
      </c>
      <c r="CH14" s="261">
        <v>0</v>
      </c>
      <c r="CI14" s="261">
        <v>0</v>
      </c>
      <c r="CJ14" s="261">
        <v>0</v>
      </c>
      <c r="CK14" s="258">
        <v>0</v>
      </c>
      <c r="CL14" s="263">
        <v>0</v>
      </c>
      <c r="CM14" s="257">
        <v>0</v>
      </c>
      <c r="CN14" s="261">
        <v>0</v>
      </c>
      <c r="CO14" s="258">
        <v>0</v>
      </c>
      <c r="CP14" s="260">
        <v>0</v>
      </c>
      <c r="CQ14" s="261">
        <v>0</v>
      </c>
      <c r="CR14" s="261">
        <v>0</v>
      </c>
      <c r="CS14" s="261">
        <v>0</v>
      </c>
      <c r="CT14" s="261">
        <v>0</v>
      </c>
      <c r="CU14" s="261">
        <v>0</v>
      </c>
      <c r="CV14" s="258">
        <v>0</v>
      </c>
      <c r="CW14" s="263">
        <v>0</v>
      </c>
    </row>
    <row r="15" spans="1:101" ht="21" customHeight="1" x14ac:dyDescent="0.2">
      <c r="B15" s="472" t="s">
        <v>12</v>
      </c>
      <c r="C15" s="257">
        <v>0</v>
      </c>
      <c r="D15" s="258">
        <v>0</v>
      </c>
      <c r="E15" s="259">
        <v>0</v>
      </c>
      <c r="F15" s="260">
        <v>0</v>
      </c>
      <c r="G15" s="261">
        <v>0</v>
      </c>
      <c r="H15" s="261">
        <v>0</v>
      </c>
      <c r="I15" s="261">
        <v>0</v>
      </c>
      <c r="J15" s="261">
        <v>0</v>
      </c>
      <c r="K15" s="261">
        <v>0</v>
      </c>
      <c r="L15" s="262">
        <v>0</v>
      </c>
      <c r="M15" s="263">
        <v>0</v>
      </c>
      <c r="N15" s="257">
        <v>0</v>
      </c>
      <c r="O15" s="261">
        <v>0</v>
      </c>
      <c r="P15" s="258">
        <v>0</v>
      </c>
      <c r="Q15" s="260">
        <v>0</v>
      </c>
      <c r="R15" s="261">
        <v>0</v>
      </c>
      <c r="S15" s="261">
        <v>0</v>
      </c>
      <c r="T15" s="261">
        <v>0</v>
      </c>
      <c r="U15" s="261">
        <v>0</v>
      </c>
      <c r="V15" s="261">
        <v>0</v>
      </c>
      <c r="W15" s="258">
        <v>0</v>
      </c>
      <c r="X15" s="263">
        <v>0</v>
      </c>
      <c r="Y15" s="257">
        <v>0</v>
      </c>
      <c r="Z15" s="261">
        <v>0</v>
      </c>
      <c r="AA15" s="258">
        <v>0</v>
      </c>
      <c r="AB15" s="260">
        <v>0</v>
      </c>
      <c r="AC15" s="261">
        <v>21</v>
      </c>
      <c r="AD15" s="261">
        <v>14</v>
      </c>
      <c r="AE15" s="261">
        <v>7</v>
      </c>
      <c r="AF15" s="261">
        <v>7</v>
      </c>
      <c r="AG15" s="261">
        <v>1</v>
      </c>
      <c r="AH15" s="258">
        <v>50</v>
      </c>
      <c r="AI15" s="263">
        <v>50</v>
      </c>
      <c r="AJ15" s="257">
        <v>0</v>
      </c>
      <c r="AK15" s="261">
        <v>0</v>
      </c>
      <c r="AL15" s="258">
        <v>0</v>
      </c>
      <c r="AM15" s="260">
        <v>0</v>
      </c>
      <c r="AN15" s="261">
        <v>0</v>
      </c>
      <c r="AO15" s="261">
        <v>0</v>
      </c>
      <c r="AP15" s="261">
        <v>0</v>
      </c>
      <c r="AQ15" s="261">
        <v>0</v>
      </c>
      <c r="AR15" s="261">
        <v>0</v>
      </c>
      <c r="AS15" s="258">
        <v>0</v>
      </c>
      <c r="AT15" s="263">
        <v>0</v>
      </c>
      <c r="AU15" s="257">
        <v>0</v>
      </c>
      <c r="AV15" s="261">
        <v>0</v>
      </c>
      <c r="AW15" s="258">
        <v>0</v>
      </c>
      <c r="AX15" s="260">
        <v>0</v>
      </c>
      <c r="AY15" s="261">
        <v>1</v>
      </c>
      <c r="AZ15" s="261">
        <v>2</v>
      </c>
      <c r="BA15" s="261">
        <v>1</v>
      </c>
      <c r="BB15" s="261">
        <v>3</v>
      </c>
      <c r="BC15" s="261">
        <v>0</v>
      </c>
      <c r="BD15" s="258">
        <v>7</v>
      </c>
      <c r="BE15" s="263">
        <v>7</v>
      </c>
      <c r="BF15" s="257">
        <v>0</v>
      </c>
      <c r="BG15" s="261">
        <v>0</v>
      </c>
      <c r="BH15" s="258">
        <v>0</v>
      </c>
      <c r="BI15" s="260">
        <v>0</v>
      </c>
      <c r="BJ15" s="261">
        <v>0</v>
      </c>
      <c r="BK15" s="261">
        <v>1</v>
      </c>
      <c r="BL15" s="261">
        <v>1</v>
      </c>
      <c r="BM15" s="261">
        <v>2</v>
      </c>
      <c r="BN15" s="261">
        <v>1</v>
      </c>
      <c r="BO15" s="262">
        <v>5</v>
      </c>
      <c r="BP15" s="263">
        <v>5</v>
      </c>
      <c r="BQ15" s="257">
        <v>0</v>
      </c>
      <c r="BR15" s="261">
        <v>0</v>
      </c>
      <c r="BS15" s="258">
        <v>0</v>
      </c>
      <c r="BT15" s="260">
        <v>0</v>
      </c>
      <c r="BU15" s="261">
        <v>0</v>
      </c>
      <c r="BV15" s="261">
        <v>1</v>
      </c>
      <c r="BW15" s="261">
        <v>0</v>
      </c>
      <c r="BX15" s="261">
        <v>2</v>
      </c>
      <c r="BY15" s="261">
        <v>0</v>
      </c>
      <c r="BZ15" s="258">
        <v>3</v>
      </c>
      <c r="CA15" s="263">
        <v>3</v>
      </c>
      <c r="CB15" s="257">
        <v>0</v>
      </c>
      <c r="CC15" s="261">
        <v>0</v>
      </c>
      <c r="CD15" s="258">
        <v>0</v>
      </c>
      <c r="CE15" s="260">
        <v>0</v>
      </c>
      <c r="CF15" s="261">
        <v>0</v>
      </c>
      <c r="CG15" s="261">
        <v>0</v>
      </c>
      <c r="CH15" s="261">
        <v>1</v>
      </c>
      <c r="CI15" s="261">
        <v>0</v>
      </c>
      <c r="CJ15" s="261">
        <v>1</v>
      </c>
      <c r="CK15" s="258">
        <v>2</v>
      </c>
      <c r="CL15" s="263">
        <v>2</v>
      </c>
      <c r="CM15" s="257">
        <v>0</v>
      </c>
      <c r="CN15" s="261">
        <v>0</v>
      </c>
      <c r="CO15" s="258">
        <v>0</v>
      </c>
      <c r="CP15" s="260">
        <v>0</v>
      </c>
      <c r="CQ15" s="261">
        <v>0</v>
      </c>
      <c r="CR15" s="261">
        <v>2</v>
      </c>
      <c r="CS15" s="261">
        <v>1</v>
      </c>
      <c r="CT15" s="261">
        <v>2</v>
      </c>
      <c r="CU15" s="261">
        <v>2</v>
      </c>
      <c r="CV15" s="258">
        <v>7</v>
      </c>
      <c r="CW15" s="263">
        <v>7</v>
      </c>
    </row>
    <row r="16" spans="1:101" ht="21" customHeight="1" x14ac:dyDescent="0.2">
      <c r="B16" s="472" t="s">
        <v>13</v>
      </c>
      <c r="C16" s="257">
        <v>0</v>
      </c>
      <c r="D16" s="258">
        <v>0</v>
      </c>
      <c r="E16" s="259">
        <v>0</v>
      </c>
      <c r="F16" s="260">
        <v>0</v>
      </c>
      <c r="G16" s="261">
        <v>0</v>
      </c>
      <c r="H16" s="261">
        <v>0</v>
      </c>
      <c r="I16" s="261">
        <v>0</v>
      </c>
      <c r="J16" s="261">
        <v>0</v>
      </c>
      <c r="K16" s="261">
        <v>0</v>
      </c>
      <c r="L16" s="262">
        <v>0</v>
      </c>
      <c r="M16" s="263">
        <v>0</v>
      </c>
      <c r="N16" s="257">
        <v>0</v>
      </c>
      <c r="O16" s="261">
        <v>0</v>
      </c>
      <c r="P16" s="258">
        <v>0</v>
      </c>
      <c r="Q16" s="260">
        <v>0</v>
      </c>
      <c r="R16" s="261">
        <v>0</v>
      </c>
      <c r="S16" s="261">
        <v>0</v>
      </c>
      <c r="T16" s="261">
        <v>0</v>
      </c>
      <c r="U16" s="261">
        <v>0</v>
      </c>
      <c r="V16" s="261">
        <v>0</v>
      </c>
      <c r="W16" s="258">
        <v>0</v>
      </c>
      <c r="X16" s="263">
        <v>0</v>
      </c>
      <c r="Y16" s="257">
        <v>0</v>
      </c>
      <c r="Z16" s="261">
        <v>0</v>
      </c>
      <c r="AA16" s="258">
        <v>0</v>
      </c>
      <c r="AB16" s="260">
        <v>0</v>
      </c>
      <c r="AC16" s="261">
        <v>11</v>
      </c>
      <c r="AD16" s="261">
        <v>14</v>
      </c>
      <c r="AE16" s="261">
        <v>7</v>
      </c>
      <c r="AF16" s="261">
        <v>2</v>
      </c>
      <c r="AG16" s="261">
        <v>2</v>
      </c>
      <c r="AH16" s="258">
        <v>36</v>
      </c>
      <c r="AI16" s="263">
        <v>36</v>
      </c>
      <c r="AJ16" s="257">
        <v>0</v>
      </c>
      <c r="AK16" s="261">
        <v>0</v>
      </c>
      <c r="AL16" s="258">
        <v>0</v>
      </c>
      <c r="AM16" s="260">
        <v>0</v>
      </c>
      <c r="AN16" s="261">
        <v>1</v>
      </c>
      <c r="AO16" s="261">
        <v>1</v>
      </c>
      <c r="AP16" s="261">
        <v>0</v>
      </c>
      <c r="AQ16" s="261">
        <v>0</v>
      </c>
      <c r="AR16" s="261">
        <v>0</v>
      </c>
      <c r="AS16" s="258">
        <v>2</v>
      </c>
      <c r="AT16" s="263">
        <v>2</v>
      </c>
      <c r="AU16" s="257">
        <v>0</v>
      </c>
      <c r="AV16" s="261">
        <v>0</v>
      </c>
      <c r="AW16" s="258">
        <v>0</v>
      </c>
      <c r="AX16" s="260">
        <v>0</v>
      </c>
      <c r="AY16" s="261">
        <v>0</v>
      </c>
      <c r="AZ16" s="261">
        <v>1</v>
      </c>
      <c r="BA16" s="261">
        <v>1</v>
      </c>
      <c r="BB16" s="261">
        <v>0</v>
      </c>
      <c r="BC16" s="261">
        <v>0</v>
      </c>
      <c r="BD16" s="258">
        <v>2</v>
      </c>
      <c r="BE16" s="263">
        <v>2</v>
      </c>
      <c r="BF16" s="257">
        <v>0</v>
      </c>
      <c r="BG16" s="261">
        <v>0</v>
      </c>
      <c r="BH16" s="258">
        <v>0</v>
      </c>
      <c r="BI16" s="260">
        <v>0</v>
      </c>
      <c r="BJ16" s="261">
        <v>0</v>
      </c>
      <c r="BK16" s="261">
        <v>1</v>
      </c>
      <c r="BL16" s="261">
        <v>0</v>
      </c>
      <c r="BM16" s="261">
        <v>0</v>
      </c>
      <c r="BN16" s="261">
        <v>0</v>
      </c>
      <c r="BO16" s="262">
        <v>1</v>
      </c>
      <c r="BP16" s="263">
        <v>1</v>
      </c>
      <c r="BQ16" s="257">
        <v>0</v>
      </c>
      <c r="BR16" s="261">
        <v>0</v>
      </c>
      <c r="BS16" s="258">
        <v>0</v>
      </c>
      <c r="BT16" s="260">
        <v>0</v>
      </c>
      <c r="BU16" s="261">
        <v>0</v>
      </c>
      <c r="BV16" s="261">
        <v>0</v>
      </c>
      <c r="BW16" s="261">
        <v>0</v>
      </c>
      <c r="BX16" s="261">
        <v>0</v>
      </c>
      <c r="BY16" s="261">
        <v>1</v>
      </c>
      <c r="BZ16" s="258">
        <v>1</v>
      </c>
      <c r="CA16" s="263">
        <v>1</v>
      </c>
      <c r="CB16" s="257">
        <v>0</v>
      </c>
      <c r="CC16" s="261">
        <v>0</v>
      </c>
      <c r="CD16" s="258">
        <v>0</v>
      </c>
      <c r="CE16" s="260">
        <v>0</v>
      </c>
      <c r="CF16" s="261">
        <v>0</v>
      </c>
      <c r="CG16" s="261">
        <v>0</v>
      </c>
      <c r="CH16" s="261">
        <v>0</v>
      </c>
      <c r="CI16" s="261">
        <v>0</v>
      </c>
      <c r="CJ16" s="261">
        <v>0</v>
      </c>
      <c r="CK16" s="258">
        <v>0</v>
      </c>
      <c r="CL16" s="263">
        <v>0</v>
      </c>
      <c r="CM16" s="257">
        <v>0</v>
      </c>
      <c r="CN16" s="261">
        <v>0</v>
      </c>
      <c r="CO16" s="258">
        <v>0</v>
      </c>
      <c r="CP16" s="260">
        <v>0</v>
      </c>
      <c r="CQ16" s="261">
        <v>0</v>
      </c>
      <c r="CR16" s="261">
        <v>0</v>
      </c>
      <c r="CS16" s="261">
        <v>0</v>
      </c>
      <c r="CT16" s="261">
        <v>0</v>
      </c>
      <c r="CU16" s="261">
        <v>0</v>
      </c>
      <c r="CV16" s="258">
        <v>0</v>
      </c>
      <c r="CW16" s="263">
        <v>0</v>
      </c>
    </row>
    <row r="17" spans="2:101" ht="21" customHeight="1" x14ac:dyDescent="0.2">
      <c r="B17" s="472" t="s">
        <v>15</v>
      </c>
      <c r="C17" s="257">
        <v>0</v>
      </c>
      <c r="D17" s="258">
        <v>0</v>
      </c>
      <c r="E17" s="259">
        <v>0</v>
      </c>
      <c r="F17" s="260">
        <v>0</v>
      </c>
      <c r="G17" s="261">
        <v>0</v>
      </c>
      <c r="H17" s="261">
        <v>0</v>
      </c>
      <c r="I17" s="261">
        <v>1</v>
      </c>
      <c r="J17" s="261">
        <v>0</v>
      </c>
      <c r="K17" s="261">
        <v>0</v>
      </c>
      <c r="L17" s="262">
        <v>1</v>
      </c>
      <c r="M17" s="263">
        <v>1</v>
      </c>
      <c r="N17" s="257">
        <v>0</v>
      </c>
      <c r="O17" s="261">
        <v>0</v>
      </c>
      <c r="P17" s="258">
        <v>0</v>
      </c>
      <c r="Q17" s="260">
        <v>0</v>
      </c>
      <c r="R17" s="261">
        <v>0</v>
      </c>
      <c r="S17" s="261">
        <v>0</v>
      </c>
      <c r="T17" s="261">
        <v>0</v>
      </c>
      <c r="U17" s="261">
        <v>0</v>
      </c>
      <c r="V17" s="261">
        <v>0</v>
      </c>
      <c r="W17" s="258">
        <v>0</v>
      </c>
      <c r="X17" s="263">
        <v>0</v>
      </c>
      <c r="Y17" s="257">
        <v>0</v>
      </c>
      <c r="Z17" s="261">
        <v>0</v>
      </c>
      <c r="AA17" s="258">
        <v>0</v>
      </c>
      <c r="AB17" s="260">
        <v>0</v>
      </c>
      <c r="AC17" s="261">
        <v>5</v>
      </c>
      <c r="AD17" s="261">
        <v>8</v>
      </c>
      <c r="AE17" s="261">
        <v>3</v>
      </c>
      <c r="AF17" s="261">
        <v>1</v>
      </c>
      <c r="AG17" s="261">
        <v>2</v>
      </c>
      <c r="AH17" s="258">
        <v>19</v>
      </c>
      <c r="AI17" s="263">
        <v>19</v>
      </c>
      <c r="AJ17" s="257">
        <v>0</v>
      </c>
      <c r="AK17" s="261">
        <v>0</v>
      </c>
      <c r="AL17" s="258">
        <v>0</v>
      </c>
      <c r="AM17" s="260">
        <v>0</v>
      </c>
      <c r="AN17" s="261">
        <v>0</v>
      </c>
      <c r="AO17" s="261">
        <v>0</v>
      </c>
      <c r="AP17" s="261">
        <v>0</v>
      </c>
      <c r="AQ17" s="261">
        <v>0</v>
      </c>
      <c r="AR17" s="261">
        <v>0</v>
      </c>
      <c r="AS17" s="258">
        <v>0</v>
      </c>
      <c r="AT17" s="263">
        <v>0</v>
      </c>
      <c r="AU17" s="257">
        <v>0</v>
      </c>
      <c r="AV17" s="261">
        <v>0</v>
      </c>
      <c r="AW17" s="258">
        <v>0</v>
      </c>
      <c r="AX17" s="260">
        <v>0</v>
      </c>
      <c r="AY17" s="261">
        <v>0</v>
      </c>
      <c r="AZ17" s="261">
        <v>0</v>
      </c>
      <c r="BA17" s="261">
        <v>0</v>
      </c>
      <c r="BB17" s="261">
        <v>0</v>
      </c>
      <c r="BC17" s="261">
        <v>0</v>
      </c>
      <c r="BD17" s="258">
        <v>0</v>
      </c>
      <c r="BE17" s="263">
        <v>0</v>
      </c>
      <c r="BF17" s="257">
        <v>0</v>
      </c>
      <c r="BG17" s="261">
        <v>0</v>
      </c>
      <c r="BH17" s="258">
        <v>0</v>
      </c>
      <c r="BI17" s="260">
        <v>0</v>
      </c>
      <c r="BJ17" s="261">
        <v>0</v>
      </c>
      <c r="BK17" s="261">
        <v>2</v>
      </c>
      <c r="BL17" s="261">
        <v>0</v>
      </c>
      <c r="BM17" s="261">
        <v>1</v>
      </c>
      <c r="BN17" s="261">
        <v>0</v>
      </c>
      <c r="BO17" s="262">
        <v>3</v>
      </c>
      <c r="BP17" s="263">
        <v>3</v>
      </c>
      <c r="BQ17" s="257">
        <v>0</v>
      </c>
      <c r="BR17" s="261">
        <v>0</v>
      </c>
      <c r="BS17" s="258">
        <v>0</v>
      </c>
      <c r="BT17" s="260">
        <v>0</v>
      </c>
      <c r="BU17" s="261">
        <v>0</v>
      </c>
      <c r="BV17" s="261">
        <v>0</v>
      </c>
      <c r="BW17" s="261">
        <v>0</v>
      </c>
      <c r="BX17" s="261">
        <v>0</v>
      </c>
      <c r="BY17" s="261">
        <v>0</v>
      </c>
      <c r="BZ17" s="258">
        <v>0</v>
      </c>
      <c r="CA17" s="263">
        <v>0</v>
      </c>
      <c r="CB17" s="257">
        <v>0</v>
      </c>
      <c r="CC17" s="261">
        <v>0</v>
      </c>
      <c r="CD17" s="258">
        <v>0</v>
      </c>
      <c r="CE17" s="260">
        <v>0</v>
      </c>
      <c r="CF17" s="261">
        <v>0</v>
      </c>
      <c r="CG17" s="261">
        <v>0</v>
      </c>
      <c r="CH17" s="261">
        <v>0</v>
      </c>
      <c r="CI17" s="261">
        <v>1</v>
      </c>
      <c r="CJ17" s="261">
        <v>0</v>
      </c>
      <c r="CK17" s="258">
        <v>1</v>
      </c>
      <c r="CL17" s="263">
        <v>1</v>
      </c>
      <c r="CM17" s="257">
        <v>0</v>
      </c>
      <c r="CN17" s="261">
        <v>0</v>
      </c>
      <c r="CO17" s="258">
        <v>0</v>
      </c>
      <c r="CP17" s="260">
        <v>0</v>
      </c>
      <c r="CQ17" s="261">
        <v>0</v>
      </c>
      <c r="CR17" s="261">
        <v>0</v>
      </c>
      <c r="CS17" s="261">
        <v>0</v>
      </c>
      <c r="CT17" s="261">
        <v>0</v>
      </c>
      <c r="CU17" s="261">
        <v>0</v>
      </c>
      <c r="CV17" s="258">
        <v>0</v>
      </c>
      <c r="CW17" s="263">
        <v>0</v>
      </c>
    </row>
    <row r="18" spans="2:101" ht="21" customHeight="1" x14ac:dyDescent="0.2">
      <c r="B18" s="472" t="s">
        <v>16</v>
      </c>
      <c r="C18" s="257">
        <v>0</v>
      </c>
      <c r="D18" s="258">
        <v>0</v>
      </c>
      <c r="E18" s="259">
        <v>0</v>
      </c>
      <c r="F18" s="260">
        <v>0</v>
      </c>
      <c r="G18" s="261">
        <v>0</v>
      </c>
      <c r="H18" s="261">
        <v>0</v>
      </c>
      <c r="I18" s="261">
        <v>0</v>
      </c>
      <c r="J18" s="261">
        <v>1</v>
      </c>
      <c r="K18" s="261">
        <v>2</v>
      </c>
      <c r="L18" s="262">
        <v>3</v>
      </c>
      <c r="M18" s="263">
        <v>3</v>
      </c>
      <c r="N18" s="257">
        <v>0</v>
      </c>
      <c r="O18" s="261">
        <v>0</v>
      </c>
      <c r="P18" s="258">
        <v>0</v>
      </c>
      <c r="Q18" s="260">
        <v>0</v>
      </c>
      <c r="R18" s="261">
        <v>0</v>
      </c>
      <c r="S18" s="261">
        <v>0</v>
      </c>
      <c r="T18" s="261">
        <v>0</v>
      </c>
      <c r="U18" s="261">
        <v>1</v>
      </c>
      <c r="V18" s="261">
        <v>0</v>
      </c>
      <c r="W18" s="258">
        <v>1</v>
      </c>
      <c r="X18" s="263">
        <v>1</v>
      </c>
      <c r="Y18" s="257">
        <v>0</v>
      </c>
      <c r="Z18" s="261">
        <v>0</v>
      </c>
      <c r="AA18" s="258">
        <v>0</v>
      </c>
      <c r="AB18" s="260">
        <v>0</v>
      </c>
      <c r="AC18" s="261">
        <v>7</v>
      </c>
      <c r="AD18" s="261">
        <v>9</v>
      </c>
      <c r="AE18" s="261">
        <v>9</v>
      </c>
      <c r="AF18" s="261">
        <v>2</v>
      </c>
      <c r="AG18" s="261">
        <v>0</v>
      </c>
      <c r="AH18" s="258">
        <v>27</v>
      </c>
      <c r="AI18" s="263">
        <v>27</v>
      </c>
      <c r="AJ18" s="257">
        <v>0</v>
      </c>
      <c r="AK18" s="261">
        <v>0</v>
      </c>
      <c r="AL18" s="258">
        <v>0</v>
      </c>
      <c r="AM18" s="260">
        <v>0</v>
      </c>
      <c r="AN18" s="261">
        <v>0</v>
      </c>
      <c r="AO18" s="261">
        <v>3</v>
      </c>
      <c r="AP18" s="261">
        <v>0</v>
      </c>
      <c r="AQ18" s="261">
        <v>0</v>
      </c>
      <c r="AR18" s="261">
        <v>0</v>
      </c>
      <c r="AS18" s="258">
        <v>3</v>
      </c>
      <c r="AT18" s="263">
        <v>3</v>
      </c>
      <c r="AU18" s="257">
        <v>0</v>
      </c>
      <c r="AV18" s="261">
        <v>1</v>
      </c>
      <c r="AW18" s="258">
        <v>1</v>
      </c>
      <c r="AX18" s="260">
        <v>0</v>
      </c>
      <c r="AY18" s="261">
        <v>0</v>
      </c>
      <c r="AZ18" s="261">
        <v>1</v>
      </c>
      <c r="BA18" s="261">
        <v>0</v>
      </c>
      <c r="BB18" s="261">
        <v>1</v>
      </c>
      <c r="BC18" s="261">
        <v>1</v>
      </c>
      <c r="BD18" s="258">
        <v>3</v>
      </c>
      <c r="BE18" s="263">
        <v>4</v>
      </c>
      <c r="BF18" s="257">
        <v>0</v>
      </c>
      <c r="BG18" s="261">
        <v>0</v>
      </c>
      <c r="BH18" s="258">
        <v>0</v>
      </c>
      <c r="BI18" s="260">
        <v>0</v>
      </c>
      <c r="BJ18" s="261">
        <v>0</v>
      </c>
      <c r="BK18" s="261">
        <v>2</v>
      </c>
      <c r="BL18" s="261">
        <v>3</v>
      </c>
      <c r="BM18" s="261">
        <v>1</v>
      </c>
      <c r="BN18" s="261">
        <v>2</v>
      </c>
      <c r="BO18" s="262">
        <v>8</v>
      </c>
      <c r="BP18" s="263">
        <v>8</v>
      </c>
      <c r="BQ18" s="257">
        <v>0</v>
      </c>
      <c r="BR18" s="261">
        <v>0</v>
      </c>
      <c r="BS18" s="258">
        <v>0</v>
      </c>
      <c r="BT18" s="260">
        <v>0</v>
      </c>
      <c r="BU18" s="261">
        <v>0</v>
      </c>
      <c r="BV18" s="261">
        <v>0</v>
      </c>
      <c r="BW18" s="261">
        <v>0</v>
      </c>
      <c r="BX18" s="261">
        <v>0</v>
      </c>
      <c r="BY18" s="261">
        <v>0</v>
      </c>
      <c r="BZ18" s="258">
        <v>0</v>
      </c>
      <c r="CA18" s="263">
        <v>0</v>
      </c>
      <c r="CB18" s="257">
        <v>0</v>
      </c>
      <c r="CC18" s="261">
        <v>0</v>
      </c>
      <c r="CD18" s="258">
        <v>0</v>
      </c>
      <c r="CE18" s="260">
        <v>0</v>
      </c>
      <c r="CF18" s="261">
        <v>0</v>
      </c>
      <c r="CG18" s="261">
        <v>0</v>
      </c>
      <c r="CH18" s="261">
        <v>0</v>
      </c>
      <c r="CI18" s="261">
        <v>0</v>
      </c>
      <c r="CJ18" s="261">
        <v>0</v>
      </c>
      <c r="CK18" s="258">
        <v>0</v>
      </c>
      <c r="CL18" s="263">
        <v>0</v>
      </c>
      <c r="CM18" s="257">
        <v>0</v>
      </c>
      <c r="CN18" s="261">
        <v>0</v>
      </c>
      <c r="CO18" s="258">
        <v>0</v>
      </c>
      <c r="CP18" s="260">
        <v>0</v>
      </c>
      <c r="CQ18" s="261">
        <v>0</v>
      </c>
      <c r="CR18" s="261">
        <v>0</v>
      </c>
      <c r="CS18" s="261">
        <v>0</v>
      </c>
      <c r="CT18" s="261">
        <v>0</v>
      </c>
      <c r="CU18" s="261">
        <v>0</v>
      </c>
      <c r="CV18" s="258">
        <v>0</v>
      </c>
      <c r="CW18" s="263">
        <v>0</v>
      </c>
    </row>
    <row r="19" spans="2:101" ht="21" customHeight="1" x14ac:dyDescent="0.2">
      <c r="B19" s="472" t="s">
        <v>17</v>
      </c>
      <c r="C19" s="257">
        <v>0</v>
      </c>
      <c r="D19" s="258">
        <v>0</v>
      </c>
      <c r="E19" s="259">
        <v>0</v>
      </c>
      <c r="F19" s="260">
        <v>0</v>
      </c>
      <c r="G19" s="261">
        <v>1</v>
      </c>
      <c r="H19" s="261">
        <v>0</v>
      </c>
      <c r="I19" s="261">
        <v>0</v>
      </c>
      <c r="J19" s="261">
        <v>0</v>
      </c>
      <c r="K19" s="261">
        <v>0</v>
      </c>
      <c r="L19" s="262">
        <v>1</v>
      </c>
      <c r="M19" s="263">
        <v>1</v>
      </c>
      <c r="N19" s="257">
        <v>0</v>
      </c>
      <c r="O19" s="261">
        <v>0</v>
      </c>
      <c r="P19" s="258">
        <v>0</v>
      </c>
      <c r="Q19" s="260">
        <v>0</v>
      </c>
      <c r="R19" s="261">
        <v>0</v>
      </c>
      <c r="S19" s="261">
        <v>0</v>
      </c>
      <c r="T19" s="261">
        <v>0</v>
      </c>
      <c r="U19" s="261">
        <v>0</v>
      </c>
      <c r="V19" s="261">
        <v>0</v>
      </c>
      <c r="W19" s="258">
        <v>0</v>
      </c>
      <c r="X19" s="263">
        <v>0</v>
      </c>
      <c r="Y19" s="257">
        <v>0</v>
      </c>
      <c r="Z19" s="261">
        <v>0</v>
      </c>
      <c r="AA19" s="258">
        <v>0</v>
      </c>
      <c r="AB19" s="260">
        <v>0</v>
      </c>
      <c r="AC19" s="261">
        <v>17</v>
      </c>
      <c r="AD19" s="261">
        <v>21</v>
      </c>
      <c r="AE19" s="261">
        <v>10</v>
      </c>
      <c r="AF19" s="261">
        <v>5</v>
      </c>
      <c r="AG19" s="261">
        <v>1</v>
      </c>
      <c r="AH19" s="258">
        <v>54</v>
      </c>
      <c r="AI19" s="263">
        <v>54</v>
      </c>
      <c r="AJ19" s="257">
        <v>0</v>
      </c>
      <c r="AK19" s="261">
        <v>0</v>
      </c>
      <c r="AL19" s="258">
        <v>0</v>
      </c>
      <c r="AM19" s="260">
        <v>0</v>
      </c>
      <c r="AN19" s="261">
        <v>1</v>
      </c>
      <c r="AO19" s="261">
        <v>0</v>
      </c>
      <c r="AP19" s="261">
        <v>2</v>
      </c>
      <c r="AQ19" s="261">
        <v>0</v>
      </c>
      <c r="AR19" s="261">
        <v>0</v>
      </c>
      <c r="AS19" s="258">
        <v>3</v>
      </c>
      <c r="AT19" s="263">
        <v>3</v>
      </c>
      <c r="AU19" s="257">
        <v>0</v>
      </c>
      <c r="AV19" s="261">
        <v>0</v>
      </c>
      <c r="AW19" s="258">
        <v>0</v>
      </c>
      <c r="AX19" s="260">
        <v>0</v>
      </c>
      <c r="AY19" s="261">
        <v>0</v>
      </c>
      <c r="AZ19" s="261">
        <v>3</v>
      </c>
      <c r="BA19" s="261">
        <v>2</v>
      </c>
      <c r="BB19" s="261">
        <v>1</v>
      </c>
      <c r="BC19" s="261">
        <v>1</v>
      </c>
      <c r="BD19" s="258">
        <v>7</v>
      </c>
      <c r="BE19" s="263">
        <v>7</v>
      </c>
      <c r="BF19" s="257">
        <v>0</v>
      </c>
      <c r="BG19" s="261">
        <v>0</v>
      </c>
      <c r="BH19" s="258">
        <v>0</v>
      </c>
      <c r="BI19" s="260">
        <v>0</v>
      </c>
      <c r="BJ19" s="261">
        <v>2</v>
      </c>
      <c r="BK19" s="261">
        <v>4</v>
      </c>
      <c r="BL19" s="261">
        <v>2</v>
      </c>
      <c r="BM19" s="261">
        <v>3</v>
      </c>
      <c r="BN19" s="261">
        <v>7</v>
      </c>
      <c r="BO19" s="262">
        <v>18</v>
      </c>
      <c r="BP19" s="263">
        <v>18</v>
      </c>
      <c r="BQ19" s="257">
        <v>0</v>
      </c>
      <c r="BR19" s="261">
        <v>0</v>
      </c>
      <c r="BS19" s="258">
        <v>0</v>
      </c>
      <c r="BT19" s="260">
        <v>0</v>
      </c>
      <c r="BU19" s="261">
        <v>0</v>
      </c>
      <c r="BV19" s="261">
        <v>0</v>
      </c>
      <c r="BW19" s="261">
        <v>0</v>
      </c>
      <c r="BX19" s="261">
        <v>0</v>
      </c>
      <c r="BY19" s="261">
        <v>0</v>
      </c>
      <c r="BZ19" s="258">
        <v>0</v>
      </c>
      <c r="CA19" s="263">
        <v>0</v>
      </c>
      <c r="CB19" s="257">
        <v>0</v>
      </c>
      <c r="CC19" s="261">
        <v>0</v>
      </c>
      <c r="CD19" s="258">
        <v>0</v>
      </c>
      <c r="CE19" s="260">
        <v>0</v>
      </c>
      <c r="CF19" s="261">
        <v>0</v>
      </c>
      <c r="CG19" s="261">
        <v>0</v>
      </c>
      <c r="CH19" s="261">
        <v>0</v>
      </c>
      <c r="CI19" s="261">
        <v>2</v>
      </c>
      <c r="CJ19" s="261">
        <v>2</v>
      </c>
      <c r="CK19" s="258">
        <v>4</v>
      </c>
      <c r="CL19" s="263">
        <v>4</v>
      </c>
      <c r="CM19" s="257">
        <v>0</v>
      </c>
      <c r="CN19" s="261">
        <v>0</v>
      </c>
      <c r="CO19" s="258">
        <v>0</v>
      </c>
      <c r="CP19" s="260">
        <v>0</v>
      </c>
      <c r="CQ19" s="261">
        <v>0</v>
      </c>
      <c r="CR19" s="261">
        <v>0</v>
      </c>
      <c r="CS19" s="261">
        <v>0</v>
      </c>
      <c r="CT19" s="261">
        <v>0</v>
      </c>
      <c r="CU19" s="261">
        <v>0</v>
      </c>
      <c r="CV19" s="258">
        <v>0</v>
      </c>
      <c r="CW19" s="263">
        <v>0</v>
      </c>
    </row>
    <row r="20" spans="2:101" ht="21" customHeight="1" x14ac:dyDescent="0.2">
      <c r="B20" s="472" t="s">
        <v>18</v>
      </c>
      <c r="C20" s="257">
        <v>0</v>
      </c>
      <c r="D20" s="258">
        <v>0</v>
      </c>
      <c r="E20" s="259">
        <v>0</v>
      </c>
      <c r="F20" s="260">
        <v>0</v>
      </c>
      <c r="G20" s="261">
        <v>0</v>
      </c>
      <c r="H20" s="261">
        <v>0</v>
      </c>
      <c r="I20" s="261">
        <v>0</v>
      </c>
      <c r="J20" s="261">
        <v>0</v>
      </c>
      <c r="K20" s="261">
        <v>1</v>
      </c>
      <c r="L20" s="262">
        <v>1</v>
      </c>
      <c r="M20" s="263">
        <v>1</v>
      </c>
      <c r="N20" s="257">
        <v>0</v>
      </c>
      <c r="O20" s="261">
        <v>0</v>
      </c>
      <c r="P20" s="258">
        <v>0</v>
      </c>
      <c r="Q20" s="260">
        <v>0</v>
      </c>
      <c r="R20" s="261">
        <v>0</v>
      </c>
      <c r="S20" s="261">
        <v>0</v>
      </c>
      <c r="T20" s="261">
        <v>0</v>
      </c>
      <c r="U20" s="261">
        <v>0</v>
      </c>
      <c r="V20" s="261">
        <v>0</v>
      </c>
      <c r="W20" s="258">
        <v>0</v>
      </c>
      <c r="X20" s="263">
        <v>0</v>
      </c>
      <c r="Y20" s="257">
        <v>0</v>
      </c>
      <c r="Z20" s="261">
        <v>0</v>
      </c>
      <c r="AA20" s="258">
        <v>0</v>
      </c>
      <c r="AB20" s="260">
        <v>0</v>
      </c>
      <c r="AC20" s="261">
        <v>23</v>
      </c>
      <c r="AD20" s="261">
        <v>11</v>
      </c>
      <c r="AE20" s="261">
        <v>9</v>
      </c>
      <c r="AF20" s="261">
        <v>2</v>
      </c>
      <c r="AG20" s="261">
        <v>0</v>
      </c>
      <c r="AH20" s="258">
        <v>45</v>
      </c>
      <c r="AI20" s="263">
        <v>45</v>
      </c>
      <c r="AJ20" s="257">
        <v>0</v>
      </c>
      <c r="AK20" s="261">
        <v>0</v>
      </c>
      <c r="AL20" s="258">
        <v>0</v>
      </c>
      <c r="AM20" s="260">
        <v>0</v>
      </c>
      <c r="AN20" s="261">
        <v>0</v>
      </c>
      <c r="AO20" s="261">
        <v>0</v>
      </c>
      <c r="AP20" s="261">
        <v>1</v>
      </c>
      <c r="AQ20" s="261">
        <v>1</v>
      </c>
      <c r="AR20" s="261">
        <v>0</v>
      </c>
      <c r="AS20" s="258">
        <v>2</v>
      </c>
      <c r="AT20" s="263">
        <v>2</v>
      </c>
      <c r="AU20" s="257">
        <v>0</v>
      </c>
      <c r="AV20" s="261">
        <v>0</v>
      </c>
      <c r="AW20" s="258">
        <v>0</v>
      </c>
      <c r="AX20" s="260">
        <v>0</v>
      </c>
      <c r="AY20" s="261">
        <v>0</v>
      </c>
      <c r="AZ20" s="261">
        <v>0</v>
      </c>
      <c r="BA20" s="261">
        <v>0</v>
      </c>
      <c r="BB20" s="261">
        <v>0</v>
      </c>
      <c r="BC20" s="261">
        <v>0</v>
      </c>
      <c r="BD20" s="258">
        <v>0</v>
      </c>
      <c r="BE20" s="263">
        <v>0</v>
      </c>
      <c r="BF20" s="257">
        <v>0</v>
      </c>
      <c r="BG20" s="261">
        <v>0</v>
      </c>
      <c r="BH20" s="258">
        <v>0</v>
      </c>
      <c r="BI20" s="260">
        <v>0</v>
      </c>
      <c r="BJ20" s="261">
        <v>1</v>
      </c>
      <c r="BK20" s="261">
        <v>3</v>
      </c>
      <c r="BL20" s="261">
        <v>5</v>
      </c>
      <c r="BM20" s="261">
        <v>2</v>
      </c>
      <c r="BN20" s="261">
        <v>0</v>
      </c>
      <c r="BO20" s="262">
        <v>11</v>
      </c>
      <c r="BP20" s="263">
        <v>11</v>
      </c>
      <c r="BQ20" s="257">
        <v>0</v>
      </c>
      <c r="BR20" s="261">
        <v>0</v>
      </c>
      <c r="BS20" s="258">
        <v>0</v>
      </c>
      <c r="BT20" s="260">
        <v>0</v>
      </c>
      <c r="BU20" s="261">
        <v>0</v>
      </c>
      <c r="BV20" s="261">
        <v>0</v>
      </c>
      <c r="BW20" s="261">
        <v>0</v>
      </c>
      <c r="BX20" s="261">
        <v>0</v>
      </c>
      <c r="BY20" s="261">
        <v>0</v>
      </c>
      <c r="BZ20" s="258">
        <v>0</v>
      </c>
      <c r="CA20" s="263">
        <v>0</v>
      </c>
      <c r="CB20" s="257">
        <v>0</v>
      </c>
      <c r="CC20" s="261">
        <v>0</v>
      </c>
      <c r="CD20" s="258">
        <v>0</v>
      </c>
      <c r="CE20" s="260">
        <v>0</v>
      </c>
      <c r="CF20" s="261">
        <v>0</v>
      </c>
      <c r="CG20" s="261">
        <v>0</v>
      </c>
      <c r="CH20" s="261">
        <v>0</v>
      </c>
      <c r="CI20" s="261">
        <v>1</v>
      </c>
      <c r="CJ20" s="261">
        <v>0</v>
      </c>
      <c r="CK20" s="258">
        <v>1</v>
      </c>
      <c r="CL20" s="263">
        <v>1</v>
      </c>
      <c r="CM20" s="257">
        <v>0</v>
      </c>
      <c r="CN20" s="261">
        <v>0</v>
      </c>
      <c r="CO20" s="258">
        <v>0</v>
      </c>
      <c r="CP20" s="260">
        <v>0</v>
      </c>
      <c r="CQ20" s="261">
        <v>0</v>
      </c>
      <c r="CR20" s="261">
        <v>1</v>
      </c>
      <c r="CS20" s="261">
        <v>1</v>
      </c>
      <c r="CT20" s="261">
        <v>1</v>
      </c>
      <c r="CU20" s="261">
        <v>2</v>
      </c>
      <c r="CV20" s="258">
        <v>5</v>
      </c>
      <c r="CW20" s="263">
        <v>5</v>
      </c>
    </row>
    <row r="21" spans="2:101" ht="21" customHeight="1" x14ac:dyDescent="0.2">
      <c r="B21" s="472" t="s">
        <v>19</v>
      </c>
      <c r="C21" s="257">
        <v>0</v>
      </c>
      <c r="D21" s="258">
        <v>0</v>
      </c>
      <c r="E21" s="259">
        <v>0</v>
      </c>
      <c r="F21" s="260">
        <v>0</v>
      </c>
      <c r="G21" s="261">
        <v>0</v>
      </c>
      <c r="H21" s="261">
        <v>1</v>
      </c>
      <c r="I21" s="261">
        <v>0</v>
      </c>
      <c r="J21" s="261">
        <v>2</v>
      </c>
      <c r="K21" s="261">
        <v>1</v>
      </c>
      <c r="L21" s="262">
        <v>4</v>
      </c>
      <c r="M21" s="263">
        <v>4</v>
      </c>
      <c r="N21" s="257">
        <v>0</v>
      </c>
      <c r="O21" s="261">
        <v>0</v>
      </c>
      <c r="P21" s="258">
        <v>0</v>
      </c>
      <c r="Q21" s="260">
        <v>0</v>
      </c>
      <c r="R21" s="261">
        <v>0</v>
      </c>
      <c r="S21" s="261">
        <v>0</v>
      </c>
      <c r="T21" s="261">
        <v>0</v>
      </c>
      <c r="U21" s="261">
        <v>1</v>
      </c>
      <c r="V21" s="261">
        <v>0</v>
      </c>
      <c r="W21" s="258">
        <v>1</v>
      </c>
      <c r="X21" s="263">
        <v>1</v>
      </c>
      <c r="Y21" s="257">
        <v>0</v>
      </c>
      <c r="Z21" s="261">
        <v>0</v>
      </c>
      <c r="AA21" s="258">
        <v>0</v>
      </c>
      <c r="AB21" s="260">
        <v>0</v>
      </c>
      <c r="AC21" s="261">
        <v>7</v>
      </c>
      <c r="AD21" s="261">
        <v>4</v>
      </c>
      <c r="AE21" s="261">
        <v>2</v>
      </c>
      <c r="AF21" s="261">
        <v>1</v>
      </c>
      <c r="AG21" s="261">
        <v>0</v>
      </c>
      <c r="AH21" s="258">
        <v>14</v>
      </c>
      <c r="AI21" s="263">
        <v>14</v>
      </c>
      <c r="AJ21" s="257">
        <v>0</v>
      </c>
      <c r="AK21" s="261">
        <v>0</v>
      </c>
      <c r="AL21" s="258">
        <v>0</v>
      </c>
      <c r="AM21" s="260">
        <v>0</v>
      </c>
      <c r="AN21" s="261">
        <v>1</v>
      </c>
      <c r="AO21" s="261">
        <v>2</v>
      </c>
      <c r="AP21" s="261">
        <v>0</v>
      </c>
      <c r="AQ21" s="261">
        <v>0</v>
      </c>
      <c r="AR21" s="261">
        <v>0</v>
      </c>
      <c r="AS21" s="258">
        <v>3</v>
      </c>
      <c r="AT21" s="263">
        <v>3</v>
      </c>
      <c r="AU21" s="257">
        <v>0</v>
      </c>
      <c r="AV21" s="261">
        <v>0</v>
      </c>
      <c r="AW21" s="258">
        <v>0</v>
      </c>
      <c r="AX21" s="260">
        <v>0</v>
      </c>
      <c r="AY21" s="261">
        <v>0</v>
      </c>
      <c r="AZ21" s="261">
        <v>0</v>
      </c>
      <c r="BA21" s="261">
        <v>3</v>
      </c>
      <c r="BB21" s="261">
        <v>0</v>
      </c>
      <c r="BC21" s="261">
        <v>0</v>
      </c>
      <c r="BD21" s="258">
        <v>3</v>
      </c>
      <c r="BE21" s="263">
        <v>3</v>
      </c>
      <c r="BF21" s="257">
        <v>0</v>
      </c>
      <c r="BG21" s="261">
        <v>0</v>
      </c>
      <c r="BH21" s="258">
        <v>0</v>
      </c>
      <c r="BI21" s="260">
        <v>0</v>
      </c>
      <c r="BJ21" s="261">
        <v>0</v>
      </c>
      <c r="BK21" s="261">
        <v>0</v>
      </c>
      <c r="BL21" s="261">
        <v>1</v>
      </c>
      <c r="BM21" s="261">
        <v>0</v>
      </c>
      <c r="BN21" s="261">
        <v>1</v>
      </c>
      <c r="BO21" s="262">
        <v>2</v>
      </c>
      <c r="BP21" s="263">
        <v>2</v>
      </c>
      <c r="BQ21" s="257">
        <v>0</v>
      </c>
      <c r="BR21" s="261">
        <v>0</v>
      </c>
      <c r="BS21" s="258">
        <v>0</v>
      </c>
      <c r="BT21" s="260">
        <v>0</v>
      </c>
      <c r="BU21" s="261">
        <v>0</v>
      </c>
      <c r="BV21" s="261">
        <v>0</v>
      </c>
      <c r="BW21" s="261">
        <v>0</v>
      </c>
      <c r="BX21" s="261">
        <v>0</v>
      </c>
      <c r="BY21" s="261">
        <v>0</v>
      </c>
      <c r="BZ21" s="258">
        <v>0</v>
      </c>
      <c r="CA21" s="263">
        <v>0</v>
      </c>
      <c r="CB21" s="257">
        <v>0</v>
      </c>
      <c r="CC21" s="261">
        <v>0</v>
      </c>
      <c r="CD21" s="258">
        <v>0</v>
      </c>
      <c r="CE21" s="260">
        <v>0</v>
      </c>
      <c r="CF21" s="261">
        <v>0</v>
      </c>
      <c r="CG21" s="261">
        <v>0</v>
      </c>
      <c r="CH21" s="261">
        <v>0</v>
      </c>
      <c r="CI21" s="261">
        <v>0</v>
      </c>
      <c r="CJ21" s="261">
        <v>0</v>
      </c>
      <c r="CK21" s="258">
        <v>0</v>
      </c>
      <c r="CL21" s="263">
        <v>0</v>
      </c>
      <c r="CM21" s="257">
        <v>0</v>
      </c>
      <c r="CN21" s="261">
        <v>0</v>
      </c>
      <c r="CO21" s="258">
        <v>0</v>
      </c>
      <c r="CP21" s="260">
        <v>0</v>
      </c>
      <c r="CQ21" s="261">
        <v>0</v>
      </c>
      <c r="CR21" s="261">
        <v>0</v>
      </c>
      <c r="CS21" s="261">
        <v>0</v>
      </c>
      <c r="CT21" s="261">
        <v>0</v>
      </c>
      <c r="CU21" s="261">
        <v>1</v>
      </c>
      <c r="CV21" s="258">
        <v>1</v>
      </c>
      <c r="CW21" s="263">
        <v>1</v>
      </c>
    </row>
    <row r="22" spans="2:101" ht="21" customHeight="1" x14ac:dyDescent="0.2">
      <c r="B22" s="472" t="s">
        <v>20</v>
      </c>
      <c r="C22" s="257">
        <v>0</v>
      </c>
      <c r="D22" s="258">
        <v>0</v>
      </c>
      <c r="E22" s="259">
        <v>0</v>
      </c>
      <c r="F22" s="260">
        <v>0</v>
      </c>
      <c r="G22" s="261">
        <v>0</v>
      </c>
      <c r="H22" s="261">
        <v>1</v>
      </c>
      <c r="I22" s="261">
        <v>0</v>
      </c>
      <c r="J22" s="261">
        <v>0</v>
      </c>
      <c r="K22" s="261">
        <v>0</v>
      </c>
      <c r="L22" s="262">
        <v>1</v>
      </c>
      <c r="M22" s="263">
        <v>1</v>
      </c>
      <c r="N22" s="257">
        <v>0</v>
      </c>
      <c r="O22" s="261">
        <v>0</v>
      </c>
      <c r="P22" s="258">
        <v>0</v>
      </c>
      <c r="Q22" s="260">
        <v>0</v>
      </c>
      <c r="R22" s="261">
        <v>0</v>
      </c>
      <c r="S22" s="261">
        <v>0</v>
      </c>
      <c r="T22" s="261">
        <v>0</v>
      </c>
      <c r="U22" s="261">
        <v>0</v>
      </c>
      <c r="V22" s="261">
        <v>0</v>
      </c>
      <c r="W22" s="258">
        <v>0</v>
      </c>
      <c r="X22" s="263">
        <v>0</v>
      </c>
      <c r="Y22" s="257">
        <v>0</v>
      </c>
      <c r="Z22" s="261">
        <v>0</v>
      </c>
      <c r="AA22" s="258">
        <v>0</v>
      </c>
      <c r="AB22" s="260">
        <v>0</v>
      </c>
      <c r="AC22" s="261">
        <v>6</v>
      </c>
      <c r="AD22" s="261">
        <v>7</v>
      </c>
      <c r="AE22" s="261">
        <v>2</v>
      </c>
      <c r="AF22" s="261">
        <v>0</v>
      </c>
      <c r="AG22" s="261">
        <v>0</v>
      </c>
      <c r="AH22" s="258">
        <v>15</v>
      </c>
      <c r="AI22" s="263">
        <v>15</v>
      </c>
      <c r="AJ22" s="257">
        <v>0</v>
      </c>
      <c r="AK22" s="261">
        <v>0</v>
      </c>
      <c r="AL22" s="258">
        <v>0</v>
      </c>
      <c r="AM22" s="260">
        <v>0</v>
      </c>
      <c r="AN22" s="261">
        <v>0</v>
      </c>
      <c r="AO22" s="261">
        <v>0</v>
      </c>
      <c r="AP22" s="261">
        <v>0</v>
      </c>
      <c r="AQ22" s="261">
        <v>0</v>
      </c>
      <c r="AR22" s="261">
        <v>0</v>
      </c>
      <c r="AS22" s="258">
        <v>0</v>
      </c>
      <c r="AT22" s="263">
        <v>0</v>
      </c>
      <c r="AU22" s="257">
        <v>0</v>
      </c>
      <c r="AV22" s="261">
        <v>0</v>
      </c>
      <c r="AW22" s="258">
        <v>0</v>
      </c>
      <c r="AX22" s="260">
        <v>0</v>
      </c>
      <c r="AY22" s="261">
        <v>2</v>
      </c>
      <c r="AZ22" s="261">
        <v>0</v>
      </c>
      <c r="BA22" s="261">
        <v>1</v>
      </c>
      <c r="BB22" s="261">
        <v>0</v>
      </c>
      <c r="BC22" s="261">
        <v>0</v>
      </c>
      <c r="BD22" s="258">
        <v>3</v>
      </c>
      <c r="BE22" s="263">
        <v>3</v>
      </c>
      <c r="BF22" s="257">
        <v>0</v>
      </c>
      <c r="BG22" s="261">
        <v>0</v>
      </c>
      <c r="BH22" s="258">
        <v>0</v>
      </c>
      <c r="BI22" s="260">
        <v>0</v>
      </c>
      <c r="BJ22" s="261">
        <v>2</v>
      </c>
      <c r="BK22" s="261">
        <v>1</v>
      </c>
      <c r="BL22" s="261">
        <v>2</v>
      </c>
      <c r="BM22" s="261">
        <v>0</v>
      </c>
      <c r="BN22" s="261">
        <v>1</v>
      </c>
      <c r="BO22" s="262">
        <v>6</v>
      </c>
      <c r="BP22" s="263">
        <v>6</v>
      </c>
      <c r="BQ22" s="257">
        <v>0</v>
      </c>
      <c r="BR22" s="261">
        <v>0</v>
      </c>
      <c r="BS22" s="258">
        <v>0</v>
      </c>
      <c r="BT22" s="260">
        <v>0</v>
      </c>
      <c r="BU22" s="261">
        <v>0</v>
      </c>
      <c r="BV22" s="261">
        <v>0</v>
      </c>
      <c r="BW22" s="261">
        <v>0</v>
      </c>
      <c r="BX22" s="261">
        <v>0</v>
      </c>
      <c r="BY22" s="261">
        <v>0</v>
      </c>
      <c r="BZ22" s="258">
        <v>0</v>
      </c>
      <c r="CA22" s="263">
        <v>0</v>
      </c>
      <c r="CB22" s="257">
        <v>0</v>
      </c>
      <c r="CC22" s="261">
        <v>0</v>
      </c>
      <c r="CD22" s="258">
        <v>0</v>
      </c>
      <c r="CE22" s="260">
        <v>0</v>
      </c>
      <c r="CF22" s="261">
        <v>0</v>
      </c>
      <c r="CG22" s="261">
        <v>0</v>
      </c>
      <c r="CH22" s="261">
        <v>0</v>
      </c>
      <c r="CI22" s="261">
        <v>0</v>
      </c>
      <c r="CJ22" s="261">
        <v>0</v>
      </c>
      <c r="CK22" s="258">
        <v>0</v>
      </c>
      <c r="CL22" s="263">
        <v>0</v>
      </c>
      <c r="CM22" s="257">
        <v>0</v>
      </c>
      <c r="CN22" s="261">
        <v>0</v>
      </c>
      <c r="CO22" s="258">
        <v>0</v>
      </c>
      <c r="CP22" s="260">
        <v>0</v>
      </c>
      <c r="CQ22" s="261">
        <v>0</v>
      </c>
      <c r="CR22" s="261">
        <v>0</v>
      </c>
      <c r="CS22" s="261">
        <v>0</v>
      </c>
      <c r="CT22" s="261">
        <v>0</v>
      </c>
      <c r="CU22" s="261">
        <v>0</v>
      </c>
      <c r="CV22" s="258">
        <v>0</v>
      </c>
      <c r="CW22" s="263">
        <v>0</v>
      </c>
    </row>
    <row r="23" spans="2:101" ht="21" customHeight="1" x14ac:dyDescent="0.2">
      <c r="B23" s="472" t="s">
        <v>21</v>
      </c>
      <c r="C23" s="257">
        <v>0</v>
      </c>
      <c r="D23" s="258">
        <v>0</v>
      </c>
      <c r="E23" s="259">
        <v>0</v>
      </c>
      <c r="F23" s="260">
        <v>0</v>
      </c>
      <c r="G23" s="261">
        <v>1</v>
      </c>
      <c r="H23" s="261">
        <v>0</v>
      </c>
      <c r="I23" s="261">
        <v>0</v>
      </c>
      <c r="J23" s="261">
        <v>0</v>
      </c>
      <c r="K23" s="261">
        <v>0</v>
      </c>
      <c r="L23" s="262">
        <v>1</v>
      </c>
      <c r="M23" s="263">
        <v>1</v>
      </c>
      <c r="N23" s="257">
        <v>0</v>
      </c>
      <c r="O23" s="261">
        <v>0</v>
      </c>
      <c r="P23" s="258">
        <v>0</v>
      </c>
      <c r="Q23" s="260">
        <v>0</v>
      </c>
      <c r="R23" s="261">
        <v>0</v>
      </c>
      <c r="S23" s="261">
        <v>0</v>
      </c>
      <c r="T23" s="261">
        <v>0</v>
      </c>
      <c r="U23" s="261">
        <v>0</v>
      </c>
      <c r="V23" s="261">
        <v>0</v>
      </c>
      <c r="W23" s="258">
        <v>0</v>
      </c>
      <c r="X23" s="263">
        <v>0</v>
      </c>
      <c r="Y23" s="257">
        <v>0</v>
      </c>
      <c r="Z23" s="261">
        <v>0</v>
      </c>
      <c r="AA23" s="258">
        <v>0</v>
      </c>
      <c r="AB23" s="260">
        <v>0</v>
      </c>
      <c r="AC23" s="261">
        <v>14</v>
      </c>
      <c r="AD23" s="261">
        <v>7</v>
      </c>
      <c r="AE23" s="261">
        <v>2</v>
      </c>
      <c r="AF23" s="261">
        <v>1</v>
      </c>
      <c r="AG23" s="261">
        <v>0</v>
      </c>
      <c r="AH23" s="258">
        <v>24</v>
      </c>
      <c r="AI23" s="263">
        <v>24</v>
      </c>
      <c r="AJ23" s="257">
        <v>0</v>
      </c>
      <c r="AK23" s="261">
        <v>0</v>
      </c>
      <c r="AL23" s="258">
        <v>0</v>
      </c>
      <c r="AM23" s="260">
        <v>0</v>
      </c>
      <c r="AN23" s="261">
        <v>0</v>
      </c>
      <c r="AO23" s="261">
        <v>0</v>
      </c>
      <c r="AP23" s="261">
        <v>0</v>
      </c>
      <c r="AQ23" s="261">
        <v>0</v>
      </c>
      <c r="AR23" s="261">
        <v>0</v>
      </c>
      <c r="AS23" s="258">
        <v>0</v>
      </c>
      <c r="AT23" s="263">
        <v>0</v>
      </c>
      <c r="AU23" s="257">
        <v>0</v>
      </c>
      <c r="AV23" s="261">
        <v>0</v>
      </c>
      <c r="AW23" s="258">
        <v>0</v>
      </c>
      <c r="AX23" s="260">
        <v>0</v>
      </c>
      <c r="AY23" s="261">
        <v>1</v>
      </c>
      <c r="AZ23" s="261">
        <v>0</v>
      </c>
      <c r="BA23" s="261">
        <v>0</v>
      </c>
      <c r="BB23" s="261">
        <v>1</v>
      </c>
      <c r="BC23" s="261">
        <v>0</v>
      </c>
      <c r="BD23" s="258">
        <v>2</v>
      </c>
      <c r="BE23" s="263">
        <v>2</v>
      </c>
      <c r="BF23" s="257">
        <v>0</v>
      </c>
      <c r="BG23" s="261">
        <v>0</v>
      </c>
      <c r="BH23" s="258">
        <v>0</v>
      </c>
      <c r="BI23" s="260">
        <v>0</v>
      </c>
      <c r="BJ23" s="261">
        <v>0</v>
      </c>
      <c r="BK23" s="261">
        <v>2</v>
      </c>
      <c r="BL23" s="261">
        <v>2</v>
      </c>
      <c r="BM23" s="261">
        <v>2</v>
      </c>
      <c r="BN23" s="261">
        <v>0</v>
      </c>
      <c r="BO23" s="262">
        <v>6</v>
      </c>
      <c r="BP23" s="263">
        <v>6</v>
      </c>
      <c r="BQ23" s="257">
        <v>0</v>
      </c>
      <c r="BR23" s="261">
        <v>0</v>
      </c>
      <c r="BS23" s="258">
        <v>0</v>
      </c>
      <c r="BT23" s="260">
        <v>0</v>
      </c>
      <c r="BU23" s="261">
        <v>0</v>
      </c>
      <c r="BV23" s="261">
        <v>0</v>
      </c>
      <c r="BW23" s="261">
        <v>0</v>
      </c>
      <c r="BX23" s="261">
        <v>0</v>
      </c>
      <c r="BY23" s="261">
        <v>0</v>
      </c>
      <c r="BZ23" s="258">
        <v>0</v>
      </c>
      <c r="CA23" s="263">
        <v>0</v>
      </c>
      <c r="CB23" s="257">
        <v>0</v>
      </c>
      <c r="CC23" s="261">
        <v>0</v>
      </c>
      <c r="CD23" s="258">
        <v>0</v>
      </c>
      <c r="CE23" s="260">
        <v>0</v>
      </c>
      <c r="CF23" s="261">
        <v>0</v>
      </c>
      <c r="CG23" s="261">
        <v>0</v>
      </c>
      <c r="CH23" s="261">
        <v>0</v>
      </c>
      <c r="CI23" s="261">
        <v>0</v>
      </c>
      <c r="CJ23" s="261">
        <v>0</v>
      </c>
      <c r="CK23" s="258">
        <v>0</v>
      </c>
      <c r="CL23" s="263">
        <v>0</v>
      </c>
      <c r="CM23" s="257">
        <v>0</v>
      </c>
      <c r="CN23" s="261">
        <v>0</v>
      </c>
      <c r="CO23" s="258">
        <v>0</v>
      </c>
      <c r="CP23" s="260">
        <v>0</v>
      </c>
      <c r="CQ23" s="261">
        <v>0</v>
      </c>
      <c r="CR23" s="261">
        <v>0</v>
      </c>
      <c r="CS23" s="261">
        <v>0</v>
      </c>
      <c r="CT23" s="261">
        <v>0</v>
      </c>
      <c r="CU23" s="261">
        <v>0</v>
      </c>
      <c r="CV23" s="258">
        <v>0</v>
      </c>
      <c r="CW23" s="263">
        <v>0</v>
      </c>
    </row>
    <row r="24" spans="2:101" ht="21" customHeight="1" x14ac:dyDescent="0.2">
      <c r="B24" s="472" t="s">
        <v>22</v>
      </c>
      <c r="C24" s="257">
        <v>0</v>
      </c>
      <c r="D24" s="258">
        <v>0</v>
      </c>
      <c r="E24" s="259">
        <v>0</v>
      </c>
      <c r="F24" s="260">
        <v>0</v>
      </c>
      <c r="G24" s="261">
        <v>1</v>
      </c>
      <c r="H24" s="261">
        <v>0</v>
      </c>
      <c r="I24" s="261">
        <v>1</v>
      </c>
      <c r="J24" s="261">
        <v>0</v>
      </c>
      <c r="K24" s="261">
        <v>0</v>
      </c>
      <c r="L24" s="262">
        <v>2</v>
      </c>
      <c r="M24" s="263">
        <v>2</v>
      </c>
      <c r="N24" s="257">
        <v>0</v>
      </c>
      <c r="O24" s="261">
        <v>0</v>
      </c>
      <c r="P24" s="258">
        <v>0</v>
      </c>
      <c r="Q24" s="260">
        <v>0</v>
      </c>
      <c r="R24" s="261">
        <v>0</v>
      </c>
      <c r="S24" s="261">
        <v>0</v>
      </c>
      <c r="T24" s="261">
        <v>0</v>
      </c>
      <c r="U24" s="261">
        <v>0</v>
      </c>
      <c r="V24" s="261">
        <v>0</v>
      </c>
      <c r="W24" s="258">
        <v>0</v>
      </c>
      <c r="X24" s="263">
        <v>0</v>
      </c>
      <c r="Y24" s="257">
        <v>0</v>
      </c>
      <c r="Z24" s="261">
        <v>0</v>
      </c>
      <c r="AA24" s="258">
        <v>0</v>
      </c>
      <c r="AB24" s="260">
        <v>0</v>
      </c>
      <c r="AC24" s="261">
        <v>8</v>
      </c>
      <c r="AD24" s="261">
        <v>3</v>
      </c>
      <c r="AE24" s="261">
        <v>1</v>
      </c>
      <c r="AF24" s="261">
        <v>0</v>
      </c>
      <c r="AG24" s="261">
        <v>0</v>
      </c>
      <c r="AH24" s="258">
        <v>12</v>
      </c>
      <c r="AI24" s="263">
        <v>12</v>
      </c>
      <c r="AJ24" s="257">
        <v>0</v>
      </c>
      <c r="AK24" s="261">
        <v>0</v>
      </c>
      <c r="AL24" s="258">
        <v>0</v>
      </c>
      <c r="AM24" s="260">
        <v>0</v>
      </c>
      <c r="AN24" s="261">
        <v>0</v>
      </c>
      <c r="AO24" s="261">
        <v>0</v>
      </c>
      <c r="AP24" s="261">
        <v>1</v>
      </c>
      <c r="AQ24" s="261">
        <v>0</v>
      </c>
      <c r="AR24" s="261">
        <v>0</v>
      </c>
      <c r="AS24" s="258">
        <v>1</v>
      </c>
      <c r="AT24" s="263">
        <v>1</v>
      </c>
      <c r="AU24" s="257">
        <v>0</v>
      </c>
      <c r="AV24" s="261">
        <v>0</v>
      </c>
      <c r="AW24" s="258">
        <v>0</v>
      </c>
      <c r="AX24" s="260">
        <v>0</v>
      </c>
      <c r="AY24" s="261">
        <v>0</v>
      </c>
      <c r="AZ24" s="261">
        <v>3</v>
      </c>
      <c r="BA24" s="261">
        <v>0</v>
      </c>
      <c r="BB24" s="261">
        <v>0</v>
      </c>
      <c r="BC24" s="261">
        <v>0</v>
      </c>
      <c r="BD24" s="258">
        <v>3</v>
      </c>
      <c r="BE24" s="263">
        <v>3</v>
      </c>
      <c r="BF24" s="257">
        <v>0</v>
      </c>
      <c r="BG24" s="261">
        <v>0</v>
      </c>
      <c r="BH24" s="258">
        <v>0</v>
      </c>
      <c r="BI24" s="260">
        <v>0</v>
      </c>
      <c r="BJ24" s="261">
        <v>0</v>
      </c>
      <c r="BK24" s="261">
        <v>1</v>
      </c>
      <c r="BL24" s="261">
        <v>0</v>
      </c>
      <c r="BM24" s="261">
        <v>0</v>
      </c>
      <c r="BN24" s="261">
        <v>0</v>
      </c>
      <c r="BO24" s="262">
        <v>1</v>
      </c>
      <c r="BP24" s="263">
        <v>1</v>
      </c>
      <c r="BQ24" s="257">
        <v>0</v>
      </c>
      <c r="BR24" s="261">
        <v>0</v>
      </c>
      <c r="BS24" s="258">
        <v>0</v>
      </c>
      <c r="BT24" s="260">
        <v>0</v>
      </c>
      <c r="BU24" s="261">
        <v>0</v>
      </c>
      <c r="BV24" s="261">
        <v>0</v>
      </c>
      <c r="BW24" s="261">
        <v>0</v>
      </c>
      <c r="BX24" s="261">
        <v>0</v>
      </c>
      <c r="BY24" s="261">
        <v>0</v>
      </c>
      <c r="BZ24" s="258">
        <v>0</v>
      </c>
      <c r="CA24" s="263">
        <v>0</v>
      </c>
      <c r="CB24" s="257">
        <v>0</v>
      </c>
      <c r="CC24" s="261">
        <v>0</v>
      </c>
      <c r="CD24" s="258">
        <v>0</v>
      </c>
      <c r="CE24" s="260">
        <v>0</v>
      </c>
      <c r="CF24" s="261">
        <v>0</v>
      </c>
      <c r="CG24" s="261">
        <v>0</v>
      </c>
      <c r="CH24" s="261">
        <v>0</v>
      </c>
      <c r="CI24" s="261">
        <v>0</v>
      </c>
      <c r="CJ24" s="261">
        <v>0</v>
      </c>
      <c r="CK24" s="258">
        <v>0</v>
      </c>
      <c r="CL24" s="263">
        <v>0</v>
      </c>
      <c r="CM24" s="257">
        <v>0</v>
      </c>
      <c r="CN24" s="261">
        <v>0</v>
      </c>
      <c r="CO24" s="258">
        <v>0</v>
      </c>
      <c r="CP24" s="260">
        <v>0</v>
      </c>
      <c r="CQ24" s="261">
        <v>0</v>
      </c>
      <c r="CR24" s="261">
        <v>0</v>
      </c>
      <c r="CS24" s="261">
        <v>0</v>
      </c>
      <c r="CT24" s="261">
        <v>0</v>
      </c>
      <c r="CU24" s="261">
        <v>0</v>
      </c>
      <c r="CV24" s="258">
        <v>0</v>
      </c>
      <c r="CW24" s="263">
        <v>0</v>
      </c>
    </row>
    <row r="25" spans="2:101" ht="21" customHeight="1" x14ac:dyDescent="0.2">
      <c r="B25" s="472" t="s">
        <v>23</v>
      </c>
      <c r="C25" s="257">
        <v>0</v>
      </c>
      <c r="D25" s="258">
        <v>0</v>
      </c>
      <c r="E25" s="259">
        <v>0</v>
      </c>
      <c r="F25" s="260">
        <v>0</v>
      </c>
      <c r="G25" s="261">
        <v>0</v>
      </c>
      <c r="H25" s="261">
        <v>0</v>
      </c>
      <c r="I25" s="261">
        <v>0</v>
      </c>
      <c r="J25" s="261">
        <v>0</v>
      </c>
      <c r="K25" s="261">
        <v>1</v>
      </c>
      <c r="L25" s="262">
        <v>1</v>
      </c>
      <c r="M25" s="263">
        <v>1</v>
      </c>
      <c r="N25" s="257">
        <v>0</v>
      </c>
      <c r="O25" s="261">
        <v>0</v>
      </c>
      <c r="P25" s="258">
        <v>0</v>
      </c>
      <c r="Q25" s="260">
        <v>0</v>
      </c>
      <c r="R25" s="261">
        <v>0</v>
      </c>
      <c r="S25" s="261">
        <v>0</v>
      </c>
      <c r="T25" s="261">
        <v>0</v>
      </c>
      <c r="U25" s="261">
        <v>0</v>
      </c>
      <c r="V25" s="261">
        <v>0</v>
      </c>
      <c r="W25" s="258">
        <v>0</v>
      </c>
      <c r="X25" s="263">
        <v>0</v>
      </c>
      <c r="Y25" s="257">
        <v>0</v>
      </c>
      <c r="Z25" s="261">
        <v>0</v>
      </c>
      <c r="AA25" s="258">
        <v>0</v>
      </c>
      <c r="AB25" s="260">
        <v>0</v>
      </c>
      <c r="AC25" s="261">
        <v>2</v>
      </c>
      <c r="AD25" s="261">
        <v>3</v>
      </c>
      <c r="AE25" s="261">
        <v>1</v>
      </c>
      <c r="AF25" s="261">
        <v>0</v>
      </c>
      <c r="AG25" s="261">
        <v>1</v>
      </c>
      <c r="AH25" s="258">
        <v>7</v>
      </c>
      <c r="AI25" s="263">
        <v>7</v>
      </c>
      <c r="AJ25" s="257">
        <v>0</v>
      </c>
      <c r="AK25" s="261">
        <v>0</v>
      </c>
      <c r="AL25" s="258">
        <v>0</v>
      </c>
      <c r="AM25" s="260">
        <v>0</v>
      </c>
      <c r="AN25" s="261">
        <v>0</v>
      </c>
      <c r="AO25" s="261">
        <v>0</v>
      </c>
      <c r="AP25" s="261">
        <v>0</v>
      </c>
      <c r="AQ25" s="261">
        <v>0</v>
      </c>
      <c r="AR25" s="261">
        <v>0</v>
      </c>
      <c r="AS25" s="258">
        <v>0</v>
      </c>
      <c r="AT25" s="263">
        <v>0</v>
      </c>
      <c r="AU25" s="257">
        <v>0</v>
      </c>
      <c r="AV25" s="261">
        <v>0</v>
      </c>
      <c r="AW25" s="258">
        <v>0</v>
      </c>
      <c r="AX25" s="260">
        <v>0</v>
      </c>
      <c r="AY25" s="261">
        <v>0</v>
      </c>
      <c r="AZ25" s="261">
        <v>0</v>
      </c>
      <c r="BA25" s="261">
        <v>0</v>
      </c>
      <c r="BB25" s="261">
        <v>0</v>
      </c>
      <c r="BC25" s="261">
        <v>0</v>
      </c>
      <c r="BD25" s="258">
        <v>0</v>
      </c>
      <c r="BE25" s="263">
        <v>0</v>
      </c>
      <c r="BF25" s="257">
        <v>0</v>
      </c>
      <c r="BG25" s="261">
        <v>0</v>
      </c>
      <c r="BH25" s="258">
        <v>0</v>
      </c>
      <c r="BI25" s="260">
        <v>0</v>
      </c>
      <c r="BJ25" s="261">
        <v>1</v>
      </c>
      <c r="BK25" s="261">
        <v>0</v>
      </c>
      <c r="BL25" s="261">
        <v>2</v>
      </c>
      <c r="BM25" s="261">
        <v>1</v>
      </c>
      <c r="BN25" s="261">
        <v>0</v>
      </c>
      <c r="BO25" s="262">
        <v>4</v>
      </c>
      <c r="BP25" s="263">
        <v>4</v>
      </c>
      <c r="BQ25" s="257">
        <v>0</v>
      </c>
      <c r="BR25" s="261">
        <v>0</v>
      </c>
      <c r="BS25" s="258">
        <v>0</v>
      </c>
      <c r="BT25" s="260">
        <v>0</v>
      </c>
      <c r="BU25" s="261">
        <v>0</v>
      </c>
      <c r="BV25" s="261">
        <v>0</v>
      </c>
      <c r="BW25" s="261">
        <v>0</v>
      </c>
      <c r="BX25" s="261">
        <v>0</v>
      </c>
      <c r="BY25" s="261">
        <v>0</v>
      </c>
      <c r="BZ25" s="258">
        <v>0</v>
      </c>
      <c r="CA25" s="263">
        <v>0</v>
      </c>
      <c r="CB25" s="257">
        <v>0</v>
      </c>
      <c r="CC25" s="261">
        <v>0</v>
      </c>
      <c r="CD25" s="258">
        <v>0</v>
      </c>
      <c r="CE25" s="260">
        <v>0</v>
      </c>
      <c r="CF25" s="261">
        <v>0</v>
      </c>
      <c r="CG25" s="261">
        <v>0</v>
      </c>
      <c r="CH25" s="261">
        <v>0</v>
      </c>
      <c r="CI25" s="261">
        <v>0</v>
      </c>
      <c r="CJ25" s="261">
        <v>0</v>
      </c>
      <c r="CK25" s="258">
        <v>0</v>
      </c>
      <c r="CL25" s="263">
        <v>0</v>
      </c>
      <c r="CM25" s="257">
        <v>0</v>
      </c>
      <c r="CN25" s="261">
        <v>0</v>
      </c>
      <c r="CO25" s="258">
        <v>0</v>
      </c>
      <c r="CP25" s="260">
        <v>0</v>
      </c>
      <c r="CQ25" s="261">
        <v>0</v>
      </c>
      <c r="CR25" s="261">
        <v>0</v>
      </c>
      <c r="CS25" s="261">
        <v>0</v>
      </c>
      <c r="CT25" s="261">
        <v>0</v>
      </c>
      <c r="CU25" s="261">
        <v>0</v>
      </c>
      <c r="CV25" s="258">
        <v>0</v>
      </c>
      <c r="CW25" s="263">
        <v>0</v>
      </c>
    </row>
    <row r="26" spans="2:101" ht="21" customHeight="1" x14ac:dyDescent="0.2">
      <c r="B26" s="472" t="s">
        <v>24</v>
      </c>
      <c r="C26" s="257">
        <v>0</v>
      </c>
      <c r="D26" s="258">
        <v>0</v>
      </c>
      <c r="E26" s="259">
        <v>0</v>
      </c>
      <c r="F26" s="260">
        <v>0</v>
      </c>
      <c r="G26" s="261">
        <v>0</v>
      </c>
      <c r="H26" s="261">
        <v>0</v>
      </c>
      <c r="I26" s="261">
        <v>1</v>
      </c>
      <c r="J26" s="261">
        <v>1</v>
      </c>
      <c r="K26" s="261">
        <v>0</v>
      </c>
      <c r="L26" s="262">
        <v>2</v>
      </c>
      <c r="M26" s="263">
        <v>2</v>
      </c>
      <c r="N26" s="257">
        <v>0</v>
      </c>
      <c r="O26" s="261">
        <v>0</v>
      </c>
      <c r="P26" s="258">
        <v>0</v>
      </c>
      <c r="Q26" s="260">
        <v>0</v>
      </c>
      <c r="R26" s="261">
        <v>0</v>
      </c>
      <c r="S26" s="261">
        <v>0</v>
      </c>
      <c r="T26" s="261">
        <v>0</v>
      </c>
      <c r="U26" s="261">
        <v>0</v>
      </c>
      <c r="V26" s="261">
        <v>0</v>
      </c>
      <c r="W26" s="258">
        <v>0</v>
      </c>
      <c r="X26" s="263">
        <v>0</v>
      </c>
      <c r="Y26" s="257">
        <v>0</v>
      </c>
      <c r="Z26" s="261">
        <v>0</v>
      </c>
      <c r="AA26" s="258">
        <v>0</v>
      </c>
      <c r="AB26" s="260">
        <v>0</v>
      </c>
      <c r="AC26" s="261">
        <v>0</v>
      </c>
      <c r="AD26" s="261">
        <v>0</v>
      </c>
      <c r="AE26" s="261">
        <v>0</v>
      </c>
      <c r="AF26" s="261">
        <v>0</v>
      </c>
      <c r="AG26" s="261">
        <v>0</v>
      </c>
      <c r="AH26" s="258">
        <v>0</v>
      </c>
      <c r="AI26" s="263">
        <v>0</v>
      </c>
      <c r="AJ26" s="257">
        <v>0</v>
      </c>
      <c r="AK26" s="261">
        <v>0</v>
      </c>
      <c r="AL26" s="258">
        <v>0</v>
      </c>
      <c r="AM26" s="260">
        <v>0</v>
      </c>
      <c r="AN26" s="261">
        <v>0</v>
      </c>
      <c r="AO26" s="261">
        <v>1</v>
      </c>
      <c r="AP26" s="261">
        <v>2</v>
      </c>
      <c r="AQ26" s="261">
        <v>0</v>
      </c>
      <c r="AR26" s="261">
        <v>1</v>
      </c>
      <c r="AS26" s="258">
        <v>4</v>
      </c>
      <c r="AT26" s="263">
        <v>4</v>
      </c>
      <c r="AU26" s="257">
        <v>0</v>
      </c>
      <c r="AV26" s="261">
        <v>0</v>
      </c>
      <c r="AW26" s="258">
        <v>0</v>
      </c>
      <c r="AX26" s="260">
        <v>0</v>
      </c>
      <c r="AY26" s="261">
        <v>5</v>
      </c>
      <c r="AZ26" s="261">
        <v>0</v>
      </c>
      <c r="BA26" s="261">
        <v>1</v>
      </c>
      <c r="BB26" s="261">
        <v>0</v>
      </c>
      <c r="BC26" s="261">
        <v>0</v>
      </c>
      <c r="BD26" s="258">
        <v>6</v>
      </c>
      <c r="BE26" s="263">
        <v>6</v>
      </c>
      <c r="BF26" s="257">
        <v>0</v>
      </c>
      <c r="BG26" s="261">
        <v>0</v>
      </c>
      <c r="BH26" s="258">
        <v>0</v>
      </c>
      <c r="BI26" s="260">
        <v>0</v>
      </c>
      <c r="BJ26" s="261">
        <v>0</v>
      </c>
      <c r="BK26" s="261">
        <v>0</v>
      </c>
      <c r="BL26" s="261">
        <v>0</v>
      </c>
      <c r="BM26" s="261">
        <v>0</v>
      </c>
      <c r="BN26" s="261">
        <v>1</v>
      </c>
      <c r="BO26" s="262">
        <v>1</v>
      </c>
      <c r="BP26" s="263">
        <v>1</v>
      </c>
      <c r="BQ26" s="257">
        <v>0</v>
      </c>
      <c r="BR26" s="261">
        <v>0</v>
      </c>
      <c r="BS26" s="258">
        <v>0</v>
      </c>
      <c r="BT26" s="260">
        <v>0</v>
      </c>
      <c r="BU26" s="261">
        <v>0</v>
      </c>
      <c r="BV26" s="261">
        <v>0</v>
      </c>
      <c r="BW26" s="261">
        <v>0</v>
      </c>
      <c r="BX26" s="261">
        <v>0</v>
      </c>
      <c r="BY26" s="261">
        <v>0</v>
      </c>
      <c r="BZ26" s="258">
        <v>0</v>
      </c>
      <c r="CA26" s="263">
        <v>0</v>
      </c>
      <c r="CB26" s="257">
        <v>0</v>
      </c>
      <c r="CC26" s="261">
        <v>0</v>
      </c>
      <c r="CD26" s="258">
        <v>0</v>
      </c>
      <c r="CE26" s="260">
        <v>0</v>
      </c>
      <c r="CF26" s="261">
        <v>0</v>
      </c>
      <c r="CG26" s="261">
        <v>0</v>
      </c>
      <c r="CH26" s="261">
        <v>0</v>
      </c>
      <c r="CI26" s="261">
        <v>0</v>
      </c>
      <c r="CJ26" s="261">
        <v>0</v>
      </c>
      <c r="CK26" s="258">
        <v>0</v>
      </c>
      <c r="CL26" s="263">
        <v>0</v>
      </c>
      <c r="CM26" s="257">
        <v>0</v>
      </c>
      <c r="CN26" s="261">
        <v>0</v>
      </c>
      <c r="CO26" s="258">
        <v>0</v>
      </c>
      <c r="CP26" s="260">
        <v>0</v>
      </c>
      <c r="CQ26" s="261">
        <v>0</v>
      </c>
      <c r="CR26" s="261">
        <v>0</v>
      </c>
      <c r="CS26" s="261">
        <v>0</v>
      </c>
      <c r="CT26" s="261">
        <v>0</v>
      </c>
      <c r="CU26" s="261">
        <v>0</v>
      </c>
      <c r="CV26" s="258">
        <v>0</v>
      </c>
      <c r="CW26" s="263">
        <v>0</v>
      </c>
    </row>
    <row r="27" spans="2:101" ht="21" customHeight="1" x14ac:dyDescent="0.2">
      <c r="B27" s="472" t="s">
        <v>25</v>
      </c>
      <c r="C27" s="257">
        <v>0</v>
      </c>
      <c r="D27" s="258">
        <v>0</v>
      </c>
      <c r="E27" s="259">
        <v>0</v>
      </c>
      <c r="F27" s="260">
        <v>0</v>
      </c>
      <c r="G27" s="261">
        <v>0</v>
      </c>
      <c r="H27" s="261">
        <v>0</v>
      </c>
      <c r="I27" s="261">
        <v>0</v>
      </c>
      <c r="J27" s="261">
        <v>0</v>
      </c>
      <c r="K27" s="261">
        <v>0</v>
      </c>
      <c r="L27" s="262">
        <v>0</v>
      </c>
      <c r="M27" s="263">
        <v>0</v>
      </c>
      <c r="N27" s="257">
        <v>0</v>
      </c>
      <c r="O27" s="261">
        <v>0</v>
      </c>
      <c r="P27" s="258">
        <v>0</v>
      </c>
      <c r="Q27" s="260">
        <v>0</v>
      </c>
      <c r="R27" s="261">
        <v>0</v>
      </c>
      <c r="S27" s="261">
        <v>0</v>
      </c>
      <c r="T27" s="261">
        <v>0</v>
      </c>
      <c r="U27" s="261">
        <v>0</v>
      </c>
      <c r="V27" s="261">
        <v>0</v>
      </c>
      <c r="W27" s="258">
        <v>0</v>
      </c>
      <c r="X27" s="263">
        <v>0</v>
      </c>
      <c r="Y27" s="257">
        <v>0</v>
      </c>
      <c r="Z27" s="261">
        <v>0</v>
      </c>
      <c r="AA27" s="258">
        <v>0</v>
      </c>
      <c r="AB27" s="260">
        <v>0</v>
      </c>
      <c r="AC27" s="261">
        <v>6</v>
      </c>
      <c r="AD27" s="261">
        <v>2</v>
      </c>
      <c r="AE27" s="261">
        <v>0</v>
      </c>
      <c r="AF27" s="261">
        <v>0</v>
      </c>
      <c r="AG27" s="261">
        <v>0</v>
      </c>
      <c r="AH27" s="258">
        <v>8</v>
      </c>
      <c r="AI27" s="263">
        <v>8</v>
      </c>
      <c r="AJ27" s="257">
        <v>0</v>
      </c>
      <c r="AK27" s="261">
        <v>0</v>
      </c>
      <c r="AL27" s="258">
        <v>0</v>
      </c>
      <c r="AM27" s="260">
        <v>0</v>
      </c>
      <c r="AN27" s="261">
        <v>0</v>
      </c>
      <c r="AO27" s="261">
        <v>0</v>
      </c>
      <c r="AP27" s="261">
        <v>0</v>
      </c>
      <c r="AQ27" s="261">
        <v>0</v>
      </c>
      <c r="AR27" s="261">
        <v>0</v>
      </c>
      <c r="AS27" s="258">
        <v>0</v>
      </c>
      <c r="AT27" s="263">
        <v>0</v>
      </c>
      <c r="AU27" s="257">
        <v>0</v>
      </c>
      <c r="AV27" s="261">
        <v>0</v>
      </c>
      <c r="AW27" s="258">
        <v>0</v>
      </c>
      <c r="AX27" s="260">
        <v>0</v>
      </c>
      <c r="AY27" s="261">
        <v>0</v>
      </c>
      <c r="AZ27" s="261">
        <v>0</v>
      </c>
      <c r="BA27" s="261">
        <v>0</v>
      </c>
      <c r="BB27" s="261">
        <v>0</v>
      </c>
      <c r="BC27" s="261">
        <v>0</v>
      </c>
      <c r="BD27" s="258">
        <v>0</v>
      </c>
      <c r="BE27" s="263">
        <v>0</v>
      </c>
      <c r="BF27" s="257">
        <v>0</v>
      </c>
      <c r="BG27" s="261">
        <v>0</v>
      </c>
      <c r="BH27" s="258">
        <v>0</v>
      </c>
      <c r="BI27" s="260">
        <v>0</v>
      </c>
      <c r="BJ27" s="261">
        <v>1</v>
      </c>
      <c r="BK27" s="261">
        <v>0</v>
      </c>
      <c r="BL27" s="261">
        <v>0</v>
      </c>
      <c r="BM27" s="261">
        <v>0</v>
      </c>
      <c r="BN27" s="261">
        <v>0</v>
      </c>
      <c r="BO27" s="262">
        <v>1</v>
      </c>
      <c r="BP27" s="263">
        <v>1</v>
      </c>
      <c r="BQ27" s="257">
        <v>0</v>
      </c>
      <c r="BR27" s="261">
        <v>0</v>
      </c>
      <c r="BS27" s="258">
        <v>0</v>
      </c>
      <c r="BT27" s="260">
        <v>0</v>
      </c>
      <c r="BU27" s="261">
        <v>0</v>
      </c>
      <c r="BV27" s="261">
        <v>0</v>
      </c>
      <c r="BW27" s="261">
        <v>0</v>
      </c>
      <c r="BX27" s="261">
        <v>0</v>
      </c>
      <c r="BY27" s="261">
        <v>0</v>
      </c>
      <c r="BZ27" s="258">
        <v>0</v>
      </c>
      <c r="CA27" s="263">
        <v>0</v>
      </c>
      <c r="CB27" s="257">
        <v>0</v>
      </c>
      <c r="CC27" s="261">
        <v>0</v>
      </c>
      <c r="CD27" s="258">
        <v>0</v>
      </c>
      <c r="CE27" s="260">
        <v>0</v>
      </c>
      <c r="CF27" s="261">
        <v>0</v>
      </c>
      <c r="CG27" s="261">
        <v>0</v>
      </c>
      <c r="CH27" s="261">
        <v>0</v>
      </c>
      <c r="CI27" s="261">
        <v>0</v>
      </c>
      <c r="CJ27" s="261">
        <v>0</v>
      </c>
      <c r="CK27" s="258">
        <v>0</v>
      </c>
      <c r="CL27" s="263">
        <v>0</v>
      </c>
      <c r="CM27" s="257">
        <v>0</v>
      </c>
      <c r="CN27" s="261">
        <v>0</v>
      </c>
      <c r="CO27" s="258">
        <v>0</v>
      </c>
      <c r="CP27" s="260">
        <v>0</v>
      </c>
      <c r="CQ27" s="261">
        <v>0</v>
      </c>
      <c r="CR27" s="261">
        <v>0</v>
      </c>
      <c r="CS27" s="261">
        <v>0</v>
      </c>
      <c r="CT27" s="261">
        <v>0</v>
      </c>
      <c r="CU27" s="261">
        <v>0</v>
      </c>
      <c r="CV27" s="258">
        <v>0</v>
      </c>
      <c r="CW27" s="263">
        <v>0</v>
      </c>
    </row>
    <row r="28" spans="2:101" ht="21" customHeight="1" x14ac:dyDescent="0.2">
      <c r="B28" s="472" t="s">
        <v>26</v>
      </c>
      <c r="C28" s="257">
        <v>0</v>
      </c>
      <c r="D28" s="258">
        <v>0</v>
      </c>
      <c r="E28" s="259">
        <v>0</v>
      </c>
      <c r="F28" s="260">
        <v>0</v>
      </c>
      <c r="G28" s="261">
        <v>0</v>
      </c>
      <c r="H28" s="261">
        <v>0</v>
      </c>
      <c r="I28" s="261">
        <v>0</v>
      </c>
      <c r="J28" s="261">
        <v>0</v>
      </c>
      <c r="K28" s="261">
        <v>0</v>
      </c>
      <c r="L28" s="262">
        <v>0</v>
      </c>
      <c r="M28" s="263">
        <v>0</v>
      </c>
      <c r="N28" s="257">
        <v>0</v>
      </c>
      <c r="O28" s="261">
        <v>0</v>
      </c>
      <c r="P28" s="258">
        <v>0</v>
      </c>
      <c r="Q28" s="260">
        <v>0</v>
      </c>
      <c r="R28" s="261">
        <v>0</v>
      </c>
      <c r="S28" s="261">
        <v>0</v>
      </c>
      <c r="T28" s="261">
        <v>0</v>
      </c>
      <c r="U28" s="261">
        <v>0</v>
      </c>
      <c r="V28" s="261">
        <v>0</v>
      </c>
      <c r="W28" s="258">
        <v>0</v>
      </c>
      <c r="X28" s="263">
        <v>0</v>
      </c>
      <c r="Y28" s="257">
        <v>0</v>
      </c>
      <c r="Z28" s="261">
        <v>0</v>
      </c>
      <c r="AA28" s="258">
        <v>0</v>
      </c>
      <c r="AB28" s="260">
        <v>0</v>
      </c>
      <c r="AC28" s="261">
        <v>3</v>
      </c>
      <c r="AD28" s="261">
        <v>1</v>
      </c>
      <c r="AE28" s="261">
        <v>1</v>
      </c>
      <c r="AF28" s="261">
        <v>0</v>
      </c>
      <c r="AG28" s="261">
        <v>1</v>
      </c>
      <c r="AH28" s="258">
        <v>6</v>
      </c>
      <c r="AI28" s="263">
        <v>6</v>
      </c>
      <c r="AJ28" s="257">
        <v>0</v>
      </c>
      <c r="AK28" s="261">
        <v>0</v>
      </c>
      <c r="AL28" s="258">
        <v>0</v>
      </c>
      <c r="AM28" s="260">
        <v>0</v>
      </c>
      <c r="AN28" s="261">
        <v>0</v>
      </c>
      <c r="AO28" s="261">
        <v>0</v>
      </c>
      <c r="AP28" s="261">
        <v>0</v>
      </c>
      <c r="AQ28" s="261">
        <v>0</v>
      </c>
      <c r="AR28" s="261">
        <v>0</v>
      </c>
      <c r="AS28" s="258">
        <v>0</v>
      </c>
      <c r="AT28" s="263">
        <v>0</v>
      </c>
      <c r="AU28" s="257">
        <v>0</v>
      </c>
      <c r="AV28" s="261">
        <v>0</v>
      </c>
      <c r="AW28" s="258">
        <v>0</v>
      </c>
      <c r="AX28" s="260">
        <v>0</v>
      </c>
      <c r="AY28" s="261">
        <v>1</v>
      </c>
      <c r="AZ28" s="261">
        <v>0</v>
      </c>
      <c r="BA28" s="261">
        <v>0</v>
      </c>
      <c r="BB28" s="261">
        <v>0</v>
      </c>
      <c r="BC28" s="261">
        <v>0</v>
      </c>
      <c r="BD28" s="258">
        <v>1</v>
      </c>
      <c r="BE28" s="263">
        <v>1</v>
      </c>
      <c r="BF28" s="257">
        <v>0</v>
      </c>
      <c r="BG28" s="261">
        <v>0</v>
      </c>
      <c r="BH28" s="258">
        <v>0</v>
      </c>
      <c r="BI28" s="260">
        <v>0</v>
      </c>
      <c r="BJ28" s="261">
        <v>0</v>
      </c>
      <c r="BK28" s="261">
        <v>1</v>
      </c>
      <c r="BL28" s="261">
        <v>2</v>
      </c>
      <c r="BM28" s="261">
        <v>1</v>
      </c>
      <c r="BN28" s="261">
        <v>0</v>
      </c>
      <c r="BO28" s="262">
        <v>4</v>
      </c>
      <c r="BP28" s="263">
        <v>4</v>
      </c>
      <c r="BQ28" s="257">
        <v>0</v>
      </c>
      <c r="BR28" s="261">
        <v>0</v>
      </c>
      <c r="BS28" s="258">
        <v>0</v>
      </c>
      <c r="BT28" s="260">
        <v>0</v>
      </c>
      <c r="BU28" s="261">
        <v>0</v>
      </c>
      <c r="BV28" s="261">
        <v>0</v>
      </c>
      <c r="BW28" s="261">
        <v>0</v>
      </c>
      <c r="BX28" s="261">
        <v>0</v>
      </c>
      <c r="BY28" s="261">
        <v>0</v>
      </c>
      <c r="BZ28" s="258">
        <v>0</v>
      </c>
      <c r="CA28" s="263">
        <v>0</v>
      </c>
      <c r="CB28" s="257">
        <v>0</v>
      </c>
      <c r="CC28" s="261">
        <v>0</v>
      </c>
      <c r="CD28" s="258">
        <v>0</v>
      </c>
      <c r="CE28" s="260">
        <v>0</v>
      </c>
      <c r="CF28" s="261">
        <v>0</v>
      </c>
      <c r="CG28" s="261">
        <v>0</v>
      </c>
      <c r="CH28" s="261">
        <v>0</v>
      </c>
      <c r="CI28" s="261">
        <v>0</v>
      </c>
      <c r="CJ28" s="261">
        <v>0</v>
      </c>
      <c r="CK28" s="258">
        <v>0</v>
      </c>
      <c r="CL28" s="263">
        <v>0</v>
      </c>
      <c r="CM28" s="257">
        <v>0</v>
      </c>
      <c r="CN28" s="261">
        <v>0</v>
      </c>
      <c r="CO28" s="258">
        <v>0</v>
      </c>
      <c r="CP28" s="260">
        <v>0</v>
      </c>
      <c r="CQ28" s="261">
        <v>0</v>
      </c>
      <c r="CR28" s="261">
        <v>0</v>
      </c>
      <c r="CS28" s="261">
        <v>0</v>
      </c>
      <c r="CT28" s="261">
        <v>0</v>
      </c>
      <c r="CU28" s="261">
        <v>0</v>
      </c>
      <c r="CV28" s="258">
        <v>0</v>
      </c>
      <c r="CW28" s="263">
        <v>0</v>
      </c>
    </row>
    <row r="29" spans="2:101" ht="21" customHeight="1" x14ac:dyDescent="0.2">
      <c r="B29" s="472" t="s">
        <v>27</v>
      </c>
      <c r="C29" s="257">
        <v>0</v>
      </c>
      <c r="D29" s="258">
        <v>0</v>
      </c>
      <c r="E29" s="259">
        <v>0</v>
      </c>
      <c r="F29" s="260">
        <v>0</v>
      </c>
      <c r="G29" s="261">
        <v>0</v>
      </c>
      <c r="H29" s="261">
        <v>0</v>
      </c>
      <c r="I29" s="261">
        <v>0</v>
      </c>
      <c r="J29" s="261">
        <v>0</v>
      </c>
      <c r="K29" s="261">
        <v>0</v>
      </c>
      <c r="L29" s="262">
        <v>0</v>
      </c>
      <c r="M29" s="263">
        <v>0</v>
      </c>
      <c r="N29" s="257">
        <v>0</v>
      </c>
      <c r="O29" s="261">
        <v>0</v>
      </c>
      <c r="P29" s="258">
        <v>0</v>
      </c>
      <c r="Q29" s="260">
        <v>0</v>
      </c>
      <c r="R29" s="261">
        <v>0</v>
      </c>
      <c r="S29" s="261">
        <v>0</v>
      </c>
      <c r="T29" s="261">
        <v>0</v>
      </c>
      <c r="U29" s="261">
        <v>0</v>
      </c>
      <c r="V29" s="261">
        <v>0</v>
      </c>
      <c r="W29" s="258">
        <v>0</v>
      </c>
      <c r="X29" s="263">
        <v>0</v>
      </c>
      <c r="Y29" s="257">
        <v>0</v>
      </c>
      <c r="Z29" s="261">
        <v>0</v>
      </c>
      <c r="AA29" s="258">
        <v>0</v>
      </c>
      <c r="AB29" s="260">
        <v>0</v>
      </c>
      <c r="AC29" s="261">
        <v>3</v>
      </c>
      <c r="AD29" s="261">
        <v>1</v>
      </c>
      <c r="AE29" s="261">
        <v>0</v>
      </c>
      <c r="AF29" s="261">
        <v>0</v>
      </c>
      <c r="AG29" s="261">
        <v>0</v>
      </c>
      <c r="AH29" s="258">
        <v>4</v>
      </c>
      <c r="AI29" s="263">
        <v>4</v>
      </c>
      <c r="AJ29" s="257">
        <v>0</v>
      </c>
      <c r="AK29" s="261">
        <v>0</v>
      </c>
      <c r="AL29" s="258">
        <v>0</v>
      </c>
      <c r="AM29" s="260">
        <v>0</v>
      </c>
      <c r="AN29" s="261">
        <v>0</v>
      </c>
      <c r="AO29" s="261">
        <v>1</v>
      </c>
      <c r="AP29" s="261">
        <v>0</v>
      </c>
      <c r="AQ29" s="261">
        <v>0</v>
      </c>
      <c r="AR29" s="261">
        <v>0</v>
      </c>
      <c r="AS29" s="258">
        <v>1</v>
      </c>
      <c r="AT29" s="263">
        <v>1</v>
      </c>
      <c r="AU29" s="257">
        <v>0</v>
      </c>
      <c r="AV29" s="261">
        <v>0</v>
      </c>
      <c r="AW29" s="258">
        <v>0</v>
      </c>
      <c r="AX29" s="260">
        <v>0</v>
      </c>
      <c r="AY29" s="261">
        <v>0</v>
      </c>
      <c r="AZ29" s="261">
        <v>0</v>
      </c>
      <c r="BA29" s="261">
        <v>0</v>
      </c>
      <c r="BB29" s="261">
        <v>0</v>
      </c>
      <c r="BC29" s="261">
        <v>0</v>
      </c>
      <c r="BD29" s="258">
        <v>0</v>
      </c>
      <c r="BE29" s="263">
        <v>0</v>
      </c>
      <c r="BF29" s="257">
        <v>0</v>
      </c>
      <c r="BG29" s="261">
        <v>0</v>
      </c>
      <c r="BH29" s="258">
        <v>0</v>
      </c>
      <c r="BI29" s="260">
        <v>0</v>
      </c>
      <c r="BJ29" s="261">
        <v>0</v>
      </c>
      <c r="BK29" s="261">
        <v>0</v>
      </c>
      <c r="BL29" s="261">
        <v>0</v>
      </c>
      <c r="BM29" s="261">
        <v>0</v>
      </c>
      <c r="BN29" s="261">
        <v>0</v>
      </c>
      <c r="BO29" s="262">
        <v>0</v>
      </c>
      <c r="BP29" s="263">
        <v>0</v>
      </c>
      <c r="BQ29" s="257">
        <v>0</v>
      </c>
      <c r="BR29" s="261">
        <v>0</v>
      </c>
      <c r="BS29" s="258">
        <v>0</v>
      </c>
      <c r="BT29" s="260">
        <v>0</v>
      </c>
      <c r="BU29" s="261">
        <v>0</v>
      </c>
      <c r="BV29" s="261">
        <v>0</v>
      </c>
      <c r="BW29" s="261">
        <v>0</v>
      </c>
      <c r="BX29" s="261">
        <v>0</v>
      </c>
      <c r="BY29" s="261">
        <v>0</v>
      </c>
      <c r="BZ29" s="258">
        <v>0</v>
      </c>
      <c r="CA29" s="263">
        <v>0</v>
      </c>
      <c r="CB29" s="257">
        <v>0</v>
      </c>
      <c r="CC29" s="261">
        <v>0</v>
      </c>
      <c r="CD29" s="258">
        <v>0</v>
      </c>
      <c r="CE29" s="260">
        <v>0</v>
      </c>
      <c r="CF29" s="261">
        <v>0</v>
      </c>
      <c r="CG29" s="261">
        <v>0</v>
      </c>
      <c r="CH29" s="261">
        <v>0</v>
      </c>
      <c r="CI29" s="261">
        <v>0</v>
      </c>
      <c r="CJ29" s="261">
        <v>0</v>
      </c>
      <c r="CK29" s="258">
        <v>0</v>
      </c>
      <c r="CL29" s="263">
        <v>0</v>
      </c>
      <c r="CM29" s="257">
        <v>0</v>
      </c>
      <c r="CN29" s="261">
        <v>0</v>
      </c>
      <c r="CO29" s="258">
        <v>0</v>
      </c>
      <c r="CP29" s="260">
        <v>0</v>
      </c>
      <c r="CQ29" s="261">
        <v>0</v>
      </c>
      <c r="CR29" s="261">
        <v>0</v>
      </c>
      <c r="CS29" s="261">
        <v>0</v>
      </c>
      <c r="CT29" s="261">
        <v>0</v>
      </c>
      <c r="CU29" s="261">
        <v>0</v>
      </c>
      <c r="CV29" s="258">
        <v>0</v>
      </c>
      <c r="CW29" s="263">
        <v>0</v>
      </c>
    </row>
    <row r="30" spans="2:101" ht="21" customHeight="1" x14ac:dyDescent="0.2">
      <c r="B30" s="472" t="s">
        <v>28</v>
      </c>
      <c r="C30" s="257">
        <v>0</v>
      </c>
      <c r="D30" s="258">
        <v>0</v>
      </c>
      <c r="E30" s="259">
        <v>0</v>
      </c>
      <c r="F30" s="260">
        <v>0</v>
      </c>
      <c r="G30" s="261">
        <v>0</v>
      </c>
      <c r="H30" s="261">
        <v>0</v>
      </c>
      <c r="I30" s="261">
        <v>0</v>
      </c>
      <c r="J30" s="261">
        <v>0</v>
      </c>
      <c r="K30" s="261">
        <v>0</v>
      </c>
      <c r="L30" s="262">
        <v>0</v>
      </c>
      <c r="M30" s="263">
        <v>0</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3</v>
      </c>
      <c r="AD30" s="261">
        <v>1</v>
      </c>
      <c r="AE30" s="261">
        <v>0</v>
      </c>
      <c r="AF30" s="261">
        <v>0</v>
      </c>
      <c r="AG30" s="261">
        <v>0</v>
      </c>
      <c r="AH30" s="258">
        <v>4</v>
      </c>
      <c r="AI30" s="263">
        <v>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0</v>
      </c>
      <c r="BA30" s="261">
        <v>0</v>
      </c>
      <c r="BB30" s="261">
        <v>0</v>
      </c>
      <c r="BC30" s="261">
        <v>0</v>
      </c>
      <c r="BD30" s="258">
        <v>0</v>
      </c>
      <c r="BE30" s="263">
        <v>0</v>
      </c>
      <c r="BF30" s="257">
        <v>0</v>
      </c>
      <c r="BG30" s="261">
        <v>0</v>
      </c>
      <c r="BH30" s="258">
        <v>0</v>
      </c>
      <c r="BI30" s="260">
        <v>0</v>
      </c>
      <c r="BJ30" s="261">
        <v>0</v>
      </c>
      <c r="BK30" s="261">
        <v>0</v>
      </c>
      <c r="BL30" s="261">
        <v>0</v>
      </c>
      <c r="BM30" s="261">
        <v>0</v>
      </c>
      <c r="BN30" s="261">
        <v>0</v>
      </c>
      <c r="BO30" s="262">
        <v>0</v>
      </c>
      <c r="BP30" s="263">
        <v>0</v>
      </c>
      <c r="BQ30" s="257">
        <v>0</v>
      </c>
      <c r="BR30" s="261">
        <v>0</v>
      </c>
      <c r="BS30" s="258">
        <v>0</v>
      </c>
      <c r="BT30" s="260">
        <v>0</v>
      </c>
      <c r="BU30" s="261">
        <v>0</v>
      </c>
      <c r="BV30" s="261">
        <v>0</v>
      </c>
      <c r="BW30" s="261">
        <v>0</v>
      </c>
      <c r="BX30" s="261">
        <v>0</v>
      </c>
      <c r="BY30" s="261">
        <v>0</v>
      </c>
      <c r="BZ30" s="258">
        <v>0</v>
      </c>
      <c r="CA30" s="263">
        <v>0</v>
      </c>
      <c r="CB30" s="257">
        <v>0</v>
      </c>
      <c r="CC30" s="261">
        <v>0</v>
      </c>
      <c r="CD30" s="258">
        <v>0</v>
      </c>
      <c r="CE30" s="260">
        <v>0</v>
      </c>
      <c r="CF30" s="261">
        <v>0</v>
      </c>
      <c r="CG30" s="261">
        <v>0</v>
      </c>
      <c r="CH30" s="261">
        <v>0</v>
      </c>
      <c r="CI30" s="261">
        <v>0</v>
      </c>
      <c r="CJ30" s="261">
        <v>0</v>
      </c>
      <c r="CK30" s="258">
        <v>0</v>
      </c>
      <c r="CL30" s="263">
        <v>0</v>
      </c>
      <c r="CM30" s="257">
        <v>0</v>
      </c>
      <c r="CN30" s="261">
        <v>0</v>
      </c>
      <c r="CO30" s="258">
        <v>0</v>
      </c>
      <c r="CP30" s="260">
        <v>0</v>
      </c>
      <c r="CQ30" s="261">
        <v>0</v>
      </c>
      <c r="CR30" s="261">
        <v>0</v>
      </c>
      <c r="CS30" s="261">
        <v>0</v>
      </c>
      <c r="CT30" s="261">
        <v>0</v>
      </c>
      <c r="CU30" s="261">
        <v>0</v>
      </c>
      <c r="CV30" s="258">
        <v>0</v>
      </c>
      <c r="CW30" s="263">
        <v>0</v>
      </c>
    </row>
    <row r="31" spans="2:101" ht="21" customHeight="1" x14ac:dyDescent="0.2">
      <c r="B31" s="472" t="s">
        <v>29</v>
      </c>
      <c r="C31" s="257">
        <v>0</v>
      </c>
      <c r="D31" s="258">
        <v>0</v>
      </c>
      <c r="E31" s="259">
        <v>0</v>
      </c>
      <c r="F31" s="260">
        <v>0</v>
      </c>
      <c r="G31" s="261">
        <v>1</v>
      </c>
      <c r="H31" s="261">
        <v>0</v>
      </c>
      <c r="I31" s="261">
        <v>0</v>
      </c>
      <c r="J31" s="261">
        <v>0</v>
      </c>
      <c r="K31" s="261">
        <v>0</v>
      </c>
      <c r="L31" s="262">
        <v>1</v>
      </c>
      <c r="M31" s="263">
        <v>1</v>
      </c>
      <c r="N31" s="257">
        <v>0</v>
      </c>
      <c r="O31" s="261">
        <v>0</v>
      </c>
      <c r="P31" s="258">
        <v>0</v>
      </c>
      <c r="Q31" s="260">
        <v>0</v>
      </c>
      <c r="R31" s="261">
        <v>0</v>
      </c>
      <c r="S31" s="261">
        <v>0</v>
      </c>
      <c r="T31" s="261">
        <v>0</v>
      </c>
      <c r="U31" s="261">
        <v>0</v>
      </c>
      <c r="V31" s="261">
        <v>0</v>
      </c>
      <c r="W31" s="258">
        <v>0</v>
      </c>
      <c r="X31" s="263">
        <v>0</v>
      </c>
      <c r="Y31" s="257">
        <v>0</v>
      </c>
      <c r="Z31" s="261">
        <v>0</v>
      </c>
      <c r="AA31" s="258">
        <v>0</v>
      </c>
      <c r="AB31" s="260">
        <v>0</v>
      </c>
      <c r="AC31" s="261">
        <v>1</v>
      </c>
      <c r="AD31" s="261">
        <v>0</v>
      </c>
      <c r="AE31" s="261">
        <v>0</v>
      </c>
      <c r="AF31" s="261">
        <v>0</v>
      </c>
      <c r="AG31" s="261">
        <v>0</v>
      </c>
      <c r="AH31" s="258">
        <v>1</v>
      </c>
      <c r="AI31" s="263">
        <v>1</v>
      </c>
      <c r="AJ31" s="257">
        <v>0</v>
      </c>
      <c r="AK31" s="261">
        <v>0</v>
      </c>
      <c r="AL31" s="258">
        <v>0</v>
      </c>
      <c r="AM31" s="260">
        <v>0</v>
      </c>
      <c r="AN31" s="261">
        <v>0</v>
      </c>
      <c r="AO31" s="261">
        <v>0</v>
      </c>
      <c r="AP31" s="261">
        <v>0</v>
      </c>
      <c r="AQ31" s="261">
        <v>0</v>
      </c>
      <c r="AR31" s="261">
        <v>0</v>
      </c>
      <c r="AS31" s="258">
        <v>0</v>
      </c>
      <c r="AT31" s="263">
        <v>0</v>
      </c>
      <c r="AU31" s="257">
        <v>0</v>
      </c>
      <c r="AV31" s="261">
        <v>0</v>
      </c>
      <c r="AW31" s="258">
        <v>0</v>
      </c>
      <c r="AX31" s="260">
        <v>0</v>
      </c>
      <c r="AY31" s="261">
        <v>3</v>
      </c>
      <c r="AZ31" s="261">
        <v>0</v>
      </c>
      <c r="BA31" s="261">
        <v>1</v>
      </c>
      <c r="BB31" s="261">
        <v>0</v>
      </c>
      <c r="BC31" s="261">
        <v>0</v>
      </c>
      <c r="BD31" s="258">
        <v>4</v>
      </c>
      <c r="BE31" s="263">
        <v>4</v>
      </c>
      <c r="BF31" s="257">
        <v>0</v>
      </c>
      <c r="BG31" s="261">
        <v>0</v>
      </c>
      <c r="BH31" s="258">
        <v>0</v>
      </c>
      <c r="BI31" s="260">
        <v>0</v>
      </c>
      <c r="BJ31" s="261">
        <v>0</v>
      </c>
      <c r="BK31" s="261">
        <v>0</v>
      </c>
      <c r="BL31" s="261">
        <v>0</v>
      </c>
      <c r="BM31" s="261">
        <v>0</v>
      </c>
      <c r="BN31" s="261">
        <v>0</v>
      </c>
      <c r="BO31" s="262">
        <v>0</v>
      </c>
      <c r="BP31" s="263">
        <v>0</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0</v>
      </c>
      <c r="CG31" s="261">
        <v>0</v>
      </c>
      <c r="CH31" s="261">
        <v>0</v>
      </c>
      <c r="CI31" s="261">
        <v>1</v>
      </c>
      <c r="CJ31" s="261">
        <v>0</v>
      </c>
      <c r="CK31" s="258">
        <v>1</v>
      </c>
      <c r="CL31" s="263">
        <v>1</v>
      </c>
      <c r="CM31" s="257">
        <v>0</v>
      </c>
      <c r="CN31" s="261">
        <v>0</v>
      </c>
      <c r="CO31" s="258">
        <v>0</v>
      </c>
      <c r="CP31" s="260">
        <v>0</v>
      </c>
      <c r="CQ31" s="261">
        <v>0</v>
      </c>
      <c r="CR31" s="261">
        <v>0</v>
      </c>
      <c r="CS31" s="261">
        <v>0</v>
      </c>
      <c r="CT31" s="261">
        <v>0</v>
      </c>
      <c r="CU31" s="261">
        <v>0</v>
      </c>
      <c r="CV31" s="258">
        <v>0</v>
      </c>
      <c r="CW31" s="263">
        <v>0</v>
      </c>
    </row>
    <row r="32" spans="2:101" ht="21" customHeight="1" x14ac:dyDescent="0.2">
      <c r="B32" s="472" t="s">
        <v>30</v>
      </c>
      <c r="C32" s="257">
        <v>0</v>
      </c>
      <c r="D32" s="258">
        <v>0</v>
      </c>
      <c r="E32" s="259">
        <v>0</v>
      </c>
      <c r="F32" s="260">
        <v>0</v>
      </c>
      <c r="G32" s="261">
        <v>0</v>
      </c>
      <c r="H32" s="261">
        <v>0</v>
      </c>
      <c r="I32" s="261">
        <v>0</v>
      </c>
      <c r="J32" s="261">
        <v>0</v>
      </c>
      <c r="K32" s="261">
        <v>0</v>
      </c>
      <c r="L32" s="262">
        <v>0</v>
      </c>
      <c r="M32" s="263">
        <v>0</v>
      </c>
      <c r="N32" s="257">
        <v>0</v>
      </c>
      <c r="O32" s="261">
        <v>0</v>
      </c>
      <c r="P32" s="258">
        <v>0</v>
      </c>
      <c r="Q32" s="260">
        <v>0</v>
      </c>
      <c r="R32" s="261">
        <v>0</v>
      </c>
      <c r="S32" s="261">
        <v>0</v>
      </c>
      <c r="T32" s="261">
        <v>0</v>
      </c>
      <c r="U32" s="261">
        <v>0</v>
      </c>
      <c r="V32" s="261">
        <v>0</v>
      </c>
      <c r="W32" s="258">
        <v>0</v>
      </c>
      <c r="X32" s="263">
        <v>0</v>
      </c>
      <c r="Y32" s="257">
        <v>0</v>
      </c>
      <c r="Z32" s="261">
        <v>0</v>
      </c>
      <c r="AA32" s="258">
        <v>0</v>
      </c>
      <c r="AB32" s="260">
        <v>0</v>
      </c>
      <c r="AC32" s="261">
        <v>1</v>
      </c>
      <c r="AD32" s="261">
        <v>0</v>
      </c>
      <c r="AE32" s="261">
        <v>0</v>
      </c>
      <c r="AF32" s="261">
        <v>1</v>
      </c>
      <c r="AG32" s="261">
        <v>0</v>
      </c>
      <c r="AH32" s="258">
        <v>2</v>
      </c>
      <c r="AI32" s="263">
        <v>2</v>
      </c>
      <c r="AJ32" s="257">
        <v>0</v>
      </c>
      <c r="AK32" s="261">
        <v>0</v>
      </c>
      <c r="AL32" s="258">
        <v>0</v>
      </c>
      <c r="AM32" s="260">
        <v>0</v>
      </c>
      <c r="AN32" s="261">
        <v>0</v>
      </c>
      <c r="AO32" s="261">
        <v>1</v>
      </c>
      <c r="AP32" s="261">
        <v>0</v>
      </c>
      <c r="AQ32" s="261">
        <v>0</v>
      </c>
      <c r="AR32" s="261">
        <v>0</v>
      </c>
      <c r="AS32" s="258">
        <v>1</v>
      </c>
      <c r="AT32" s="263">
        <v>1</v>
      </c>
      <c r="AU32" s="257">
        <v>0</v>
      </c>
      <c r="AV32" s="261">
        <v>0</v>
      </c>
      <c r="AW32" s="258">
        <v>0</v>
      </c>
      <c r="AX32" s="260">
        <v>0</v>
      </c>
      <c r="AY32" s="261">
        <v>0</v>
      </c>
      <c r="AZ32" s="261">
        <v>0</v>
      </c>
      <c r="BA32" s="261">
        <v>0</v>
      </c>
      <c r="BB32" s="261">
        <v>0</v>
      </c>
      <c r="BC32" s="261">
        <v>0</v>
      </c>
      <c r="BD32" s="258">
        <v>0</v>
      </c>
      <c r="BE32" s="263">
        <v>0</v>
      </c>
      <c r="BF32" s="257">
        <v>0</v>
      </c>
      <c r="BG32" s="261">
        <v>0</v>
      </c>
      <c r="BH32" s="258">
        <v>0</v>
      </c>
      <c r="BI32" s="260">
        <v>0</v>
      </c>
      <c r="BJ32" s="261">
        <v>0</v>
      </c>
      <c r="BK32" s="261">
        <v>0</v>
      </c>
      <c r="BL32" s="261">
        <v>0</v>
      </c>
      <c r="BM32" s="261">
        <v>0</v>
      </c>
      <c r="BN32" s="261">
        <v>0</v>
      </c>
      <c r="BO32" s="262">
        <v>0</v>
      </c>
      <c r="BP32" s="263">
        <v>0</v>
      </c>
      <c r="BQ32" s="257">
        <v>0</v>
      </c>
      <c r="BR32" s="261">
        <v>0</v>
      </c>
      <c r="BS32" s="258">
        <v>0</v>
      </c>
      <c r="BT32" s="260">
        <v>0</v>
      </c>
      <c r="BU32" s="261">
        <v>0</v>
      </c>
      <c r="BV32" s="261">
        <v>0</v>
      </c>
      <c r="BW32" s="261">
        <v>0</v>
      </c>
      <c r="BX32" s="261">
        <v>0</v>
      </c>
      <c r="BY32" s="261">
        <v>0</v>
      </c>
      <c r="BZ32" s="258">
        <v>0</v>
      </c>
      <c r="CA32" s="263">
        <v>0</v>
      </c>
      <c r="CB32" s="257">
        <v>0</v>
      </c>
      <c r="CC32" s="261">
        <v>0</v>
      </c>
      <c r="CD32" s="258">
        <v>0</v>
      </c>
      <c r="CE32" s="260">
        <v>0</v>
      </c>
      <c r="CF32" s="261">
        <v>0</v>
      </c>
      <c r="CG32" s="261">
        <v>0</v>
      </c>
      <c r="CH32" s="261">
        <v>0</v>
      </c>
      <c r="CI32" s="261">
        <v>0</v>
      </c>
      <c r="CJ32" s="261">
        <v>0</v>
      </c>
      <c r="CK32" s="258">
        <v>0</v>
      </c>
      <c r="CL32" s="263">
        <v>0</v>
      </c>
      <c r="CM32" s="257">
        <v>0</v>
      </c>
      <c r="CN32" s="261">
        <v>0</v>
      </c>
      <c r="CO32" s="258">
        <v>0</v>
      </c>
      <c r="CP32" s="260">
        <v>0</v>
      </c>
      <c r="CQ32" s="261">
        <v>0</v>
      </c>
      <c r="CR32" s="261">
        <v>0</v>
      </c>
      <c r="CS32" s="261">
        <v>0</v>
      </c>
      <c r="CT32" s="261">
        <v>0</v>
      </c>
      <c r="CU32" s="261">
        <v>0</v>
      </c>
      <c r="CV32" s="258">
        <v>0</v>
      </c>
      <c r="CW32" s="263">
        <v>0</v>
      </c>
    </row>
    <row r="33" spans="2:101" ht="21" customHeight="1" x14ac:dyDescent="0.2">
      <c r="B33" s="472" t="s">
        <v>31</v>
      </c>
      <c r="C33" s="257">
        <v>0</v>
      </c>
      <c r="D33" s="258">
        <v>0</v>
      </c>
      <c r="E33" s="259">
        <v>0</v>
      </c>
      <c r="F33" s="260">
        <v>0</v>
      </c>
      <c r="G33" s="261">
        <v>0</v>
      </c>
      <c r="H33" s="261">
        <v>1</v>
      </c>
      <c r="I33" s="261">
        <v>0</v>
      </c>
      <c r="J33" s="261">
        <v>0</v>
      </c>
      <c r="K33" s="261">
        <v>0</v>
      </c>
      <c r="L33" s="262">
        <v>1</v>
      </c>
      <c r="M33" s="263">
        <v>1</v>
      </c>
      <c r="N33" s="257">
        <v>0</v>
      </c>
      <c r="O33" s="261">
        <v>0</v>
      </c>
      <c r="P33" s="258">
        <v>0</v>
      </c>
      <c r="Q33" s="260">
        <v>0</v>
      </c>
      <c r="R33" s="261">
        <v>0</v>
      </c>
      <c r="S33" s="261">
        <v>0</v>
      </c>
      <c r="T33" s="261">
        <v>0</v>
      </c>
      <c r="U33" s="261">
        <v>0</v>
      </c>
      <c r="V33" s="261">
        <v>0</v>
      </c>
      <c r="W33" s="258">
        <v>0</v>
      </c>
      <c r="X33" s="263">
        <v>0</v>
      </c>
      <c r="Y33" s="257">
        <v>0</v>
      </c>
      <c r="Z33" s="261">
        <v>0</v>
      </c>
      <c r="AA33" s="258">
        <v>0</v>
      </c>
      <c r="AB33" s="260">
        <v>0</v>
      </c>
      <c r="AC33" s="261">
        <v>1</v>
      </c>
      <c r="AD33" s="261">
        <v>1</v>
      </c>
      <c r="AE33" s="261">
        <v>1</v>
      </c>
      <c r="AF33" s="261">
        <v>0</v>
      </c>
      <c r="AG33" s="261">
        <v>0</v>
      </c>
      <c r="AH33" s="258">
        <v>3</v>
      </c>
      <c r="AI33" s="263">
        <v>3</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0</v>
      </c>
      <c r="BD33" s="258">
        <v>1</v>
      </c>
      <c r="BE33" s="263">
        <v>1</v>
      </c>
      <c r="BF33" s="257">
        <v>0</v>
      </c>
      <c r="BG33" s="261">
        <v>0</v>
      </c>
      <c r="BH33" s="258">
        <v>0</v>
      </c>
      <c r="BI33" s="260">
        <v>0</v>
      </c>
      <c r="BJ33" s="261">
        <v>0</v>
      </c>
      <c r="BK33" s="261">
        <v>0</v>
      </c>
      <c r="BL33" s="261">
        <v>1</v>
      </c>
      <c r="BM33" s="261">
        <v>0</v>
      </c>
      <c r="BN33" s="261">
        <v>1</v>
      </c>
      <c r="BO33" s="262">
        <v>2</v>
      </c>
      <c r="BP33" s="263">
        <v>2</v>
      </c>
      <c r="BQ33" s="257">
        <v>0</v>
      </c>
      <c r="BR33" s="261">
        <v>0</v>
      </c>
      <c r="BS33" s="258">
        <v>0</v>
      </c>
      <c r="BT33" s="260">
        <v>0</v>
      </c>
      <c r="BU33" s="261">
        <v>0</v>
      </c>
      <c r="BV33" s="261">
        <v>0</v>
      </c>
      <c r="BW33" s="261">
        <v>0</v>
      </c>
      <c r="BX33" s="261">
        <v>0</v>
      </c>
      <c r="BY33" s="261">
        <v>0</v>
      </c>
      <c r="BZ33" s="258">
        <v>0</v>
      </c>
      <c r="CA33" s="263">
        <v>0</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row>
    <row r="34" spans="2:101" ht="21" customHeight="1" x14ac:dyDescent="0.2">
      <c r="B34" s="472" t="s">
        <v>32</v>
      </c>
      <c r="C34" s="257">
        <v>0</v>
      </c>
      <c r="D34" s="258">
        <v>0</v>
      </c>
      <c r="E34" s="259">
        <v>0</v>
      </c>
      <c r="F34" s="260">
        <v>0</v>
      </c>
      <c r="G34" s="261">
        <v>0</v>
      </c>
      <c r="H34" s="261">
        <v>0</v>
      </c>
      <c r="I34" s="261">
        <v>0</v>
      </c>
      <c r="J34" s="261">
        <v>0</v>
      </c>
      <c r="K34" s="261">
        <v>0</v>
      </c>
      <c r="L34" s="262">
        <v>0</v>
      </c>
      <c r="M34" s="263">
        <v>0</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1</v>
      </c>
      <c r="AD34" s="261">
        <v>0</v>
      </c>
      <c r="AE34" s="261">
        <v>1</v>
      </c>
      <c r="AF34" s="261">
        <v>0</v>
      </c>
      <c r="AG34" s="261">
        <v>0</v>
      </c>
      <c r="AH34" s="258">
        <v>2</v>
      </c>
      <c r="AI34" s="263">
        <v>2</v>
      </c>
      <c r="AJ34" s="257">
        <v>0</v>
      </c>
      <c r="AK34" s="261">
        <v>0</v>
      </c>
      <c r="AL34" s="258">
        <v>0</v>
      </c>
      <c r="AM34" s="260">
        <v>0</v>
      </c>
      <c r="AN34" s="261">
        <v>2</v>
      </c>
      <c r="AO34" s="261">
        <v>0</v>
      </c>
      <c r="AP34" s="261">
        <v>0</v>
      </c>
      <c r="AQ34" s="261">
        <v>0</v>
      </c>
      <c r="AR34" s="261">
        <v>0</v>
      </c>
      <c r="AS34" s="258">
        <v>2</v>
      </c>
      <c r="AT34" s="263">
        <v>2</v>
      </c>
      <c r="AU34" s="257">
        <v>0</v>
      </c>
      <c r="AV34" s="261">
        <v>0</v>
      </c>
      <c r="AW34" s="258">
        <v>0</v>
      </c>
      <c r="AX34" s="260">
        <v>0</v>
      </c>
      <c r="AY34" s="261">
        <v>0</v>
      </c>
      <c r="AZ34" s="261">
        <v>0</v>
      </c>
      <c r="BA34" s="261">
        <v>0</v>
      </c>
      <c r="BB34" s="261">
        <v>0</v>
      </c>
      <c r="BC34" s="261">
        <v>0</v>
      </c>
      <c r="BD34" s="258">
        <v>0</v>
      </c>
      <c r="BE34" s="263">
        <v>0</v>
      </c>
      <c r="BF34" s="257">
        <v>0</v>
      </c>
      <c r="BG34" s="261">
        <v>0</v>
      </c>
      <c r="BH34" s="258">
        <v>0</v>
      </c>
      <c r="BI34" s="260">
        <v>0</v>
      </c>
      <c r="BJ34" s="261">
        <v>0</v>
      </c>
      <c r="BK34" s="261">
        <v>0</v>
      </c>
      <c r="BL34" s="261">
        <v>1</v>
      </c>
      <c r="BM34" s="261">
        <v>0</v>
      </c>
      <c r="BN34" s="261">
        <v>1</v>
      </c>
      <c r="BO34" s="262">
        <v>2</v>
      </c>
      <c r="BP34" s="263">
        <v>2</v>
      </c>
      <c r="BQ34" s="257">
        <v>0</v>
      </c>
      <c r="BR34" s="261">
        <v>0</v>
      </c>
      <c r="BS34" s="258">
        <v>0</v>
      </c>
      <c r="BT34" s="260">
        <v>0</v>
      </c>
      <c r="BU34" s="261">
        <v>0</v>
      </c>
      <c r="BV34" s="261">
        <v>0</v>
      </c>
      <c r="BW34" s="261">
        <v>0</v>
      </c>
      <c r="BX34" s="261">
        <v>0</v>
      </c>
      <c r="BY34" s="261">
        <v>0</v>
      </c>
      <c r="BZ34" s="258">
        <v>0</v>
      </c>
      <c r="CA34" s="263">
        <v>0</v>
      </c>
      <c r="CB34" s="257">
        <v>0</v>
      </c>
      <c r="CC34" s="261">
        <v>0</v>
      </c>
      <c r="CD34" s="258">
        <v>0</v>
      </c>
      <c r="CE34" s="260">
        <v>0</v>
      </c>
      <c r="CF34" s="261">
        <v>0</v>
      </c>
      <c r="CG34" s="261">
        <v>0</v>
      </c>
      <c r="CH34" s="261">
        <v>1</v>
      </c>
      <c r="CI34" s="261">
        <v>1</v>
      </c>
      <c r="CJ34" s="261">
        <v>0</v>
      </c>
      <c r="CK34" s="258">
        <v>2</v>
      </c>
      <c r="CL34" s="263">
        <v>2</v>
      </c>
      <c r="CM34" s="257">
        <v>0</v>
      </c>
      <c r="CN34" s="261">
        <v>0</v>
      </c>
      <c r="CO34" s="258">
        <v>0</v>
      </c>
      <c r="CP34" s="260">
        <v>0</v>
      </c>
      <c r="CQ34" s="261">
        <v>0</v>
      </c>
      <c r="CR34" s="261">
        <v>0</v>
      </c>
      <c r="CS34" s="261">
        <v>0</v>
      </c>
      <c r="CT34" s="261">
        <v>0</v>
      </c>
      <c r="CU34" s="261">
        <v>0</v>
      </c>
      <c r="CV34" s="258">
        <v>0</v>
      </c>
      <c r="CW34" s="263">
        <v>0</v>
      </c>
    </row>
    <row r="35" spans="2:101" ht="21" customHeight="1" x14ac:dyDescent="0.2">
      <c r="B35" s="472" t="s">
        <v>33</v>
      </c>
      <c r="C35" s="257">
        <v>0</v>
      </c>
      <c r="D35" s="258">
        <v>0</v>
      </c>
      <c r="E35" s="259">
        <v>0</v>
      </c>
      <c r="F35" s="260">
        <v>0</v>
      </c>
      <c r="G35" s="261">
        <v>0</v>
      </c>
      <c r="H35" s="261">
        <v>0</v>
      </c>
      <c r="I35" s="261">
        <v>0</v>
      </c>
      <c r="J35" s="261">
        <v>0</v>
      </c>
      <c r="K35" s="261">
        <v>0</v>
      </c>
      <c r="L35" s="262">
        <v>0</v>
      </c>
      <c r="M35" s="263">
        <v>0</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1</v>
      </c>
      <c r="AD35" s="261">
        <v>0</v>
      </c>
      <c r="AE35" s="261">
        <v>1</v>
      </c>
      <c r="AF35" s="261">
        <v>1</v>
      </c>
      <c r="AG35" s="261">
        <v>0</v>
      </c>
      <c r="AH35" s="258">
        <v>3</v>
      </c>
      <c r="AI35" s="263">
        <v>3</v>
      </c>
      <c r="AJ35" s="257">
        <v>0</v>
      </c>
      <c r="AK35" s="261">
        <v>0</v>
      </c>
      <c r="AL35" s="258">
        <v>0</v>
      </c>
      <c r="AM35" s="260">
        <v>0</v>
      </c>
      <c r="AN35" s="261">
        <v>0</v>
      </c>
      <c r="AO35" s="261">
        <v>0</v>
      </c>
      <c r="AP35" s="261">
        <v>0</v>
      </c>
      <c r="AQ35" s="261">
        <v>0</v>
      </c>
      <c r="AR35" s="261">
        <v>0</v>
      </c>
      <c r="AS35" s="258">
        <v>0</v>
      </c>
      <c r="AT35" s="263">
        <v>0</v>
      </c>
      <c r="AU35" s="257">
        <v>0</v>
      </c>
      <c r="AV35" s="261">
        <v>0</v>
      </c>
      <c r="AW35" s="258">
        <v>0</v>
      </c>
      <c r="AX35" s="260">
        <v>0</v>
      </c>
      <c r="AY35" s="261">
        <v>0</v>
      </c>
      <c r="AZ35" s="261">
        <v>0</v>
      </c>
      <c r="BA35" s="261">
        <v>0</v>
      </c>
      <c r="BB35" s="261">
        <v>0</v>
      </c>
      <c r="BC35" s="261">
        <v>0</v>
      </c>
      <c r="BD35" s="258">
        <v>0</v>
      </c>
      <c r="BE35" s="263">
        <v>0</v>
      </c>
      <c r="BF35" s="257">
        <v>0</v>
      </c>
      <c r="BG35" s="261">
        <v>0</v>
      </c>
      <c r="BH35" s="258">
        <v>0</v>
      </c>
      <c r="BI35" s="260">
        <v>0</v>
      </c>
      <c r="BJ35" s="261">
        <v>0</v>
      </c>
      <c r="BK35" s="261">
        <v>0</v>
      </c>
      <c r="BL35" s="261">
        <v>0</v>
      </c>
      <c r="BM35" s="261">
        <v>0</v>
      </c>
      <c r="BN35" s="261">
        <v>0</v>
      </c>
      <c r="BO35" s="262">
        <v>0</v>
      </c>
      <c r="BP35" s="263">
        <v>0</v>
      </c>
      <c r="BQ35" s="257">
        <v>0</v>
      </c>
      <c r="BR35" s="261">
        <v>0</v>
      </c>
      <c r="BS35" s="258">
        <v>0</v>
      </c>
      <c r="BT35" s="260">
        <v>0</v>
      </c>
      <c r="BU35" s="261">
        <v>0</v>
      </c>
      <c r="BV35" s="261">
        <v>0</v>
      </c>
      <c r="BW35" s="261">
        <v>0</v>
      </c>
      <c r="BX35" s="261">
        <v>0</v>
      </c>
      <c r="BY35" s="261">
        <v>0</v>
      </c>
      <c r="BZ35" s="258">
        <v>0</v>
      </c>
      <c r="CA35" s="263">
        <v>0</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1</v>
      </c>
      <c r="CT35" s="261">
        <v>0</v>
      </c>
      <c r="CU35" s="261">
        <v>1</v>
      </c>
      <c r="CV35" s="258">
        <v>2</v>
      </c>
      <c r="CW35" s="263">
        <v>2</v>
      </c>
    </row>
    <row r="36" spans="2:101" ht="21" customHeight="1" x14ac:dyDescent="0.2">
      <c r="B36" s="472" t="s">
        <v>34</v>
      </c>
      <c r="C36" s="257">
        <v>0</v>
      </c>
      <c r="D36" s="258">
        <v>0</v>
      </c>
      <c r="E36" s="259">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0</v>
      </c>
      <c r="AE36" s="261">
        <v>0</v>
      </c>
      <c r="AF36" s="261">
        <v>0</v>
      </c>
      <c r="AG36" s="261">
        <v>0</v>
      </c>
      <c r="AH36" s="258">
        <v>0</v>
      </c>
      <c r="AI36" s="263">
        <v>0</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1</v>
      </c>
      <c r="AZ36" s="261">
        <v>0</v>
      </c>
      <c r="BA36" s="261">
        <v>0</v>
      </c>
      <c r="BB36" s="261">
        <v>0</v>
      </c>
      <c r="BC36" s="261">
        <v>0</v>
      </c>
      <c r="BD36" s="258">
        <v>1</v>
      </c>
      <c r="BE36" s="263">
        <v>1</v>
      </c>
      <c r="BF36" s="257">
        <v>0</v>
      </c>
      <c r="BG36" s="261">
        <v>0</v>
      </c>
      <c r="BH36" s="258">
        <v>0</v>
      </c>
      <c r="BI36" s="260">
        <v>0</v>
      </c>
      <c r="BJ36" s="261">
        <v>0</v>
      </c>
      <c r="BK36" s="261">
        <v>0</v>
      </c>
      <c r="BL36" s="261">
        <v>0</v>
      </c>
      <c r="BM36" s="261">
        <v>0</v>
      </c>
      <c r="BN36" s="261">
        <v>0</v>
      </c>
      <c r="BO36" s="262">
        <v>0</v>
      </c>
      <c r="BP36" s="263">
        <v>0</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1</v>
      </c>
      <c r="CS36" s="261">
        <v>0</v>
      </c>
      <c r="CT36" s="261">
        <v>0</v>
      </c>
      <c r="CU36" s="261">
        <v>1</v>
      </c>
      <c r="CV36" s="258">
        <v>2</v>
      </c>
      <c r="CW36" s="263">
        <v>2</v>
      </c>
    </row>
    <row r="37" spans="2:101" ht="21" customHeight="1" x14ac:dyDescent="0.2">
      <c r="B37" s="472" t="s">
        <v>35</v>
      </c>
      <c r="C37" s="257">
        <v>0</v>
      </c>
      <c r="D37" s="258">
        <v>0</v>
      </c>
      <c r="E37" s="259">
        <v>0</v>
      </c>
      <c r="F37" s="260">
        <v>0</v>
      </c>
      <c r="G37" s="261">
        <v>0</v>
      </c>
      <c r="H37" s="261">
        <v>0</v>
      </c>
      <c r="I37" s="261">
        <v>0</v>
      </c>
      <c r="J37" s="261">
        <v>0</v>
      </c>
      <c r="K37" s="261">
        <v>0</v>
      </c>
      <c r="L37" s="262">
        <v>0</v>
      </c>
      <c r="M37" s="263">
        <v>0</v>
      </c>
      <c r="N37" s="257">
        <v>0</v>
      </c>
      <c r="O37" s="261">
        <v>0</v>
      </c>
      <c r="P37" s="258">
        <v>0</v>
      </c>
      <c r="Q37" s="260">
        <v>0</v>
      </c>
      <c r="R37" s="261">
        <v>0</v>
      </c>
      <c r="S37" s="261">
        <v>0</v>
      </c>
      <c r="T37" s="261">
        <v>0</v>
      </c>
      <c r="U37" s="261">
        <v>0</v>
      </c>
      <c r="V37" s="261">
        <v>0</v>
      </c>
      <c r="W37" s="258">
        <v>0</v>
      </c>
      <c r="X37" s="263">
        <v>0</v>
      </c>
      <c r="Y37" s="257">
        <v>0</v>
      </c>
      <c r="Z37" s="261">
        <v>0</v>
      </c>
      <c r="AA37" s="258">
        <v>0</v>
      </c>
      <c r="AB37" s="260">
        <v>0</v>
      </c>
      <c r="AC37" s="261">
        <v>0</v>
      </c>
      <c r="AD37" s="261">
        <v>0</v>
      </c>
      <c r="AE37" s="261">
        <v>0</v>
      </c>
      <c r="AF37" s="261">
        <v>0</v>
      </c>
      <c r="AG37" s="261">
        <v>0</v>
      </c>
      <c r="AH37" s="258">
        <v>0</v>
      </c>
      <c r="AI37" s="263">
        <v>0</v>
      </c>
      <c r="AJ37" s="257">
        <v>0</v>
      </c>
      <c r="AK37" s="261">
        <v>0</v>
      </c>
      <c r="AL37" s="258">
        <v>0</v>
      </c>
      <c r="AM37" s="260">
        <v>0</v>
      </c>
      <c r="AN37" s="261">
        <v>0</v>
      </c>
      <c r="AO37" s="261">
        <v>0</v>
      </c>
      <c r="AP37" s="261">
        <v>0</v>
      </c>
      <c r="AQ37" s="261">
        <v>0</v>
      </c>
      <c r="AR37" s="261">
        <v>0</v>
      </c>
      <c r="AS37" s="258">
        <v>0</v>
      </c>
      <c r="AT37" s="263">
        <v>0</v>
      </c>
      <c r="AU37" s="257">
        <v>0</v>
      </c>
      <c r="AV37" s="261">
        <v>0</v>
      </c>
      <c r="AW37" s="258">
        <v>0</v>
      </c>
      <c r="AX37" s="260">
        <v>0</v>
      </c>
      <c r="AY37" s="261">
        <v>0</v>
      </c>
      <c r="AZ37" s="261">
        <v>0</v>
      </c>
      <c r="BA37" s="261">
        <v>0</v>
      </c>
      <c r="BB37" s="261">
        <v>0</v>
      </c>
      <c r="BC37" s="261">
        <v>1</v>
      </c>
      <c r="BD37" s="258">
        <v>1</v>
      </c>
      <c r="BE37" s="263">
        <v>1</v>
      </c>
      <c r="BF37" s="257">
        <v>0</v>
      </c>
      <c r="BG37" s="261">
        <v>0</v>
      </c>
      <c r="BH37" s="258">
        <v>0</v>
      </c>
      <c r="BI37" s="260">
        <v>0</v>
      </c>
      <c r="BJ37" s="261">
        <v>1</v>
      </c>
      <c r="BK37" s="261">
        <v>1</v>
      </c>
      <c r="BL37" s="261">
        <v>0</v>
      </c>
      <c r="BM37" s="261">
        <v>1</v>
      </c>
      <c r="BN37" s="261">
        <v>0</v>
      </c>
      <c r="BO37" s="262">
        <v>3</v>
      </c>
      <c r="BP37" s="263">
        <v>3</v>
      </c>
      <c r="BQ37" s="257">
        <v>0</v>
      </c>
      <c r="BR37" s="261">
        <v>0</v>
      </c>
      <c r="BS37" s="258">
        <v>0</v>
      </c>
      <c r="BT37" s="260">
        <v>0</v>
      </c>
      <c r="BU37" s="261">
        <v>0</v>
      </c>
      <c r="BV37" s="261">
        <v>0</v>
      </c>
      <c r="BW37" s="261">
        <v>0</v>
      </c>
      <c r="BX37" s="261">
        <v>0</v>
      </c>
      <c r="BY37" s="261">
        <v>0</v>
      </c>
      <c r="BZ37" s="258">
        <v>0</v>
      </c>
      <c r="CA37" s="263">
        <v>0</v>
      </c>
      <c r="CB37" s="257">
        <v>0</v>
      </c>
      <c r="CC37" s="261">
        <v>0</v>
      </c>
      <c r="CD37" s="258">
        <v>0</v>
      </c>
      <c r="CE37" s="260">
        <v>0</v>
      </c>
      <c r="CF37" s="261">
        <v>0</v>
      </c>
      <c r="CG37" s="261">
        <v>0</v>
      </c>
      <c r="CH37" s="261">
        <v>0</v>
      </c>
      <c r="CI37" s="261">
        <v>0</v>
      </c>
      <c r="CJ37" s="261">
        <v>0</v>
      </c>
      <c r="CK37" s="258">
        <v>0</v>
      </c>
      <c r="CL37" s="263">
        <v>0</v>
      </c>
      <c r="CM37" s="257">
        <v>0</v>
      </c>
      <c r="CN37" s="261">
        <v>0</v>
      </c>
      <c r="CO37" s="258">
        <v>0</v>
      </c>
      <c r="CP37" s="260">
        <v>0</v>
      </c>
      <c r="CQ37" s="261">
        <v>0</v>
      </c>
      <c r="CR37" s="261">
        <v>0</v>
      </c>
      <c r="CS37" s="261">
        <v>0</v>
      </c>
      <c r="CT37" s="261">
        <v>0</v>
      </c>
      <c r="CU37" s="261">
        <v>0</v>
      </c>
      <c r="CV37" s="258">
        <v>0</v>
      </c>
      <c r="CW37" s="263">
        <v>0</v>
      </c>
    </row>
    <row r="38" spans="2:101" ht="21" customHeight="1" x14ac:dyDescent="0.2">
      <c r="B38" s="472" t="s">
        <v>36</v>
      </c>
      <c r="C38" s="257">
        <v>0</v>
      </c>
      <c r="D38" s="258">
        <v>0</v>
      </c>
      <c r="E38" s="259">
        <v>0</v>
      </c>
      <c r="F38" s="260">
        <v>0</v>
      </c>
      <c r="G38" s="261">
        <v>0</v>
      </c>
      <c r="H38" s="261">
        <v>0</v>
      </c>
      <c r="I38" s="261">
        <v>0</v>
      </c>
      <c r="J38" s="261">
        <v>0</v>
      </c>
      <c r="K38" s="261">
        <v>0</v>
      </c>
      <c r="L38" s="262">
        <v>0</v>
      </c>
      <c r="M38" s="263">
        <v>0</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1</v>
      </c>
      <c r="AD38" s="261">
        <v>0</v>
      </c>
      <c r="AE38" s="261">
        <v>0</v>
      </c>
      <c r="AF38" s="261">
        <v>2</v>
      </c>
      <c r="AG38" s="261">
        <v>0</v>
      </c>
      <c r="AH38" s="258">
        <v>3</v>
      </c>
      <c r="AI38" s="263">
        <v>3</v>
      </c>
      <c r="AJ38" s="257">
        <v>0</v>
      </c>
      <c r="AK38" s="261">
        <v>0</v>
      </c>
      <c r="AL38" s="258">
        <v>0</v>
      </c>
      <c r="AM38" s="260">
        <v>0</v>
      </c>
      <c r="AN38" s="261">
        <v>0</v>
      </c>
      <c r="AO38" s="261">
        <v>0</v>
      </c>
      <c r="AP38" s="261">
        <v>0</v>
      </c>
      <c r="AQ38" s="261">
        <v>0</v>
      </c>
      <c r="AR38" s="261">
        <v>0</v>
      </c>
      <c r="AS38" s="258">
        <v>0</v>
      </c>
      <c r="AT38" s="263">
        <v>0</v>
      </c>
      <c r="AU38" s="257">
        <v>0</v>
      </c>
      <c r="AV38" s="261">
        <v>0</v>
      </c>
      <c r="AW38" s="258">
        <v>0</v>
      </c>
      <c r="AX38" s="260">
        <v>0</v>
      </c>
      <c r="AY38" s="261">
        <v>0</v>
      </c>
      <c r="AZ38" s="261">
        <v>0</v>
      </c>
      <c r="BA38" s="261">
        <v>0</v>
      </c>
      <c r="BB38" s="261">
        <v>0</v>
      </c>
      <c r="BC38" s="261">
        <v>0</v>
      </c>
      <c r="BD38" s="258">
        <v>0</v>
      </c>
      <c r="BE38" s="263">
        <v>0</v>
      </c>
      <c r="BF38" s="257">
        <v>0</v>
      </c>
      <c r="BG38" s="261">
        <v>0</v>
      </c>
      <c r="BH38" s="258">
        <v>0</v>
      </c>
      <c r="BI38" s="260">
        <v>0</v>
      </c>
      <c r="BJ38" s="261">
        <v>1</v>
      </c>
      <c r="BK38" s="261">
        <v>1</v>
      </c>
      <c r="BL38" s="261">
        <v>0</v>
      </c>
      <c r="BM38" s="261">
        <v>0</v>
      </c>
      <c r="BN38" s="261">
        <v>1</v>
      </c>
      <c r="BO38" s="262">
        <v>3</v>
      </c>
      <c r="BP38" s="263">
        <v>3</v>
      </c>
      <c r="BQ38" s="257">
        <v>0</v>
      </c>
      <c r="BR38" s="261">
        <v>0</v>
      </c>
      <c r="BS38" s="258">
        <v>0</v>
      </c>
      <c r="BT38" s="260">
        <v>0</v>
      </c>
      <c r="BU38" s="261">
        <v>0</v>
      </c>
      <c r="BV38" s="261">
        <v>0</v>
      </c>
      <c r="BW38" s="261">
        <v>0</v>
      </c>
      <c r="BX38" s="261">
        <v>0</v>
      </c>
      <c r="BY38" s="261">
        <v>0</v>
      </c>
      <c r="BZ38" s="258">
        <v>0</v>
      </c>
      <c r="CA38" s="263">
        <v>0</v>
      </c>
      <c r="CB38" s="257">
        <v>0</v>
      </c>
      <c r="CC38" s="261">
        <v>0</v>
      </c>
      <c r="CD38" s="258">
        <v>0</v>
      </c>
      <c r="CE38" s="260">
        <v>0</v>
      </c>
      <c r="CF38" s="261">
        <v>0</v>
      </c>
      <c r="CG38" s="261">
        <v>0</v>
      </c>
      <c r="CH38" s="261">
        <v>0</v>
      </c>
      <c r="CI38" s="261">
        <v>0</v>
      </c>
      <c r="CJ38" s="261">
        <v>0</v>
      </c>
      <c r="CK38" s="258">
        <v>0</v>
      </c>
      <c r="CL38" s="263">
        <v>0</v>
      </c>
      <c r="CM38" s="257">
        <v>0</v>
      </c>
      <c r="CN38" s="261">
        <v>0</v>
      </c>
      <c r="CO38" s="258">
        <v>0</v>
      </c>
      <c r="CP38" s="260">
        <v>0</v>
      </c>
      <c r="CQ38" s="261">
        <v>0</v>
      </c>
      <c r="CR38" s="261">
        <v>0</v>
      </c>
      <c r="CS38" s="261">
        <v>0</v>
      </c>
      <c r="CT38" s="261">
        <v>0</v>
      </c>
      <c r="CU38" s="261">
        <v>0</v>
      </c>
      <c r="CV38" s="258">
        <v>0</v>
      </c>
      <c r="CW38" s="263">
        <v>0</v>
      </c>
    </row>
    <row r="39" spans="2:101" ht="21" customHeight="1" thickBot="1" x14ac:dyDescent="0.25">
      <c r="B39" s="473" t="s">
        <v>37</v>
      </c>
      <c r="C39" s="264">
        <v>0</v>
      </c>
      <c r="D39" s="265">
        <v>0</v>
      </c>
      <c r="E39" s="266">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0</v>
      </c>
      <c r="BC39" s="268">
        <v>0</v>
      </c>
      <c r="BD39" s="265">
        <v>0</v>
      </c>
      <c r="BE39" s="270">
        <v>0</v>
      </c>
      <c r="BF39" s="264">
        <v>0</v>
      </c>
      <c r="BG39" s="268">
        <v>0</v>
      </c>
      <c r="BH39" s="265">
        <v>0</v>
      </c>
      <c r="BI39" s="267">
        <v>0</v>
      </c>
      <c r="BJ39" s="268">
        <v>0</v>
      </c>
      <c r="BK39" s="268">
        <v>0</v>
      </c>
      <c r="BL39" s="268">
        <v>0</v>
      </c>
      <c r="BM39" s="268">
        <v>0</v>
      </c>
      <c r="BN39" s="268">
        <v>0</v>
      </c>
      <c r="BO39" s="269">
        <v>0</v>
      </c>
      <c r="BP39" s="270">
        <v>0</v>
      </c>
      <c r="BQ39" s="264">
        <v>0</v>
      </c>
      <c r="BR39" s="268">
        <v>0</v>
      </c>
      <c r="BS39" s="265">
        <v>0</v>
      </c>
      <c r="BT39" s="267">
        <v>0</v>
      </c>
      <c r="BU39" s="268">
        <v>0</v>
      </c>
      <c r="BV39" s="268">
        <v>0</v>
      </c>
      <c r="BW39" s="268">
        <v>0</v>
      </c>
      <c r="BX39" s="268">
        <v>0</v>
      </c>
      <c r="BY39" s="268">
        <v>0</v>
      </c>
      <c r="BZ39" s="265">
        <v>0</v>
      </c>
      <c r="CA39" s="270">
        <v>0</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8" style="242" customWidth="1"/>
    <col min="18" max="16384" width="9" style="242"/>
  </cols>
  <sheetData>
    <row r="1" spans="2:24" ht="24" customHeight="1" x14ac:dyDescent="0.2">
      <c r="B1" s="271" t="s">
        <v>125</v>
      </c>
      <c r="H1" s="499">
        <f>第１表!F2</f>
        <v>5</v>
      </c>
      <c r="I1" s="499"/>
      <c r="J1" s="235">
        <f>第１表!G2</f>
        <v>9</v>
      </c>
      <c r="K1" s="504">
        <f>IF(J1&lt;3,J1+12-2,J1-2)</f>
        <v>7</v>
      </c>
      <c r="L1" s="504"/>
    </row>
    <row r="2" spans="2:24" ht="24" customHeight="1" thickBot="1" x14ac:dyDescent="0.25">
      <c r="B2" s="271" t="s">
        <v>132</v>
      </c>
    </row>
    <row r="3" spans="2:24" ht="21" customHeight="1" x14ac:dyDescent="0.2">
      <c r="B3" s="507"/>
      <c r="C3" s="508" t="s">
        <v>142</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101480</v>
      </c>
      <c r="H6" s="254">
        <v>102100</v>
      </c>
      <c r="I6" s="254">
        <v>62494</v>
      </c>
      <c r="J6" s="254">
        <v>32252</v>
      </c>
      <c r="K6" s="254">
        <v>14039</v>
      </c>
      <c r="L6" s="251">
        <v>312365</v>
      </c>
      <c r="M6" s="256">
        <v>312365</v>
      </c>
      <c r="N6" s="254">
        <v>42</v>
      </c>
      <c r="O6" s="254">
        <v>40</v>
      </c>
      <c r="P6" s="251">
        <v>82</v>
      </c>
      <c r="Q6" s="253">
        <v>0</v>
      </c>
      <c r="R6" s="254">
        <v>6753</v>
      </c>
      <c r="S6" s="254">
        <v>9200</v>
      </c>
      <c r="T6" s="254">
        <v>12186</v>
      </c>
      <c r="U6" s="254">
        <v>6590</v>
      </c>
      <c r="V6" s="254">
        <v>5230</v>
      </c>
      <c r="W6" s="251">
        <v>39959</v>
      </c>
      <c r="X6" s="256">
        <v>40041</v>
      </c>
    </row>
    <row r="7" spans="2:24" ht="21" customHeight="1" x14ac:dyDescent="0.2">
      <c r="B7" s="471" t="s">
        <v>5</v>
      </c>
      <c r="C7" s="261">
        <v>0</v>
      </c>
      <c r="D7" s="261">
        <v>0</v>
      </c>
      <c r="E7" s="258">
        <v>0</v>
      </c>
      <c r="F7" s="260">
        <v>0</v>
      </c>
      <c r="G7" s="261">
        <v>35621</v>
      </c>
      <c r="H7" s="261">
        <v>48072</v>
      </c>
      <c r="I7" s="261">
        <v>28763</v>
      </c>
      <c r="J7" s="261">
        <v>14973</v>
      </c>
      <c r="K7" s="261">
        <v>6632</v>
      </c>
      <c r="L7" s="258">
        <v>134061</v>
      </c>
      <c r="M7" s="263">
        <v>134061</v>
      </c>
      <c r="N7" s="261">
        <v>18</v>
      </c>
      <c r="O7" s="261">
        <v>22</v>
      </c>
      <c r="P7" s="258">
        <v>40</v>
      </c>
      <c r="Q7" s="260">
        <v>0</v>
      </c>
      <c r="R7" s="261">
        <v>3314</v>
      </c>
      <c r="S7" s="261">
        <v>4815</v>
      </c>
      <c r="T7" s="261">
        <v>6119</v>
      </c>
      <c r="U7" s="261">
        <v>3585</v>
      </c>
      <c r="V7" s="261">
        <v>2774</v>
      </c>
      <c r="W7" s="258">
        <v>20607</v>
      </c>
      <c r="X7" s="263">
        <v>20647</v>
      </c>
    </row>
    <row r="8" spans="2:24" ht="21" customHeight="1" x14ac:dyDescent="0.2">
      <c r="B8" s="472" t="s">
        <v>6</v>
      </c>
      <c r="C8" s="261">
        <v>0</v>
      </c>
      <c r="D8" s="261">
        <v>0</v>
      </c>
      <c r="E8" s="258">
        <v>0</v>
      </c>
      <c r="F8" s="260">
        <v>0</v>
      </c>
      <c r="G8" s="261">
        <v>14321</v>
      </c>
      <c r="H8" s="261">
        <v>10991</v>
      </c>
      <c r="I8" s="261">
        <v>7651</v>
      </c>
      <c r="J8" s="261">
        <v>4242</v>
      </c>
      <c r="K8" s="261">
        <v>1795</v>
      </c>
      <c r="L8" s="258">
        <v>39000</v>
      </c>
      <c r="M8" s="263">
        <v>39000</v>
      </c>
      <c r="N8" s="261">
        <v>8</v>
      </c>
      <c r="O8" s="261">
        <v>3</v>
      </c>
      <c r="P8" s="258">
        <v>11</v>
      </c>
      <c r="Q8" s="260">
        <v>0</v>
      </c>
      <c r="R8" s="261">
        <v>1606</v>
      </c>
      <c r="S8" s="261">
        <v>2095</v>
      </c>
      <c r="T8" s="261">
        <v>2691</v>
      </c>
      <c r="U8" s="261">
        <v>1351</v>
      </c>
      <c r="V8" s="261">
        <v>1188</v>
      </c>
      <c r="W8" s="258">
        <v>8931</v>
      </c>
      <c r="X8" s="263">
        <v>8942</v>
      </c>
    </row>
    <row r="9" spans="2:24" ht="21" customHeight="1" x14ac:dyDescent="0.2">
      <c r="B9" s="472" t="s">
        <v>14</v>
      </c>
      <c r="C9" s="261">
        <v>0</v>
      </c>
      <c r="D9" s="261">
        <v>0</v>
      </c>
      <c r="E9" s="258">
        <v>0</v>
      </c>
      <c r="F9" s="260">
        <v>0</v>
      </c>
      <c r="G9" s="261">
        <v>7310</v>
      </c>
      <c r="H9" s="261">
        <v>9649</v>
      </c>
      <c r="I9" s="261">
        <v>5601</v>
      </c>
      <c r="J9" s="261">
        <v>3003</v>
      </c>
      <c r="K9" s="261">
        <v>1397</v>
      </c>
      <c r="L9" s="258">
        <v>26960</v>
      </c>
      <c r="M9" s="263">
        <v>26960</v>
      </c>
      <c r="N9" s="261">
        <v>4</v>
      </c>
      <c r="O9" s="261">
        <v>0</v>
      </c>
      <c r="P9" s="258">
        <v>4</v>
      </c>
      <c r="Q9" s="260">
        <v>0</v>
      </c>
      <c r="R9" s="261">
        <v>116</v>
      </c>
      <c r="S9" s="261">
        <v>192</v>
      </c>
      <c r="T9" s="261">
        <v>506</v>
      </c>
      <c r="U9" s="261">
        <v>298</v>
      </c>
      <c r="V9" s="261">
        <v>273</v>
      </c>
      <c r="W9" s="258">
        <v>1385</v>
      </c>
      <c r="X9" s="263">
        <v>1389</v>
      </c>
    </row>
    <row r="10" spans="2:24" ht="21" customHeight="1" x14ac:dyDescent="0.2">
      <c r="B10" s="472" t="s">
        <v>7</v>
      </c>
      <c r="C10" s="261">
        <v>0</v>
      </c>
      <c r="D10" s="261">
        <v>0</v>
      </c>
      <c r="E10" s="258">
        <v>0</v>
      </c>
      <c r="F10" s="260">
        <v>0</v>
      </c>
      <c r="G10" s="261">
        <v>8346</v>
      </c>
      <c r="H10" s="261">
        <v>5241</v>
      </c>
      <c r="I10" s="261">
        <v>2613</v>
      </c>
      <c r="J10" s="261">
        <v>1064</v>
      </c>
      <c r="K10" s="261">
        <v>496</v>
      </c>
      <c r="L10" s="258">
        <v>17760</v>
      </c>
      <c r="M10" s="263">
        <v>17760</v>
      </c>
      <c r="N10" s="261">
        <v>0</v>
      </c>
      <c r="O10" s="261">
        <v>0</v>
      </c>
      <c r="P10" s="258">
        <v>0</v>
      </c>
      <c r="Q10" s="260">
        <v>0</v>
      </c>
      <c r="R10" s="261">
        <v>762</v>
      </c>
      <c r="S10" s="261">
        <v>965</v>
      </c>
      <c r="T10" s="261">
        <v>1058</v>
      </c>
      <c r="U10" s="261">
        <v>451</v>
      </c>
      <c r="V10" s="261">
        <v>199</v>
      </c>
      <c r="W10" s="258">
        <v>3435</v>
      </c>
      <c r="X10" s="263">
        <v>3435</v>
      </c>
    </row>
    <row r="11" spans="2:24" ht="21" customHeight="1" x14ac:dyDescent="0.2">
      <c r="B11" s="472" t="s">
        <v>8</v>
      </c>
      <c r="C11" s="261">
        <v>0</v>
      </c>
      <c r="D11" s="261">
        <v>0</v>
      </c>
      <c r="E11" s="258">
        <v>0</v>
      </c>
      <c r="F11" s="260">
        <v>0</v>
      </c>
      <c r="G11" s="261">
        <v>4615</v>
      </c>
      <c r="H11" s="261">
        <v>4616</v>
      </c>
      <c r="I11" s="261">
        <v>2485</v>
      </c>
      <c r="J11" s="261">
        <v>1182</v>
      </c>
      <c r="K11" s="261">
        <v>414</v>
      </c>
      <c r="L11" s="258">
        <v>13312</v>
      </c>
      <c r="M11" s="263">
        <v>13312</v>
      </c>
      <c r="N11" s="261">
        <v>0</v>
      </c>
      <c r="O11" s="261">
        <v>0</v>
      </c>
      <c r="P11" s="258">
        <v>0</v>
      </c>
      <c r="Q11" s="260">
        <v>0</v>
      </c>
      <c r="R11" s="261">
        <v>75</v>
      </c>
      <c r="S11" s="261">
        <v>75</v>
      </c>
      <c r="T11" s="261">
        <v>119</v>
      </c>
      <c r="U11" s="261">
        <v>108</v>
      </c>
      <c r="V11" s="261">
        <v>113</v>
      </c>
      <c r="W11" s="258">
        <v>490</v>
      </c>
      <c r="X11" s="263">
        <v>490</v>
      </c>
    </row>
    <row r="12" spans="2:24" ht="21" customHeight="1" x14ac:dyDescent="0.2">
      <c r="B12" s="472" t="s">
        <v>9</v>
      </c>
      <c r="C12" s="261">
        <v>0</v>
      </c>
      <c r="D12" s="261">
        <v>0</v>
      </c>
      <c r="E12" s="258">
        <v>0</v>
      </c>
      <c r="F12" s="260">
        <v>0</v>
      </c>
      <c r="G12" s="261">
        <v>3138</v>
      </c>
      <c r="H12" s="261">
        <v>1949</v>
      </c>
      <c r="I12" s="261">
        <v>1774</v>
      </c>
      <c r="J12" s="261">
        <v>915</v>
      </c>
      <c r="K12" s="261">
        <v>304</v>
      </c>
      <c r="L12" s="258">
        <v>8080</v>
      </c>
      <c r="M12" s="263">
        <v>8080</v>
      </c>
      <c r="N12" s="261">
        <v>0</v>
      </c>
      <c r="O12" s="261">
        <v>0</v>
      </c>
      <c r="P12" s="258">
        <v>0</v>
      </c>
      <c r="Q12" s="260">
        <v>0</v>
      </c>
      <c r="R12" s="261">
        <v>32</v>
      </c>
      <c r="S12" s="261">
        <v>38</v>
      </c>
      <c r="T12" s="261">
        <v>72</v>
      </c>
      <c r="U12" s="261">
        <v>7</v>
      </c>
      <c r="V12" s="261">
        <v>68</v>
      </c>
      <c r="W12" s="258">
        <v>217</v>
      </c>
      <c r="X12" s="263">
        <v>217</v>
      </c>
    </row>
    <row r="13" spans="2:24" ht="21" customHeight="1" x14ac:dyDescent="0.2">
      <c r="B13" s="472" t="s">
        <v>10</v>
      </c>
      <c r="C13" s="261">
        <v>0</v>
      </c>
      <c r="D13" s="261">
        <v>0</v>
      </c>
      <c r="E13" s="258">
        <v>0</v>
      </c>
      <c r="F13" s="260">
        <v>0</v>
      </c>
      <c r="G13" s="261">
        <v>4057</v>
      </c>
      <c r="H13" s="261">
        <v>2305</v>
      </c>
      <c r="I13" s="261">
        <v>1267</v>
      </c>
      <c r="J13" s="261">
        <v>645</v>
      </c>
      <c r="K13" s="261">
        <v>205</v>
      </c>
      <c r="L13" s="258">
        <v>8479</v>
      </c>
      <c r="M13" s="263">
        <v>8479</v>
      </c>
      <c r="N13" s="261">
        <v>0</v>
      </c>
      <c r="O13" s="261">
        <v>4</v>
      </c>
      <c r="P13" s="258">
        <v>4</v>
      </c>
      <c r="Q13" s="260">
        <v>0</v>
      </c>
      <c r="R13" s="261">
        <v>54</v>
      </c>
      <c r="S13" s="261">
        <v>134</v>
      </c>
      <c r="T13" s="261">
        <v>276</v>
      </c>
      <c r="U13" s="261">
        <v>128</v>
      </c>
      <c r="V13" s="261">
        <v>124</v>
      </c>
      <c r="W13" s="258">
        <v>716</v>
      </c>
      <c r="X13" s="263">
        <v>720</v>
      </c>
    </row>
    <row r="14" spans="2:24" ht="21" customHeight="1" x14ac:dyDescent="0.2">
      <c r="B14" s="472" t="s">
        <v>11</v>
      </c>
      <c r="C14" s="261">
        <v>0</v>
      </c>
      <c r="D14" s="261">
        <v>0</v>
      </c>
      <c r="E14" s="258">
        <v>0</v>
      </c>
      <c r="F14" s="260">
        <v>0</v>
      </c>
      <c r="G14" s="261">
        <v>4198</v>
      </c>
      <c r="H14" s="261">
        <v>2668</v>
      </c>
      <c r="I14" s="261">
        <v>1731</v>
      </c>
      <c r="J14" s="261">
        <v>757</v>
      </c>
      <c r="K14" s="261">
        <v>374</v>
      </c>
      <c r="L14" s="258">
        <v>9728</v>
      </c>
      <c r="M14" s="263">
        <v>9728</v>
      </c>
      <c r="N14" s="261">
        <v>4</v>
      </c>
      <c r="O14" s="261">
        <v>0</v>
      </c>
      <c r="P14" s="258">
        <v>4</v>
      </c>
      <c r="Q14" s="260">
        <v>0</v>
      </c>
      <c r="R14" s="261">
        <v>144</v>
      </c>
      <c r="S14" s="261">
        <v>101</v>
      </c>
      <c r="T14" s="261">
        <v>164</v>
      </c>
      <c r="U14" s="261">
        <v>0</v>
      </c>
      <c r="V14" s="261">
        <v>8</v>
      </c>
      <c r="W14" s="258">
        <v>417</v>
      </c>
      <c r="X14" s="263">
        <v>421</v>
      </c>
    </row>
    <row r="15" spans="2:24" ht="21" customHeight="1" x14ac:dyDescent="0.2">
      <c r="B15" s="472" t="s">
        <v>12</v>
      </c>
      <c r="C15" s="261">
        <v>0</v>
      </c>
      <c r="D15" s="261">
        <v>0</v>
      </c>
      <c r="E15" s="258">
        <v>0</v>
      </c>
      <c r="F15" s="260">
        <v>0</v>
      </c>
      <c r="G15" s="261">
        <v>3116</v>
      </c>
      <c r="H15" s="261">
        <v>2077</v>
      </c>
      <c r="I15" s="261">
        <v>1385</v>
      </c>
      <c r="J15" s="261">
        <v>715</v>
      </c>
      <c r="K15" s="261">
        <v>248</v>
      </c>
      <c r="L15" s="258">
        <v>7541</v>
      </c>
      <c r="M15" s="263">
        <v>7541</v>
      </c>
      <c r="N15" s="261">
        <v>0</v>
      </c>
      <c r="O15" s="261">
        <v>0</v>
      </c>
      <c r="P15" s="258">
        <v>0</v>
      </c>
      <c r="Q15" s="260">
        <v>0</v>
      </c>
      <c r="R15" s="261">
        <v>29</v>
      </c>
      <c r="S15" s="261">
        <v>15</v>
      </c>
      <c r="T15" s="261">
        <v>12</v>
      </c>
      <c r="U15" s="261">
        <v>18</v>
      </c>
      <c r="V15" s="261">
        <v>12</v>
      </c>
      <c r="W15" s="258">
        <v>86</v>
      </c>
      <c r="X15" s="263">
        <v>86</v>
      </c>
    </row>
    <row r="16" spans="2:24" ht="21" customHeight="1" x14ac:dyDescent="0.2">
      <c r="B16" s="472" t="s">
        <v>13</v>
      </c>
      <c r="C16" s="261">
        <v>0</v>
      </c>
      <c r="D16" s="261">
        <v>0</v>
      </c>
      <c r="E16" s="258">
        <v>0</v>
      </c>
      <c r="F16" s="260">
        <v>0</v>
      </c>
      <c r="G16" s="261">
        <v>1179</v>
      </c>
      <c r="H16" s="261">
        <v>1015</v>
      </c>
      <c r="I16" s="261">
        <v>732</v>
      </c>
      <c r="J16" s="261">
        <v>264</v>
      </c>
      <c r="K16" s="261">
        <v>165</v>
      </c>
      <c r="L16" s="258">
        <v>3355</v>
      </c>
      <c r="M16" s="263">
        <v>3355</v>
      </c>
      <c r="N16" s="261">
        <v>0</v>
      </c>
      <c r="O16" s="261">
        <v>0</v>
      </c>
      <c r="P16" s="258">
        <v>0</v>
      </c>
      <c r="Q16" s="260">
        <v>0</v>
      </c>
      <c r="R16" s="261">
        <v>18</v>
      </c>
      <c r="S16" s="261">
        <v>56</v>
      </c>
      <c r="T16" s="261">
        <v>74</v>
      </c>
      <c r="U16" s="261">
        <v>44</v>
      </c>
      <c r="V16" s="261">
        <v>34</v>
      </c>
      <c r="W16" s="258">
        <v>226</v>
      </c>
      <c r="X16" s="263">
        <v>226</v>
      </c>
    </row>
    <row r="17" spans="2:24" ht="21" customHeight="1" x14ac:dyDescent="0.2">
      <c r="B17" s="472" t="s">
        <v>15</v>
      </c>
      <c r="C17" s="261">
        <v>0</v>
      </c>
      <c r="D17" s="261">
        <v>0</v>
      </c>
      <c r="E17" s="258">
        <v>0</v>
      </c>
      <c r="F17" s="260">
        <v>0</v>
      </c>
      <c r="G17" s="261">
        <v>1061</v>
      </c>
      <c r="H17" s="261">
        <v>1341</v>
      </c>
      <c r="I17" s="261">
        <v>770</v>
      </c>
      <c r="J17" s="261">
        <v>282</v>
      </c>
      <c r="K17" s="261">
        <v>124</v>
      </c>
      <c r="L17" s="258">
        <v>3578</v>
      </c>
      <c r="M17" s="263">
        <v>3578</v>
      </c>
      <c r="N17" s="261">
        <v>0</v>
      </c>
      <c r="O17" s="261">
        <v>0</v>
      </c>
      <c r="P17" s="258">
        <v>0</v>
      </c>
      <c r="Q17" s="260">
        <v>0</v>
      </c>
      <c r="R17" s="261">
        <v>36</v>
      </c>
      <c r="S17" s="261">
        <v>24</v>
      </c>
      <c r="T17" s="261">
        <v>59</v>
      </c>
      <c r="U17" s="261">
        <v>28</v>
      </c>
      <c r="V17" s="261">
        <v>31</v>
      </c>
      <c r="W17" s="258">
        <v>178</v>
      </c>
      <c r="X17" s="263">
        <v>178</v>
      </c>
    </row>
    <row r="18" spans="2:24" ht="21" customHeight="1" x14ac:dyDescent="0.2">
      <c r="B18" s="472" t="s">
        <v>16</v>
      </c>
      <c r="C18" s="261">
        <v>0</v>
      </c>
      <c r="D18" s="261">
        <v>0</v>
      </c>
      <c r="E18" s="258">
        <v>0</v>
      </c>
      <c r="F18" s="260">
        <v>0</v>
      </c>
      <c r="G18" s="261">
        <v>1363</v>
      </c>
      <c r="H18" s="261">
        <v>1329</v>
      </c>
      <c r="I18" s="261">
        <v>891</v>
      </c>
      <c r="J18" s="261">
        <v>446</v>
      </c>
      <c r="K18" s="261">
        <v>246</v>
      </c>
      <c r="L18" s="258">
        <v>4275</v>
      </c>
      <c r="M18" s="263">
        <v>4275</v>
      </c>
      <c r="N18" s="261">
        <v>0</v>
      </c>
      <c r="O18" s="261">
        <v>0</v>
      </c>
      <c r="P18" s="258">
        <v>0</v>
      </c>
      <c r="Q18" s="260">
        <v>0</v>
      </c>
      <c r="R18" s="261">
        <v>34</v>
      </c>
      <c r="S18" s="261">
        <v>123</v>
      </c>
      <c r="T18" s="261">
        <v>108</v>
      </c>
      <c r="U18" s="261">
        <v>29</v>
      </c>
      <c r="V18" s="261">
        <v>47</v>
      </c>
      <c r="W18" s="258">
        <v>341</v>
      </c>
      <c r="X18" s="263">
        <v>341</v>
      </c>
    </row>
    <row r="19" spans="2:24" ht="21" customHeight="1" x14ac:dyDescent="0.2">
      <c r="B19" s="472" t="s">
        <v>17</v>
      </c>
      <c r="C19" s="261">
        <v>0</v>
      </c>
      <c r="D19" s="261">
        <v>0</v>
      </c>
      <c r="E19" s="258">
        <v>0</v>
      </c>
      <c r="F19" s="260">
        <v>0</v>
      </c>
      <c r="G19" s="261">
        <v>2128</v>
      </c>
      <c r="H19" s="261">
        <v>2630</v>
      </c>
      <c r="I19" s="261">
        <v>1635</v>
      </c>
      <c r="J19" s="261">
        <v>1291</v>
      </c>
      <c r="K19" s="261">
        <v>653</v>
      </c>
      <c r="L19" s="258">
        <v>8337</v>
      </c>
      <c r="M19" s="263">
        <v>8337</v>
      </c>
      <c r="N19" s="261">
        <v>4</v>
      </c>
      <c r="O19" s="261">
        <v>11</v>
      </c>
      <c r="P19" s="258">
        <v>15</v>
      </c>
      <c r="Q19" s="260">
        <v>0</v>
      </c>
      <c r="R19" s="261">
        <v>155</v>
      </c>
      <c r="S19" s="261">
        <v>217</v>
      </c>
      <c r="T19" s="261">
        <v>93</v>
      </c>
      <c r="U19" s="261">
        <v>153</v>
      </c>
      <c r="V19" s="261">
        <v>58</v>
      </c>
      <c r="W19" s="258">
        <v>676</v>
      </c>
      <c r="X19" s="263">
        <v>691</v>
      </c>
    </row>
    <row r="20" spans="2:24" ht="21" customHeight="1" x14ac:dyDescent="0.2">
      <c r="B20" s="472" t="s">
        <v>18</v>
      </c>
      <c r="C20" s="261">
        <v>0</v>
      </c>
      <c r="D20" s="261">
        <v>0</v>
      </c>
      <c r="E20" s="258">
        <v>0</v>
      </c>
      <c r="F20" s="260">
        <v>0</v>
      </c>
      <c r="G20" s="261">
        <v>2274</v>
      </c>
      <c r="H20" s="261">
        <v>1587</v>
      </c>
      <c r="I20" s="261">
        <v>931</v>
      </c>
      <c r="J20" s="261">
        <v>418</v>
      </c>
      <c r="K20" s="261">
        <v>109</v>
      </c>
      <c r="L20" s="258">
        <v>5319</v>
      </c>
      <c r="M20" s="263">
        <v>5319</v>
      </c>
      <c r="N20" s="261">
        <v>0</v>
      </c>
      <c r="O20" s="261">
        <v>0</v>
      </c>
      <c r="P20" s="258">
        <v>0</v>
      </c>
      <c r="Q20" s="260">
        <v>0</v>
      </c>
      <c r="R20" s="261">
        <v>72</v>
      </c>
      <c r="S20" s="261">
        <v>57</v>
      </c>
      <c r="T20" s="261">
        <v>296</v>
      </c>
      <c r="U20" s="261">
        <v>188</v>
      </c>
      <c r="V20" s="261">
        <v>90</v>
      </c>
      <c r="W20" s="258">
        <v>703</v>
      </c>
      <c r="X20" s="263">
        <v>703</v>
      </c>
    </row>
    <row r="21" spans="2:24" ht="21" customHeight="1" x14ac:dyDescent="0.2">
      <c r="B21" s="472" t="s">
        <v>19</v>
      </c>
      <c r="C21" s="261">
        <v>0</v>
      </c>
      <c r="D21" s="261">
        <v>0</v>
      </c>
      <c r="E21" s="258">
        <v>0</v>
      </c>
      <c r="F21" s="260">
        <v>0</v>
      </c>
      <c r="G21" s="261">
        <v>1026</v>
      </c>
      <c r="H21" s="261">
        <v>926</v>
      </c>
      <c r="I21" s="261">
        <v>476</v>
      </c>
      <c r="J21" s="261">
        <v>260</v>
      </c>
      <c r="K21" s="261">
        <v>113</v>
      </c>
      <c r="L21" s="258">
        <v>2801</v>
      </c>
      <c r="M21" s="263">
        <v>2801</v>
      </c>
      <c r="N21" s="261">
        <v>0</v>
      </c>
      <c r="O21" s="261">
        <v>0</v>
      </c>
      <c r="P21" s="258">
        <v>0</v>
      </c>
      <c r="Q21" s="260">
        <v>0</v>
      </c>
      <c r="R21" s="261">
        <v>85</v>
      </c>
      <c r="S21" s="261">
        <v>160</v>
      </c>
      <c r="T21" s="261">
        <v>247</v>
      </c>
      <c r="U21" s="261">
        <v>35</v>
      </c>
      <c r="V21" s="261">
        <v>41</v>
      </c>
      <c r="W21" s="258">
        <v>568</v>
      </c>
      <c r="X21" s="263">
        <v>568</v>
      </c>
    </row>
    <row r="22" spans="2:24" ht="21" customHeight="1" x14ac:dyDescent="0.2">
      <c r="B22" s="472" t="s">
        <v>20</v>
      </c>
      <c r="C22" s="261">
        <v>0</v>
      </c>
      <c r="D22" s="261">
        <v>0</v>
      </c>
      <c r="E22" s="258">
        <v>0</v>
      </c>
      <c r="F22" s="260">
        <v>0</v>
      </c>
      <c r="G22" s="261">
        <v>1302</v>
      </c>
      <c r="H22" s="261">
        <v>739</v>
      </c>
      <c r="I22" s="261">
        <v>636</v>
      </c>
      <c r="J22" s="261">
        <v>160</v>
      </c>
      <c r="K22" s="261">
        <v>26</v>
      </c>
      <c r="L22" s="258">
        <v>2863</v>
      </c>
      <c r="M22" s="263">
        <v>2863</v>
      </c>
      <c r="N22" s="261">
        <v>0</v>
      </c>
      <c r="O22" s="261">
        <v>0</v>
      </c>
      <c r="P22" s="258">
        <v>0</v>
      </c>
      <c r="Q22" s="260">
        <v>0</v>
      </c>
      <c r="R22" s="261">
        <v>12</v>
      </c>
      <c r="S22" s="261">
        <v>3</v>
      </c>
      <c r="T22" s="261">
        <v>22</v>
      </c>
      <c r="U22" s="261">
        <v>0</v>
      </c>
      <c r="V22" s="261">
        <v>26</v>
      </c>
      <c r="W22" s="258">
        <v>63</v>
      </c>
      <c r="X22" s="263">
        <v>63</v>
      </c>
    </row>
    <row r="23" spans="2:24" ht="21" customHeight="1" x14ac:dyDescent="0.2">
      <c r="B23" s="472" t="s">
        <v>21</v>
      </c>
      <c r="C23" s="261">
        <v>0</v>
      </c>
      <c r="D23" s="261">
        <v>0</v>
      </c>
      <c r="E23" s="258">
        <v>0</v>
      </c>
      <c r="F23" s="260">
        <v>0</v>
      </c>
      <c r="G23" s="261">
        <v>1357</v>
      </c>
      <c r="H23" s="261">
        <v>1399</v>
      </c>
      <c r="I23" s="261">
        <v>729</v>
      </c>
      <c r="J23" s="261">
        <v>329</v>
      </c>
      <c r="K23" s="261">
        <v>90</v>
      </c>
      <c r="L23" s="258">
        <v>3904</v>
      </c>
      <c r="M23" s="263">
        <v>3904</v>
      </c>
      <c r="N23" s="261">
        <v>0</v>
      </c>
      <c r="O23" s="261">
        <v>0</v>
      </c>
      <c r="P23" s="258">
        <v>0</v>
      </c>
      <c r="Q23" s="260">
        <v>0</v>
      </c>
      <c r="R23" s="261">
        <v>0</v>
      </c>
      <c r="S23" s="261">
        <v>0</v>
      </c>
      <c r="T23" s="261">
        <v>0</v>
      </c>
      <c r="U23" s="261">
        <v>12</v>
      </c>
      <c r="V23" s="261">
        <v>0</v>
      </c>
      <c r="W23" s="258">
        <v>12</v>
      </c>
      <c r="X23" s="263">
        <v>12</v>
      </c>
    </row>
    <row r="24" spans="2:24" ht="21" customHeight="1" x14ac:dyDescent="0.2">
      <c r="B24" s="472" t="s">
        <v>22</v>
      </c>
      <c r="C24" s="261">
        <v>0</v>
      </c>
      <c r="D24" s="261">
        <v>0</v>
      </c>
      <c r="E24" s="258">
        <v>0</v>
      </c>
      <c r="F24" s="260">
        <v>0</v>
      </c>
      <c r="G24" s="261">
        <v>994</v>
      </c>
      <c r="H24" s="261">
        <v>744</v>
      </c>
      <c r="I24" s="261">
        <v>403</v>
      </c>
      <c r="J24" s="261">
        <v>320</v>
      </c>
      <c r="K24" s="261">
        <v>63</v>
      </c>
      <c r="L24" s="258">
        <v>2524</v>
      </c>
      <c r="M24" s="263">
        <v>2524</v>
      </c>
      <c r="N24" s="261">
        <v>0</v>
      </c>
      <c r="O24" s="261">
        <v>0</v>
      </c>
      <c r="P24" s="258">
        <v>0</v>
      </c>
      <c r="Q24" s="260">
        <v>0</v>
      </c>
      <c r="R24" s="261">
        <v>26</v>
      </c>
      <c r="S24" s="261">
        <v>36</v>
      </c>
      <c r="T24" s="261">
        <v>70</v>
      </c>
      <c r="U24" s="261">
        <v>18</v>
      </c>
      <c r="V24" s="261">
        <v>44</v>
      </c>
      <c r="W24" s="258">
        <v>194</v>
      </c>
      <c r="X24" s="263">
        <v>194</v>
      </c>
    </row>
    <row r="25" spans="2:24" ht="21" customHeight="1" x14ac:dyDescent="0.2">
      <c r="B25" s="472" t="s">
        <v>23</v>
      </c>
      <c r="C25" s="261">
        <v>0</v>
      </c>
      <c r="D25" s="261">
        <v>0</v>
      </c>
      <c r="E25" s="258">
        <v>0</v>
      </c>
      <c r="F25" s="260">
        <v>0</v>
      </c>
      <c r="G25" s="261">
        <v>375</v>
      </c>
      <c r="H25" s="261">
        <v>410</v>
      </c>
      <c r="I25" s="261">
        <v>262</v>
      </c>
      <c r="J25" s="261">
        <v>179</v>
      </c>
      <c r="K25" s="261">
        <v>130</v>
      </c>
      <c r="L25" s="258">
        <v>1356</v>
      </c>
      <c r="M25" s="263">
        <v>1356</v>
      </c>
      <c r="N25" s="261">
        <v>0</v>
      </c>
      <c r="O25" s="261">
        <v>0</v>
      </c>
      <c r="P25" s="258">
        <v>0</v>
      </c>
      <c r="Q25" s="260">
        <v>0</v>
      </c>
      <c r="R25" s="261">
        <v>0</v>
      </c>
      <c r="S25" s="261">
        <v>0</v>
      </c>
      <c r="T25" s="261">
        <v>22</v>
      </c>
      <c r="U25" s="261">
        <v>0</v>
      </c>
      <c r="V25" s="261">
        <v>0</v>
      </c>
      <c r="W25" s="258">
        <v>22</v>
      </c>
      <c r="X25" s="263">
        <v>22</v>
      </c>
    </row>
    <row r="26" spans="2:24" ht="21" customHeight="1" x14ac:dyDescent="0.2">
      <c r="B26" s="472" t="s">
        <v>24</v>
      </c>
      <c r="C26" s="261">
        <v>0</v>
      </c>
      <c r="D26" s="261">
        <v>0</v>
      </c>
      <c r="E26" s="258">
        <v>0</v>
      </c>
      <c r="F26" s="260">
        <v>0</v>
      </c>
      <c r="G26" s="261">
        <v>244</v>
      </c>
      <c r="H26" s="261">
        <v>166</v>
      </c>
      <c r="I26" s="261">
        <v>145</v>
      </c>
      <c r="J26" s="261">
        <v>31</v>
      </c>
      <c r="K26" s="261">
        <v>29</v>
      </c>
      <c r="L26" s="258">
        <v>615</v>
      </c>
      <c r="M26" s="263">
        <v>615</v>
      </c>
      <c r="N26" s="261">
        <v>0</v>
      </c>
      <c r="O26" s="261">
        <v>0</v>
      </c>
      <c r="P26" s="258">
        <v>0</v>
      </c>
      <c r="Q26" s="260">
        <v>0</v>
      </c>
      <c r="R26" s="261">
        <v>64</v>
      </c>
      <c r="S26" s="261">
        <v>44</v>
      </c>
      <c r="T26" s="261">
        <v>60</v>
      </c>
      <c r="U26" s="261">
        <v>12</v>
      </c>
      <c r="V26" s="261">
        <v>11</v>
      </c>
      <c r="W26" s="258">
        <v>191</v>
      </c>
      <c r="X26" s="263">
        <v>191</v>
      </c>
    </row>
    <row r="27" spans="2:24" ht="21" customHeight="1" x14ac:dyDescent="0.2">
      <c r="B27" s="472" t="s">
        <v>25</v>
      </c>
      <c r="C27" s="261">
        <v>0</v>
      </c>
      <c r="D27" s="261">
        <v>0</v>
      </c>
      <c r="E27" s="258">
        <v>0</v>
      </c>
      <c r="F27" s="260">
        <v>0</v>
      </c>
      <c r="G27" s="261">
        <v>708</v>
      </c>
      <c r="H27" s="261">
        <v>259</v>
      </c>
      <c r="I27" s="261">
        <v>147</v>
      </c>
      <c r="J27" s="261">
        <v>52</v>
      </c>
      <c r="K27" s="261">
        <v>4</v>
      </c>
      <c r="L27" s="258">
        <v>1170</v>
      </c>
      <c r="M27" s="263">
        <v>1170</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96</v>
      </c>
      <c r="H28" s="261">
        <v>367</v>
      </c>
      <c r="I28" s="261">
        <v>296</v>
      </c>
      <c r="J28" s="261">
        <v>62</v>
      </c>
      <c r="K28" s="261">
        <v>66</v>
      </c>
      <c r="L28" s="258">
        <v>1187</v>
      </c>
      <c r="M28" s="263">
        <v>1187</v>
      </c>
      <c r="N28" s="261">
        <v>0</v>
      </c>
      <c r="O28" s="261">
        <v>0</v>
      </c>
      <c r="P28" s="258">
        <v>0</v>
      </c>
      <c r="Q28" s="260">
        <v>0</v>
      </c>
      <c r="R28" s="261">
        <v>3</v>
      </c>
      <c r="S28" s="261">
        <v>23</v>
      </c>
      <c r="T28" s="261">
        <v>67</v>
      </c>
      <c r="U28" s="261">
        <v>39</v>
      </c>
      <c r="V28" s="261">
        <v>13</v>
      </c>
      <c r="W28" s="258">
        <v>145</v>
      </c>
      <c r="X28" s="263">
        <v>145</v>
      </c>
    </row>
    <row r="29" spans="2:24" ht="21" customHeight="1" x14ac:dyDescent="0.2">
      <c r="B29" s="472" t="s">
        <v>27</v>
      </c>
      <c r="C29" s="261">
        <v>0</v>
      </c>
      <c r="D29" s="261">
        <v>0</v>
      </c>
      <c r="E29" s="258">
        <v>0</v>
      </c>
      <c r="F29" s="260">
        <v>0</v>
      </c>
      <c r="G29" s="261">
        <v>261</v>
      </c>
      <c r="H29" s="261">
        <v>120</v>
      </c>
      <c r="I29" s="261">
        <v>60</v>
      </c>
      <c r="J29" s="261">
        <v>13</v>
      </c>
      <c r="K29" s="261">
        <v>0</v>
      </c>
      <c r="L29" s="258">
        <v>454</v>
      </c>
      <c r="M29" s="263">
        <v>454</v>
      </c>
      <c r="N29" s="261">
        <v>0</v>
      </c>
      <c r="O29" s="261">
        <v>0</v>
      </c>
      <c r="P29" s="258">
        <v>0</v>
      </c>
      <c r="Q29" s="260">
        <v>0</v>
      </c>
      <c r="R29" s="261">
        <v>29</v>
      </c>
      <c r="S29" s="261">
        <v>3</v>
      </c>
      <c r="T29" s="261">
        <v>6</v>
      </c>
      <c r="U29" s="261">
        <v>21</v>
      </c>
      <c r="V29" s="261">
        <v>23</v>
      </c>
      <c r="W29" s="258">
        <v>82</v>
      </c>
      <c r="X29" s="263">
        <v>82</v>
      </c>
    </row>
    <row r="30" spans="2:24" ht="21" customHeight="1" x14ac:dyDescent="0.2">
      <c r="B30" s="472" t="s">
        <v>28</v>
      </c>
      <c r="C30" s="261">
        <v>0</v>
      </c>
      <c r="D30" s="261">
        <v>0</v>
      </c>
      <c r="E30" s="258">
        <v>0</v>
      </c>
      <c r="F30" s="260">
        <v>0</v>
      </c>
      <c r="G30" s="261">
        <v>159</v>
      </c>
      <c r="H30" s="261">
        <v>118</v>
      </c>
      <c r="I30" s="261">
        <v>9</v>
      </c>
      <c r="J30" s="261">
        <v>26</v>
      </c>
      <c r="K30" s="261">
        <v>5</v>
      </c>
      <c r="L30" s="258">
        <v>317</v>
      </c>
      <c r="M30" s="263">
        <v>317</v>
      </c>
      <c r="N30" s="261">
        <v>0</v>
      </c>
      <c r="O30" s="261">
        <v>0</v>
      </c>
      <c r="P30" s="258">
        <v>0</v>
      </c>
      <c r="Q30" s="260">
        <v>0</v>
      </c>
      <c r="R30" s="261">
        <v>8</v>
      </c>
      <c r="S30" s="261">
        <v>10</v>
      </c>
      <c r="T30" s="261">
        <v>2</v>
      </c>
      <c r="U30" s="261">
        <v>23</v>
      </c>
      <c r="V30" s="261">
        <v>0</v>
      </c>
      <c r="W30" s="258">
        <v>43</v>
      </c>
      <c r="X30" s="263">
        <v>43</v>
      </c>
    </row>
    <row r="31" spans="2:24" ht="21" customHeight="1" x14ac:dyDescent="0.2">
      <c r="B31" s="472" t="s">
        <v>29</v>
      </c>
      <c r="C31" s="261">
        <v>0</v>
      </c>
      <c r="D31" s="261">
        <v>0</v>
      </c>
      <c r="E31" s="258">
        <v>0</v>
      </c>
      <c r="F31" s="260">
        <v>0</v>
      </c>
      <c r="G31" s="261">
        <v>158</v>
      </c>
      <c r="H31" s="261">
        <v>150</v>
      </c>
      <c r="I31" s="261">
        <v>64</v>
      </c>
      <c r="J31" s="261">
        <v>27</v>
      </c>
      <c r="K31" s="261">
        <v>0</v>
      </c>
      <c r="L31" s="258">
        <v>399</v>
      </c>
      <c r="M31" s="263">
        <v>399</v>
      </c>
      <c r="N31" s="261">
        <v>0</v>
      </c>
      <c r="O31" s="261">
        <v>0</v>
      </c>
      <c r="P31" s="258">
        <v>0</v>
      </c>
      <c r="Q31" s="260">
        <v>0</v>
      </c>
      <c r="R31" s="261">
        <v>9</v>
      </c>
      <c r="S31" s="261">
        <v>1</v>
      </c>
      <c r="T31" s="261">
        <v>12</v>
      </c>
      <c r="U31" s="261">
        <v>4</v>
      </c>
      <c r="V31" s="261">
        <v>0</v>
      </c>
      <c r="W31" s="258">
        <v>26</v>
      </c>
      <c r="X31" s="263">
        <v>26</v>
      </c>
    </row>
    <row r="32" spans="2:24" ht="21" customHeight="1" x14ac:dyDescent="0.2">
      <c r="B32" s="472" t="s">
        <v>30</v>
      </c>
      <c r="C32" s="261">
        <v>0</v>
      </c>
      <c r="D32" s="261">
        <v>0</v>
      </c>
      <c r="E32" s="258">
        <v>0</v>
      </c>
      <c r="F32" s="260">
        <v>0</v>
      </c>
      <c r="G32" s="261">
        <v>214</v>
      </c>
      <c r="H32" s="261">
        <v>70</v>
      </c>
      <c r="I32" s="261">
        <v>107</v>
      </c>
      <c r="J32" s="261">
        <v>74</v>
      </c>
      <c r="K32" s="261">
        <v>3</v>
      </c>
      <c r="L32" s="258">
        <v>468</v>
      </c>
      <c r="M32" s="263">
        <v>468</v>
      </c>
      <c r="N32" s="261">
        <v>4</v>
      </c>
      <c r="O32" s="261">
        <v>0</v>
      </c>
      <c r="P32" s="258">
        <v>4</v>
      </c>
      <c r="Q32" s="260">
        <v>0</v>
      </c>
      <c r="R32" s="261">
        <v>17</v>
      </c>
      <c r="S32" s="261">
        <v>4</v>
      </c>
      <c r="T32" s="261">
        <v>13</v>
      </c>
      <c r="U32" s="261">
        <v>0</v>
      </c>
      <c r="V32" s="261">
        <v>0</v>
      </c>
      <c r="W32" s="258">
        <v>34</v>
      </c>
      <c r="X32" s="263">
        <v>38</v>
      </c>
    </row>
    <row r="33" spans="2:24" ht="21" customHeight="1" x14ac:dyDescent="0.2">
      <c r="B33" s="472" t="s">
        <v>31</v>
      </c>
      <c r="C33" s="261">
        <v>0</v>
      </c>
      <c r="D33" s="261">
        <v>0</v>
      </c>
      <c r="E33" s="258">
        <v>0</v>
      </c>
      <c r="F33" s="260">
        <v>0</v>
      </c>
      <c r="G33" s="261">
        <v>195</v>
      </c>
      <c r="H33" s="261">
        <v>86</v>
      </c>
      <c r="I33" s="261">
        <v>56</v>
      </c>
      <c r="J33" s="261">
        <v>27</v>
      </c>
      <c r="K33" s="261">
        <v>0</v>
      </c>
      <c r="L33" s="258">
        <v>364</v>
      </c>
      <c r="M33" s="263">
        <v>364</v>
      </c>
      <c r="N33" s="261">
        <v>0</v>
      </c>
      <c r="O33" s="261">
        <v>0</v>
      </c>
      <c r="P33" s="258">
        <v>0</v>
      </c>
      <c r="Q33" s="260">
        <v>0</v>
      </c>
      <c r="R33" s="261">
        <v>0</v>
      </c>
      <c r="S33" s="261">
        <v>0</v>
      </c>
      <c r="T33" s="261">
        <v>0</v>
      </c>
      <c r="U33" s="261">
        <v>17</v>
      </c>
      <c r="V33" s="261">
        <v>18</v>
      </c>
      <c r="W33" s="258">
        <v>35</v>
      </c>
      <c r="X33" s="263">
        <v>35</v>
      </c>
    </row>
    <row r="34" spans="2:24" ht="21" customHeight="1" x14ac:dyDescent="0.2">
      <c r="B34" s="472" t="s">
        <v>32</v>
      </c>
      <c r="C34" s="261">
        <v>0</v>
      </c>
      <c r="D34" s="261">
        <v>0</v>
      </c>
      <c r="E34" s="258">
        <v>0</v>
      </c>
      <c r="F34" s="260">
        <v>0</v>
      </c>
      <c r="G34" s="261">
        <v>280</v>
      </c>
      <c r="H34" s="261">
        <v>246</v>
      </c>
      <c r="I34" s="261">
        <v>118</v>
      </c>
      <c r="J34" s="261">
        <v>30</v>
      </c>
      <c r="K34" s="261">
        <v>18</v>
      </c>
      <c r="L34" s="258">
        <v>692</v>
      </c>
      <c r="M34" s="263">
        <v>692</v>
      </c>
      <c r="N34" s="261">
        <v>0</v>
      </c>
      <c r="O34" s="261">
        <v>0</v>
      </c>
      <c r="P34" s="258">
        <v>0</v>
      </c>
      <c r="Q34" s="260">
        <v>0</v>
      </c>
      <c r="R34" s="261">
        <v>49</v>
      </c>
      <c r="S34" s="261">
        <v>9</v>
      </c>
      <c r="T34" s="261">
        <v>18</v>
      </c>
      <c r="U34" s="261">
        <v>0</v>
      </c>
      <c r="V34" s="261">
        <v>12</v>
      </c>
      <c r="W34" s="258">
        <v>88</v>
      </c>
      <c r="X34" s="263">
        <v>88</v>
      </c>
    </row>
    <row r="35" spans="2:24" ht="21" customHeight="1" x14ac:dyDescent="0.2">
      <c r="B35" s="472" t="s">
        <v>33</v>
      </c>
      <c r="C35" s="261">
        <v>0</v>
      </c>
      <c r="D35" s="261">
        <v>0</v>
      </c>
      <c r="E35" s="258">
        <v>0</v>
      </c>
      <c r="F35" s="260">
        <v>0</v>
      </c>
      <c r="G35" s="261">
        <v>193</v>
      </c>
      <c r="H35" s="261">
        <v>104</v>
      </c>
      <c r="I35" s="261">
        <v>68</v>
      </c>
      <c r="J35" s="261">
        <v>9</v>
      </c>
      <c r="K35" s="261">
        <v>17</v>
      </c>
      <c r="L35" s="258">
        <v>391</v>
      </c>
      <c r="M35" s="263">
        <v>391</v>
      </c>
      <c r="N35" s="261">
        <v>0</v>
      </c>
      <c r="O35" s="261">
        <v>0</v>
      </c>
      <c r="P35" s="258">
        <v>0</v>
      </c>
      <c r="Q35" s="260">
        <v>0</v>
      </c>
      <c r="R35" s="261">
        <v>0</v>
      </c>
      <c r="S35" s="261">
        <v>0</v>
      </c>
      <c r="T35" s="261">
        <v>0</v>
      </c>
      <c r="U35" s="261">
        <v>2</v>
      </c>
      <c r="V35" s="261">
        <v>0</v>
      </c>
      <c r="W35" s="258">
        <v>2</v>
      </c>
      <c r="X35" s="263">
        <v>2</v>
      </c>
    </row>
    <row r="36" spans="2:24" ht="21" customHeight="1" x14ac:dyDescent="0.2">
      <c r="B36" s="472" t="s">
        <v>34</v>
      </c>
      <c r="C36" s="261">
        <v>0</v>
      </c>
      <c r="D36" s="261">
        <v>0</v>
      </c>
      <c r="E36" s="258">
        <v>0</v>
      </c>
      <c r="F36" s="260">
        <v>0</v>
      </c>
      <c r="G36" s="261">
        <v>108</v>
      </c>
      <c r="H36" s="261">
        <v>63</v>
      </c>
      <c r="I36" s="261">
        <v>29</v>
      </c>
      <c r="J36" s="261">
        <v>19</v>
      </c>
      <c r="K36" s="261">
        <v>4</v>
      </c>
      <c r="L36" s="258">
        <v>223</v>
      </c>
      <c r="M36" s="263">
        <v>223</v>
      </c>
      <c r="N36" s="261">
        <v>0</v>
      </c>
      <c r="O36" s="261">
        <v>0</v>
      </c>
      <c r="P36" s="258">
        <v>0</v>
      </c>
      <c r="Q36" s="260">
        <v>0</v>
      </c>
      <c r="R36" s="261">
        <v>0</v>
      </c>
      <c r="S36" s="261">
        <v>0</v>
      </c>
      <c r="T36" s="261">
        <v>0</v>
      </c>
      <c r="U36" s="261">
        <v>0</v>
      </c>
      <c r="V36" s="261">
        <v>7</v>
      </c>
      <c r="W36" s="258">
        <v>7</v>
      </c>
      <c r="X36" s="263">
        <v>7</v>
      </c>
    </row>
    <row r="37" spans="2:24" ht="21" customHeight="1" x14ac:dyDescent="0.2">
      <c r="B37" s="472" t="s">
        <v>35</v>
      </c>
      <c r="C37" s="261">
        <v>0</v>
      </c>
      <c r="D37" s="261">
        <v>0</v>
      </c>
      <c r="E37" s="258">
        <v>0</v>
      </c>
      <c r="F37" s="260">
        <v>0</v>
      </c>
      <c r="G37" s="261">
        <v>173</v>
      </c>
      <c r="H37" s="261">
        <v>187</v>
      </c>
      <c r="I37" s="261">
        <v>90</v>
      </c>
      <c r="J37" s="261">
        <v>135</v>
      </c>
      <c r="K37" s="261">
        <v>63</v>
      </c>
      <c r="L37" s="258">
        <v>648</v>
      </c>
      <c r="M37" s="263">
        <v>648</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505</v>
      </c>
      <c r="H38" s="261">
        <v>402</v>
      </c>
      <c r="I38" s="261">
        <v>496</v>
      </c>
      <c r="J38" s="261">
        <v>286</v>
      </c>
      <c r="K38" s="261">
        <v>221</v>
      </c>
      <c r="L38" s="258">
        <v>1910</v>
      </c>
      <c r="M38" s="263">
        <v>1910</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105</v>
      </c>
      <c r="H39" s="268">
        <v>74</v>
      </c>
      <c r="I39" s="268">
        <v>74</v>
      </c>
      <c r="J39" s="268">
        <v>16</v>
      </c>
      <c r="K39" s="268">
        <v>25</v>
      </c>
      <c r="L39" s="265">
        <v>294</v>
      </c>
      <c r="M39" s="270">
        <v>294</v>
      </c>
      <c r="N39" s="268">
        <v>0</v>
      </c>
      <c r="O39" s="268">
        <v>0</v>
      </c>
      <c r="P39" s="265">
        <v>0</v>
      </c>
      <c r="Q39" s="267">
        <v>0</v>
      </c>
      <c r="R39" s="268">
        <v>4</v>
      </c>
      <c r="S39" s="268">
        <v>0</v>
      </c>
      <c r="T39" s="268">
        <v>0</v>
      </c>
      <c r="U39" s="268">
        <v>19</v>
      </c>
      <c r="V39" s="268">
        <v>16</v>
      </c>
      <c r="W39" s="265">
        <v>39</v>
      </c>
      <c r="X39" s="270">
        <v>39</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499">
        <f>第１表!F2</f>
        <v>5</v>
      </c>
      <c r="I1" s="499"/>
      <c r="J1" s="235">
        <f>第１表!G2</f>
        <v>9</v>
      </c>
      <c r="K1" s="504">
        <f>IF(J1&lt;3,J1+12-2,J1-2)</f>
        <v>7</v>
      </c>
      <c r="L1" s="504"/>
    </row>
    <row r="2" spans="2:24" ht="24" customHeight="1" thickBot="1" x14ac:dyDescent="0.25">
      <c r="B2" s="271" t="s">
        <v>134</v>
      </c>
    </row>
    <row r="3" spans="2:24" ht="21" customHeight="1" x14ac:dyDescent="0.2">
      <c r="B3" s="507"/>
      <c r="C3" s="508" t="s">
        <v>142</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6703</v>
      </c>
      <c r="H6" s="254">
        <v>5910</v>
      </c>
      <c r="I6" s="254">
        <v>3527</v>
      </c>
      <c r="J6" s="254">
        <v>1413</v>
      </c>
      <c r="K6" s="254">
        <v>907</v>
      </c>
      <c r="L6" s="251">
        <v>18460</v>
      </c>
      <c r="M6" s="256">
        <v>18460</v>
      </c>
      <c r="N6" s="254">
        <v>8</v>
      </c>
      <c r="O6" s="254">
        <v>3</v>
      </c>
      <c r="P6" s="251">
        <v>11</v>
      </c>
      <c r="Q6" s="253">
        <v>0</v>
      </c>
      <c r="R6" s="254">
        <v>594</v>
      </c>
      <c r="S6" s="254">
        <v>639</v>
      </c>
      <c r="T6" s="254">
        <v>837</v>
      </c>
      <c r="U6" s="254">
        <v>359</v>
      </c>
      <c r="V6" s="254">
        <v>259</v>
      </c>
      <c r="W6" s="251">
        <v>2688</v>
      </c>
      <c r="X6" s="256">
        <v>2699</v>
      </c>
    </row>
    <row r="7" spans="2:24" ht="21" customHeight="1" x14ac:dyDescent="0.2">
      <c r="B7" s="471" t="s">
        <v>5</v>
      </c>
      <c r="C7" s="261">
        <v>0</v>
      </c>
      <c r="D7" s="261">
        <v>0</v>
      </c>
      <c r="E7" s="258">
        <v>0</v>
      </c>
      <c r="F7" s="260">
        <v>0</v>
      </c>
      <c r="G7" s="261">
        <v>2810</v>
      </c>
      <c r="H7" s="261">
        <v>2865</v>
      </c>
      <c r="I7" s="261">
        <v>1616</v>
      </c>
      <c r="J7" s="261">
        <v>685</v>
      </c>
      <c r="K7" s="261">
        <v>562</v>
      </c>
      <c r="L7" s="258">
        <v>8538</v>
      </c>
      <c r="M7" s="263">
        <v>8538</v>
      </c>
      <c r="N7" s="261">
        <v>0</v>
      </c>
      <c r="O7" s="261">
        <v>0</v>
      </c>
      <c r="P7" s="258">
        <v>0</v>
      </c>
      <c r="Q7" s="260">
        <v>0</v>
      </c>
      <c r="R7" s="261">
        <v>307</v>
      </c>
      <c r="S7" s="261">
        <v>258</v>
      </c>
      <c r="T7" s="261">
        <v>533</v>
      </c>
      <c r="U7" s="261">
        <v>170</v>
      </c>
      <c r="V7" s="261">
        <v>151</v>
      </c>
      <c r="W7" s="258">
        <v>1419</v>
      </c>
      <c r="X7" s="263">
        <v>1419</v>
      </c>
    </row>
    <row r="8" spans="2:24" ht="21" customHeight="1" x14ac:dyDescent="0.2">
      <c r="B8" s="472" t="s">
        <v>6</v>
      </c>
      <c r="C8" s="261">
        <v>0</v>
      </c>
      <c r="D8" s="261">
        <v>0</v>
      </c>
      <c r="E8" s="258">
        <v>0</v>
      </c>
      <c r="F8" s="260">
        <v>0</v>
      </c>
      <c r="G8" s="261">
        <v>689</v>
      </c>
      <c r="H8" s="261">
        <v>482</v>
      </c>
      <c r="I8" s="261">
        <v>256</v>
      </c>
      <c r="J8" s="261">
        <v>223</v>
      </c>
      <c r="K8" s="261">
        <v>63</v>
      </c>
      <c r="L8" s="258">
        <v>1713</v>
      </c>
      <c r="M8" s="263">
        <v>1713</v>
      </c>
      <c r="N8" s="261">
        <v>0</v>
      </c>
      <c r="O8" s="261">
        <v>3</v>
      </c>
      <c r="P8" s="258">
        <v>3</v>
      </c>
      <c r="Q8" s="260">
        <v>0</v>
      </c>
      <c r="R8" s="261">
        <v>120</v>
      </c>
      <c r="S8" s="261">
        <v>152</v>
      </c>
      <c r="T8" s="261">
        <v>97</v>
      </c>
      <c r="U8" s="261">
        <v>38</v>
      </c>
      <c r="V8" s="261">
        <v>62</v>
      </c>
      <c r="W8" s="258">
        <v>469</v>
      </c>
      <c r="X8" s="263">
        <v>472</v>
      </c>
    </row>
    <row r="9" spans="2:24" ht="21" customHeight="1" x14ac:dyDescent="0.2">
      <c r="B9" s="472" t="s">
        <v>14</v>
      </c>
      <c r="C9" s="261">
        <v>0</v>
      </c>
      <c r="D9" s="261">
        <v>0</v>
      </c>
      <c r="E9" s="258">
        <v>0</v>
      </c>
      <c r="F9" s="260">
        <v>0</v>
      </c>
      <c r="G9" s="261">
        <v>501</v>
      </c>
      <c r="H9" s="261">
        <v>579</v>
      </c>
      <c r="I9" s="261">
        <v>398</v>
      </c>
      <c r="J9" s="261">
        <v>129</v>
      </c>
      <c r="K9" s="261">
        <v>99</v>
      </c>
      <c r="L9" s="258">
        <v>1706</v>
      </c>
      <c r="M9" s="263">
        <v>1706</v>
      </c>
      <c r="N9" s="261">
        <v>0</v>
      </c>
      <c r="O9" s="261">
        <v>0</v>
      </c>
      <c r="P9" s="258">
        <v>0</v>
      </c>
      <c r="Q9" s="260">
        <v>0</v>
      </c>
      <c r="R9" s="261">
        <v>0</v>
      </c>
      <c r="S9" s="261">
        <v>30</v>
      </c>
      <c r="T9" s="261">
        <v>15</v>
      </c>
      <c r="U9" s="261">
        <v>0</v>
      </c>
      <c r="V9" s="261">
        <v>0</v>
      </c>
      <c r="W9" s="258">
        <v>45</v>
      </c>
      <c r="X9" s="263">
        <v>45</v>
      </c>
    </row>
    <row r="10" spans="2:24" ht="21" customHeight="1" x14ac:dyDescent="0.2">
      <c r="B10" s="472" t="s">
        <v>7</v>
      </c>
      <c r="C10" s="261">
        <v>0</v>
      </c>
      <c r="D10" s="261">
        <v>0</v>
      </c>
      <c r="E10" s="258">
        <v>0</v>
      </c>
      <c r="F10" s="260">
        <v>0</v>
      </c>
      <c r="G10" s="261">
        <v>588</v>
      </c>
      <c r="H10" s="261">
        <v>386</v>
      </c>
      <c r="I10" s="261">
        <v>179</v>
      </c>
      <c r="J10" s="261">
        <v>31</v>
      </c>
      <c r="K10" s="261">
        <v>32</v>
      </c>
      <c r="L10" s="258">
        <v>1216</v>
      </c>
      <c r="M10" s="263">
        <v>1216</v>
      </c>
      <c r="N10" s="261">
        <v>0</v>
      </c>
      <c r="O10" s="261">
        <v>0</v>
      </c>
      <c r="P10" s="258">
        <v>0</v>
      </c>
      <c r="Q10" s="260">
        <v>0</v>
      </c>
      <c r="R10" s="261">
        <v>67</v>
      </c>
      <c r="S10" s="261">
        <v>106</v>
      </c>
      <c r="T10" s="261">
        <v>37</v>
      </c>
      <c r="U10" s="261">
        <v>34</v>
      </c>
      <c r="V10" s="261">
        <v>15</v>
      </c>
      <c r="W10" s="258">
        <v>259</v>
      </c>
      <c r="X10" s="263">
        <v>259</v>
      </c>
    </row>
    <row r="11" spans="2:24" ht="21" customHeight="1" x14ac:dyDescent="0.2">
      <c r="B11" s="472" t="s">
        <v>8</v>
      </c>
      <c r="C11" s="261">
        <v>0</v>
      </c>
      <c r="D11" s="261">
        <v>0</v>
      </c>
      <c r="E11" s="258">
        <v>0</v>
      </c>
      <c r="F11" s="260">
        <v>0</v>
      </c>
      <c r="G11" s="261">
        <v>242</v>
      </c>
      <c r="H11" s="261">
        <v>217</v>
      </c>
      <c r="I11" s="261">
        <v>131</v>
      </c>
      <c r="J11" s="261">
        <v>50</v>
      </c>
      <c r="K11" s="261">
        <v>31</v>
      </c>
      <c r="L11" s="258">
        <v>671</v>
      </c>
      <c r="M11" s="263">
        <v>671</v>
      </c>
      <c r="N11" s="261">
        <v>0</v>
      </c>
      <c r="O11" s="261">
        <v>0</v>
      </c>
      <c r="P11" s="258">
        <v>0</v>
      </c>
      <c r="Q11" s="260">
        <v>0</v>
      </c>
      <c r="R11" s="261">
        <v>9</v>
      </c>
      <c r="S11" s="261">
        <v>0</v>
      </c>
      <c r="T11" s="261">
        <v>0</v>
      </c>
      <c r="U11" s="261">
        <v>0</v>
      </c>
      <c r="V11" s="261">
        <v>1</v>
      </c>
      <c r="W11" s="258">
        <v>10</v>
      </c>
      <c r="X11" s="263">
        <v>10</v>
      </c>
    </row>
    <row r="12" spans="2:24" ht="21" customHeight="1" x14ac:dyDescent="0.2">
      <c r="B12" s="472" t="s">
        <v>9</v>
      </c>
      <c r="C12" s="261">
        <v>0</v>
      </c>
      <c r="D12" s="261">
        <v>0</v>
      </c>
      <c r="E12" s="258">
        <v>0</v>
      </c>
      <c r="F12" s="260">
        <v>0</v>
      </c>
      <c r="G12" s="261">
        <v>318</v>
      </c>
      <c r="H12" s="261">
        <v>185</v>
      </c>
      <c r="I12" s="261">
        <v>152</v>
      </c>
      <c r="J12" s="261">
        <v>45</v>
      </c>
      <c r="K12" s="261">
        <v>30</v>
      </c>
      <c r="L12" s="258">
        <v>730</v>
      </c>
      <c r="M12" s="263">
        <v>730</v>
      </c>
      <c r="N12" s="261">
        <v>0</v>
      </c>
      <c r="O12" s="261">
        <v>0</v>
      </c>
      <c r="P12" s="258">
        <v>0</v>
      </c>
      <c r="Q12" s="260">
        <v>0</v>
      </c>
      <c r="R12" s="261">
        <v>0</v>
      </c>
      <c r="S12" s="261">
        <v>0</v>
      </c>
      <c r="T12" s="261">
        <v>0</v>
      </c>
      <c r="U12" s="261">
        <v>0</v>
      </c>
      <c r="V12" s="261">
        <v>12</v>
      </c>
      <c r="W12" s="258">
        <v>12</v>
      </c>
      <c r="X12" s="263">
        <v>12</v>
      </c>
    </row>
    <row r="13" spans="2:24" ht="21" customHeight="1" x14ac:dyDescent="0.2">
      <c r="B13" s="472" t="s">
        <v>10</v>
      </c>
      <c r="C13" s="261">
        <v>0</v>
      </c>
      <c r="D13" s="261">
        <v>0</v>
      </c>
      <c r="E13" s="258">
        <v>0</v>
      </c>
      <c r="F13" s="260">
        <v>0</v>
      </c>
      <c r="G13" s="261">
        <v>289</v>
      </c>
      <c r="H13" s="261">
        <v>189</v>
      </c>
      <c r="I13" s="261">
        <v>85</v>
      </c>
      <c r="J13" s="261">
        <v>42</v>
      </c>
      <c r="K13" s="261">
        <v>2</v>
      </c>
      <c r="L13" s="258">
        <v>607</v>
      </c>
      <c r="M13" s="263">
        <v>607</v>
      </c>
      <c r="N13" s="261">
        <v>0</v>
      </c>
      <c r="O13" s="261">
        <v>0</v>
      </c>
      <c r="P13" s="258">
        <v>0</v>
      </c>
      <c r="Q13" s="260">
        <v>0</v>
      </c>
      <c r="R13" s="261">
        <v>33</v>
      </c>
      <c r="S13" s="261">
        <v>13</v>
      </c>
      <c r="T13" s="261">
        <v>16</v>
      </c>
      <c r="U13" s="261">
        <v>12</v>
      </c>
      <c r="V13" s="261">
        <v>15</v>
      </c>
      <c r="W13" s="258">
        <v>89</v>
      </c>
      <c r="X13" s="263">
        <v>89</v>
      </c>
    </row>
    <row r="14" spans="2:24" ht="21" customHeight="1" x14ac:dyDescent="0.2">
      <c r="B14" s="472" t="s">
        <v>11</v>
      </c>
      <c r="C14" s="261">
        <v>0</v>
      </c>
      <c r="D14" s="261">
        <v>0</v>
      </c>
      <c r="E14" s="258">
        <v>0</v>
      </c>
      <c r="F14" s="260">
        <v>0</v>
      </c>
      <c r="G14" s="261">
        <v>108</v>
      </c>
      <c r="H14" s="261">
        <v>57</v>
      </c>
      <c r="I14" s="261">
        <v>39</v>
      </c>
      <c r="J14" s="261">
        <v>23</v>
      </c>
      <c r="K14" s="261">
        <v>12</v>
      </c>
      <c r="L14" s="258">
        <v>239</v>
      </c>
      <c r="M14" s="263">
        <v>239</v>
      </c>
      <c r="N14" s="261">
        <v>4</v>
      </c>
      <c r="O14" s="261">
        <v>0</v>
      </c>
      <c r="P14" s="258">
        <v>4</v>
      </c>
      <c r="Q14" s="260">
        <v>0</v>
      </c>
      <c r="R14" s="261">
        <v>0</v>
      </c>
      <c r="S14" s="261">
        <v>30</v>
      </c>
      <c r="T14" s="261">
        <v>17</v>
      </c>
      <c r="U14" s="261">
        <v>0</v>
      </c>
      <c r="V14" s="261">
        <v>0</v>
      </c>
      <c r="W14" s="258">
        <v>47</v>
      </c>
      <c r="X14" s="263">
        <v>51</v>
      </c>
    </row>
    <row r="15" spans="2:24" ht="21" customHeight="1" x14ac:dyDescent="0.2">
      <c r="B15" s="472" t="s">
        <v>12</v>
      </c>
      <c r="C15" s="261">
        <v>0</v>
      </c>
      <c r="D15" s="261">
        <v>0</v>
      </c>
      <c r="E15" s="258">
        <v>0</v>
      </c>
      <c r="F15" s="260">
        <v>0</v>
      </c>
      <c r="G15" s="261">
        <v>203</v>
      </c>
      <c r="H15" s="261">
        <v>144</v>
      </c>
      <c r="I15" s="261">
        <v>101</v>
      </c>
      <c r="J15" s="261">
        <v>92</v>
      </c>
      <c r="K15" s="261">
        <v>8</v>
      </c>
      <c r="L15" s="258">
        <v>548</v>
      </c>
      <c r="M15" s="263">
        <v>548</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99</v>
      </c>
      <c r="H16" s="261">
        <v>82</v>
      </c>
      <c r="I16" s="261">
        <v>73</v>
      </c>
      <c r="J16" s="261">
        <v>9</v>
      </c>
      <c r="K16" s="261">
        <v>17</v>
      </c>
      <c r="L16" s="258">
        <v>280</v>
      </c>
      <c r="M16" s="263">
        <v>280</v>
      </c>
      <c r="N16" s="261">
        <v>0</v>
      </c>
      <c r="O16" s="261">
        <v>0</v>
      </c>
      <c r="P16" s="258">
        <v>0</v>
      </c>
      <c r="Q16" s="260">
        <v>0</v>
      </c>
      <c r="R16" s="261">
        <v>0</v>
      </c>
      <c r="S16" s="261">
        <v>15</v>
      </c>
      <c r="T16" s="261">
        <v>14</v>
      </c>
      <c r="U16" s="261">
        <v>4</v>
      </c>
      <c r="V16" s="261">
        <v>3</v>
      </c>
      <c r="W16" s="258">
        <v>36</v>
      </c>
      <c r="X16" s="263">
        <v>36</v>
      </c>
    </row>
    <row r="17" spans="2:24" ht="21" customHeight="1" x14ac:dyDescent="0.2">
      <c r="B17" s="472" t="s">
        <v>15</v>
      </c>
      <c r="C17" s="261">
        <v>0</v>
      </c>
      <c r="D17" s="261">
        <v>0</v>
      </c>
      <c r="E17" s="258">
        <v>0</v>
      </c>
      <c r="F17" s="260">
        <v>0</v>
      </c>
      <c r="G17" s="261">
        <v>51</v>
      </c>
      <c r="H17" s="261">
        <v>57</v>
      </c>
      <c r="I17" s="261">
        <v>41</v>
      </c>
      <c r="J17" s="261">
        <v>9</v>
      </c>
      <c r="K17" s="261">
        <v>16</v>
      </c>
      <c r="L17" s="258">
        <v>174</v>
      </c>
      <c r="M17" s="263">
        <v>174</v>
      </c>
      <c r="N17" s="261">
        <v>0</v>
      </c>
      <c r="O17" s="261">
        <v>0</v>
      </c>
      <c r="P17" s="258">
        <v>0</v>
      </c>
      <c r="Q17" s="260">
        <v>0</v>
      </c>
      <c r="R17" s="261">
        <v>4</v>
      </c>
      <c r="S17" s="261">
        <v>0</v>
      </c>
      <c r="T17" s="261">
        <v>0</v>
      </c>
      <c r="U17" s="261">
        <v>9</v>
      </c>
      <c r="V17" s="261">
        <v>0</v>
      </c>
      <c r="W17" s="258">
        <v>13</v>
      </c>
      <c r="X17" s="263">
        <v>13</v>
      </c>
    </row>
    <row r="18" spans="2:24" ht="21" customHeight="1" x14ac:dyDescent="0.2">
      <c r="B18" s="472" t="s">
        <v>16</v>
      </c>
      <c r="C18" s="261">
        <v>0</v>
      </c>
      <c r="D18" s="261">
        <v>0</v>
      </c>
      <c r="E18" s="258">
        <v>0</v>
      </c>
      <c r="F18" s="260">
        <v>0</v>
      </c>
      <c r="G18" s="261">
        <v>92</v>
      </c>
      <c r="H18" s="261">
        <v>86</v>
      </c>
      <c r="I18" s="261">
        <v>50</v>
      </c>
      <c r="J18" s="261">
        <v>10</v>
      </c>
      <c r="K18" s="261">
        <v>0</v>
      </c>
      <c r="L18" s="258">
        <v>238</v>
      </c>
      <c r="M18" s="263">
        <v>238</v>
      </c>
      <c r="N18" s="261">
        <v>0</v>
      </c>
      <c r="O18" s="261">
        <v>0</v>
      </c>
      <c r="P18" s="258">
        <v>0</v>
      </c>
      <c r="Q18" s="260">
        <v>0</v>
      </c>
      <c r="R18" s="261">
        <v>0</v>
      </c>
      <c r="S18" s="261">
        <v>0</v>
      </c>
      <c r="T18" s="261">
        <v>7</v>
      </c>
      <c r="U18" s="261">
        <v>0</v>
      </c>
      <c r="V18" s="261">
        <v>0</v>
      </c>
      <c r="W18" s="258">
        <v>7</v>
      </c>
      <c r="X18" s="263">
        <v>7</v>
      </c>
    </row>
    <row r="19" spans="2:24" ht="21" customHeight="1" x14ac:dyDescent="0.2">
      <c r="B19" s="472" t="s">
        <v>17</v>
      </c>
      <c r="C19" s="261">
        <v>0</v>
      </c>
      <c r="D19" s="261">
        <v>0</v>
      </c>
      <c r="E19" s="258">
        <v>0</v>
      </c>
      <c r="F19" s="260">
        <v>0</v>
      </c>
      <c r="G19" s="261">
        <v>157</v>
      </c>
      <c r="H19" s="261">
        <v>135</v>
      </c>
      <c r="I19" s="261">
        <v>102</v>
      </c>
      <c r="J19" s="261">
        <v>12</v>
      </c>
      <c r="K19" s="261">
        <v>31</v>
      </c>
      <c r="L19" s="258">
        <v>437</v>
      </c>
      <c r="M19" s="263">
        <v>437</v>
      </c>
      <c r="N19" s="261">
        <v>0</v>
      </c>
      <c r="O19" s="261">
        <v>0</v>
      </c>
      <c r="P19" s="258">
        <v>0</v>
      </c>
      <c r="Q19" s="260">
        <v>0</v>
      </c>
      <c r="R19" s="261">
        <v>31</v>
      </c>
      <c r="S19" s="261">
        <v>7</v>
      </c>
      <c r="T19" s="261">
        <v>9</v>
      </c>
      <c r="U19" s="261">
        <v>0</v>
      </c>
      <c r="V19" s="261">
        <v>0</v>
      </c>
      <c r="W19" s="258">
        <v>47</v>
      </c>
      <c r="X19" s="263">
        <v>47</v>
      </c>
    </row>
    <row r="20" spans="2:24" ht="21" customHeight="1" x14ac:dyDescent="0.2">
      <c r="B20" s="472" t="s">
        <v>18</v>
      </c>
      <c r="C20" s="261">
        <v>0</v>
      </c>
      <c r="D20" s="261">
        <v>0</v>
      </c>
      <c r="E20" s="258">
        <v>0</v>
      </c>
      <c r="F20" s="260">
        <v>0</v>
      </c>
      <c r="G20" s="261">
        <v>155</v>
      </c>
      <c r="H20" s="261">
        <v>105</v>
      </c>
      <c r="I20" s="261">
        <v>118</v>
      </c>
      <c r="J20" s="261">
        <v>0</v>
      </c>
      <c r="K20" s="261">
        <v>0</v>
      </c>
      <c r="L20" s="258">
        <v>378</v>
      </c>
      <c r="M20" s="263">
        <v>378</v>
      </c>
      <c r="N20" s="261">
        <v>0</v>
      </c>
      <c r="O20" s="261">
        <v>0</v>
      </c>
      <c r="P20" s="258">
        <v>0</v>
      </c>
      <c r="Q20" s="260">
        <v>0</v>
      </c>
      <c r="R20" s="261">
        <v>0</v>
      </c>
      <c r="S20" s="261">
        <v>0</v>
      </c>
      <c r="T20" s="261">
        <v>45</v>
      </c>
      <c r="U20" s="261">
        <v>36</v>
      </c>
      <c r="V20" s="261">
        <v>0</v>
      </c>
      <c r="W20" s="258">
        <v>81</v>
      </c>
      <c r="X20" s="263">
        <v>81</v>
      </c>
    </row>
    <row r="21" spans="2:24" ht="21" customHeight="1" x14ac:dyDescent="0.2">
      <c r="B21" s="472" t="s">
        <v>19</v>
      </c>
      <c r="C21" s="261">
        <v>0</v>
      </c>
      <c r="D21" s="261">
        <v>0</v>
      </c>
      <c r="E21" s="258">
        <v>0</v>
      </c>
      <c r="F21" s="260">
        <v>0</v>
      </c>
      <c r="G21" s="261">
        <v>2</v>
      </c>
      <c r="H21" s="261">
        <v>50</v>
      </c>
      <c r="I21" s="261">
        <v>1</v>
      </c>
      <c r="J21" s="261">
        <v>0</v>
      </c>
      <c r="K21" s="261">
        <v>0</v>
      </c>
      <c r="L21" s="258">
        <v>53</v>
      </c>
      <c r="M21" s="263">
        <v>53</v>
      </c>
      <c r="N21" s="261">
        <v>0</v>
      </c>
      <c r="O21" s="261">
        <v>0</v>
      </c>
      <c r="P21" s="258">
        <v>0</v>
      </c>
      <c r="Q21" s="260">
        <v>0</v>
      </c>
      <c r="R21" s="261">
        <v>5</v>
      </c>
      <c r="S21" s="261">
        <v>27</v>
      </c>
      <c r="T21" s="261">
        <v>16</v>
      </c>
      <c r="U21" s="261">
        <v>0</v>
      </c>
      <c r="V21" s="261">
        <v>0</v>
      </c>
      <c r="W21" s="258">
        <v>48</v>
      </c>
      <c r="X21" s="263">
        <v>48</v>
      </c>
    </row>
    <row r="22" spans="2:24" ht="21" customHeight="1" x14ac:dyDescent="0.2">
      <c r="B22" s="472" t="s">
        <v>20</v>
      </c>
      <c r="C22" s="261">
        <v>0</v>
      </c>
      <c r="D22" s="261">
        <v>0</v>
      </c>
      <c r="E22" s="258">
        <v>0</v>
      </c>
      <c r="F22" s="260">
        <v>0</v>
      </c>
      <c r="G22" s="261">
        <v>80</v>
      </c>
      <c r="H22" s="261">
        <v>50</v>
      </c>
      <c r="I22" s="261">
        <v>59</v>
      </c>
      <c r="J22" s="261">
        <v>10</v>
      </c>
      <c r="K22" s="261">
        <v>0</v>
      </c>
      <c r="L22" s="258">
        <v>199</v>
      </c>
      <c r="M22" s="263">
        <v>199</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45</v>
      </c>
      <c r="H23" s="261">
        <v>71</v>
      </c>
      <c r="I23" s="261">
        <v>37</v>
      </c>
      <c r="J23" s="261">
        <v>12</v>
      </c>
      <c r="K23" s="261">
        <v>0</v>
      </c>
      <c r="L23" s="258">
        <v>165</v>
      </c>
      <c r="M23" s="263">
        <v>165</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38</v>
      </c>
      <c r="H24" s="261">
        <v>18</v>
      </c>
      <c r="I24" s="261">
        <v>2</v>
      </c>
      <c r="J24" s="261">
        <v>12</v>
      </c>
      <c r="K24" s="261">
        <v>0</v>
      </c>
      <c r="L24" s="258">
        <v>70</v>
      </c>
      <c r="M24" s="263">
        <v>70</v>
      </c>
      <c r="N24" s="261">
        <v>0</v>
      </c>
      <c r="O24" s="261">
        <v>0</v>
      </c>
      <c r="P24" s="258">
        <v>0</v>
      </c>
      <c r="Q24" s="260">
        <v>0</v>
      </c>
      <c r="R24" s="261">
        <v>0</v>
      </c>
      <c r="S24" s="261">
        <v>0</v>
      </c>
      <c r="T24" s="261">
        <v>0</v>
      </c>
      <c r="U24" s="261">
        <v>18</v>
      </c>
      <c r="V24" s="261">
        <v>0</v>
      </c>
      <c r="W24" s="258">
        <v>18</v>
      </c>
      <c r="X24" s="263">
        <v>18</v>
      </c>
    </row>
    <row r="25" spans="2:24" ht="21" customHeight="1" x14ac:dyDescent="0.2">
      <c r="B25" s="472" t="s">
        <v>23</v>
      </c>
      <c r="C25" s="261">
        <v>0</v>
      </c>
      <c r="D25" s="261">
        <v>0</v>
      </c>
      <c r="E25" s="258">
        <v>0</v>
      </c>
      <c r="F25" s="260">
        <v>0</v>
      </c>
      <c r="G25" s="261">
        <v>40</v>
      </c>
      <c r="H25" s="261">
        <v>8</v>
      </c>
      <c r="I25" s="261">
        <v>4</v>
      </c>
      <c r="J25" s="261">
        <v>8</v>
      </c>
      <c r="K25" s="261">
        <v>0</v>
      </c>
      <c r="L25" s="258">
        <v>60</v>
      </c>
      <c r="M25" s="263">
        <v>60</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8</v>
      </c>
      <c r="H26" s="261">
        <v>20</v>
      </c>
      <c r="I26" s="261">
        <v>34</v>
      </c>
      <c r="J26" s="261">
        <v>0</v>
      </c>
      <c r="K26" s="261">
        <v>0</v>
      </c>
      <c r="L26" s="258">
        <v>62</v>
      </c>
      <c r="M26" s="263">
        <v>62</v>
      </c>
      <c r="N26" s="261">
        <v>0</v>
      </c>
      <c r="O26" s="261">
        <v>0</v>
      </c>
      <c r="P26" s="258">
        <v>0</v>
      </c>
      <c r="Q26" s="260">
        <v>0</v>
      </c>
      <c r="R26" s="261">
        <v>3</v>
      </c>
      <c r="S26" s="261">
        <v>0</v>
      </c>
      <c r="T26" s="261">
        <v>14</v>
      </c>
      <c r="U26" s="261">
        <v>0</v>
      </c>
      <c r="V26" s="261">
        <v>0</v>
      </c>
      <c r="W26" s="258">
        <v>17</v>
      </c>
      <c r="X26" s="263">
        <v>17</v>
      </c>
    </row>
    <row r="27" spans="2:24" ht="21" customHeight="1" x14ac:dyDescent="0.2">
      <c r="B27" s="472" t="s">
        <v>25</v>
      </c>
      <c r="C27" s="261">
        <v>0</v>
      </c>
      <c r="D27" s="261">
        <v>0</v>
      </c>
      <c r="E27" s="258">
        <v>0</v>
      </c>
      <c r="F27" s="260">
        <v>0</v>
      </c>
      <c r="G27" s="261">
        <v>33</v>
      </c>
      <c r="H27" s="261">
        <v>8</v>
      </c>
      <c r="I27" s="261">
        <v>0</v>
      </c>
      <c r="J27" s="261">
        <v>0</v>
      </c>
      <c r="K27" s="261">
        <v>0</v>
      </c>
      <c r="L27" s="258">
        <v>41</v>
      </c>
      <c r="M27" s="263">
        <v>41</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38</v>
      </c>
      <c r="H28" s="261">
        <v>55</v>
      </c>
      <c r="I28" s="261">
        <v>8</v>
      </c>
      <c r="J28" s="261">
        <v>0</v>
      </c>
      <c r="K28" s="261">
        <v>0</v>
      </c>
      <c r="L28" s="258">
        <v>101</v>
      </c>
      <c r="M28" s="263">
        <v>101</v>
      </c>
      <c r="N28" s="261">
        <v>0</v>
      </c>
      <c r="O28" s="261">
        <v>0</v>
      </c>
      <c r="P28" s="258">
        <v>0</v>
      </c>
      <c r="Q28" s="260">
        <v>0</v>
      </c>
      <c r="R28" s="261">
        <v>3</v>
      </c>
      <c r="S28" s="261">
        <v>0</v>
      </c>
      <c r="T28" s="261">
        <v>11</v>
      </c>
      <c r="U28" s="261">
        <v>0</v>
      </c>
      <c r="V28" s="261">
        <v>0</v>
      </c>
      <c r="W28" s="258">
        <v>14</v>
      </c>
      <c r="X28" s="263">
        <v>14</v>
      </c>
    </row>
    <row r="29" spans="2:24" ht="21" customHeight="1" x14ac:dyDescent="0.2">
      <c r="B29" s="472" t="s">
        <v>27</v>
      </c>
      <c r="C29" s="261">
        <v>0</v>
      </c>
      <c r="D29" s="261">
        <v>0</v>
      </c>
      <c r="E29" s="258">
        <v>0</v>
      </c>
      <c r="F29" s="260">
        <v>0</v>
      </c>
      <c r="G29" s="261">
        <v>0</v>
      </c>
      <c r="H29" s="261">
        <v>3</v>
      </c>
      <c r="I29" s="261">
        <v>0</v>
      </c>
      <c r="J29" s="261">
        <v>0</v>
      </c>
      <c r="K29" s="261">
        <v>0</v>
      </c>
      <c r="L29" s="258">
        <v>3</v>
      </c>
      <c r="M29" s="263">
        <v>3</v>
      </c>
      <c r="N29" s="261">
        <v>0</v>
      </c>
      <c r="O29" s="261">
        <v>0</v>
      </c>
      <c r="P29" s="258">
        <v>0</v>
      </c>
      <c r="Q29" s="260">
        <v>0</v>
      </c>
      <c r="R29" s="261">
        <v>12</v>
      </c>
      <c r="S29" s="261">
        <v>0</v>
      </c>
      <c r="T29" s="261">
        <v>6</v>
      </c>
      <c r="U29" s="261">
        <v>21</v>
      </c>
      <c r="V29" s="261">
        <v>0</v>
      </c>
      <c r="W29" s="258">
        <v>39</v>
      </c>
      <c r="X29" s="263">
        <v>39</v>
      </c>
    </row>
    <row r="30" spans="2:24" ht="21" customHeight="1" x14ac:dyDescent="0.2">
      <c r="B30" s="472" t="s">
        <v>28</v>
      </c>
      <c r="C30" s="261">
        <v>0</v>
      </c>
      <c r="D30" s="261">
        <v>0</v>
      </c>
      <c r="E30" s="258">
        <v>0</v>
      </c>
      <c r="F30" s="260">
        <v>0</v>
      </c>
      <c r="G30" s="261">
        <v>44</v>
      </c>
      <c r="H30" s="261">
        <v>8</v>
      </c>
      <c r="I30" s="261">
        <v>0</v>
      </c>
      <c r="J30" s="261">
        <v>0</v>
      </c>
      <c r="K30" s="261">
        <v>0</v>
      </c>
      <c r="L30" s="258">
        <v>52</v>
      </c>
      <c r="M30" s="263">
        <v>52</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14</v>
      </c>
      <c r="H31" s="261">
        <v>8</v>
      </c>
      <c r="I31" s="261">
        <v>22</v>
      </c>
      <c r="J31" s="261">
        <v>0</v>
      </c>
      <c r="K31" s="261">
        <v>0</v>
      </c>
      <c r="L31" s="258">
        <v>44</v>
      </c>
      <c r="M31" s="263">
        <v>44</v>
      </c>
      <c r="N31" s="261">
        <v>0</v>
      </c>
      <c r="O31" s="261">
        <v>0</v>
      </c>
      <c r="P31" s="258">
        <v>0</v>
      </c>
      <c r="Q31" s="260">
        <v>0</v>
      </c>
      <c r="R31" s="261">
        <v>0</v>
      </c>
      <c r="S31" s="261">
        <v>1</v>
      </c>
      <c r="T31" s="261">
        <v>0</v>
      </c>
      <c r="U31" s="261">
        <v>0</v>
      </c>
      <c r="V31" s="261">
        <v>0</v>
      </c>
      <c r="W31" s="258">
        <v>1</v>
      </c>
      <c r="X31" s="263">
        <v>1</v>
      </c>
    </row>
    <row r="32" spans="2:24" ht="21" customHeight="1" x14ac:dyDescent="0.2">
      <c r="B32" s="472" t="s">
        <v>30</v>
      </c>
      <c r="C32" s="261">
        <v>0</v>
      </c>
      <c r="D32" s="261">
        <v>0</v>
      </c>
      <c r="E32" s="258">
        <v>0</v>
      </c>
      <c r="F32" s="260">
        <v>0</v>
      </c>
      <c r="G32" s="261">
        <v>11</v>
      </c>
      <c r="H32" s="261">
        <v>0</v>
      </c>
      <c r="I32" s="261">
        <v>18</v>
      </c>
      <c r="J32" s="261">
        <v>0</v>
      </c>
      <c r="K32" s="261">
        <v>0</v>
      </c>
      <c r="L32" s="258">
        <v>29</v>
      </c>
      <c r="M32" s="263">
        <v>29</v>
      </c>
      <c r="N32" s="261">
        <v>4</v>
      </c>
      <c r="O32" s="261">
        <v>0</v>
      </c>
      <c r="P32" s="258">
        <v>4</v>
      </c>
      <c r="Q32" s="260">
        <v>0</v>
      </c>
      <c r="R32" s="261">
        <v>0</v>
      </c>
      <c r="S32" s="261">
        <v>0</v>
      </c>
      <c r="T32" s="261">
        <v>0</v>
      </c>
      <c r="U32" s="261">
        <v>0</v>
      </c>
      <c r="V32" s="261">
        <v>0</v>
      </c>
      <c r="W32" s="258">
        <v>0</v>
      </c>
      <c r="X32" s="263">
        <v>4</v>
      </c>
    </row>
    <row r="33" spans="2:24" ht="21" customHeight="1" x14ac:dyDescent="0.2">
      <c r="B33" s="472" t="s">
        <v>31</v>
      </c>
      <c r="C33" s="261">
        <v>0</v>
      </c>
      <c r="D33" s="261">
        <v>0</v>
      </c>
      <c r="E33" s="258">
        <v>0</v>
      </c>
      <c r="F33" s="260">
        <v>0</v>
      </c>
      <c r="G33" s="261">
        <v>0</v>
      </c>
      <c r="H33" s="261">
        <v>8</v>
      </c>
      <c r="I33" s="261">
        <v>1</v>
      </c>
      <c r="J33" s="261">
        <v>0</v>
      </c>
      <c r="K33" s="261">
        <v>0</v>
      </c>
      <c r="L33" s="258">
        <v>9</v>
      </c>
      <c r="M33" s="263">
        <v>9</v>
      </c>
      <c r="N33" s="261">
        <v>0</v>
      </c>
      <c r="O33" s="261">
        <v>0</v>
      </c>
      <c r="P33" s="258">
        <v>0</v>
      </c>
      <c r="Q33" s="260">
        <v>0</v>
      </c>
      <c r="R33" s="261">
        <v>0</v>
      </c>
      <c r="S33" s="261">
        <v>0</v>
      </c>
      <c r="T33" s="261">
        <v>0</v>
      </c>
      <c r="U33" s="261">
        <v>17</v>
      </c>
      <c r="V33" s="261">
        <v>0</v>
      </c>
      <c r="W33" s="258">
        <v>17</v>
      </c>
      <c r="X33" s="263">
        <v>17</v>
      </c>
    </row>
    <row r="34" spans="2:24" ht="21" customHeight="1" x14ac:dyDescent="0.2">
      <c r="B34" s="472" t="s">
        <v>32</v>
      </c>
      <c r="C34" s="261">
        <v>0</v>
      </c>
      <c r="D34" s="261">
        <v>0</v>
      </c>
      <c r="E34" s="258">
        <v>0</v>
      </c>
      <c r="F34" s="260">
        <v>0</v>
      </c>
      <c r="G34" s="261">
        <v>7</v>
      </c>
      <c r="H34" s="261">
        <v>17</v>
      </c>
      <c r="I34" s="261">
        <v>0</v>
      </c>
      <c r="J34" s="261">
        <v>0</v>
      </c>
      <c r="K34" s="261">
        <v>4</v>
      </c>
      <c r="L34" s="258">
        <v>28</v>
      </c>
      <c r="M34" s="263">
        <v>28</v>
      </c>
      <c r="N34" s="261">
        <v>0</v>
      </c>
      <c r="O34" s="261">
        <v>0</v>
      </c>
      <c r="P34" s="258">
        <v>0</v>
      </c>
      <c r="Q34" s="260">
        <v>0</v>
      </c>
      <c r="R34" s="261">
        <v>0</v>
      </c>
      <c r="S34" s="261">
        <v>0</v>
      </c>
      <c r="T34" s="261">
        <v>0</v>
      </c>
      <c r="U34" s="261">
        <v>0</v>
      </c>
      <c r="V34" s="261">
        <v>0</v>
      </c>
      <c r="W34" s="258">
        <v>0</v>
      </c>
      <c r="X34" s="263">
        <v>0</v>
      </c>
    </row>
    <row r="35" spans="2:24" ht="21" customHeight="1" x14ac:dyDescent="0.2">
      <c r="B35" s="472" t="s">
        <v>33</v>
      </c>
      <c r="C35" s="261">
        <v>0</v>
      </c>
      <c r="D35" s="261">
        <v>0</v>
      </c>
      <c r="E35" s="258">
        <v>0</v>
      </c>
      <c r="F35" s="260">
        <v>0</v>
      </c>
      <c r="G35" s="261">
        <v>8</v>
      </c>
      <c r="H35" s="261">
        <v>0</v>
      </c>
      <c r="I35" s="261">
        <v>0</v>
      </c>
      <c r="J35" s="261">
        <v>0</v>
      </c>
      <c r="K35" s="261">
        <v>0</v>
      </c>
      <c r="L35" s="258">
        <v>8</v>
      </c>
      <c r="M35" s="263">
        <v>8</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13</v>
      </c>
      <c r="H36" s="261">
        <v>13</v>
      </c>
      <c r="I36" s="261">
        <v>0</v>
      </c>
      <c r="J36" s="261">
        <v>0</v>
      </c>
      <c r="K36" s="261">
        <v>0</v>
      </c>
      <c r="L36" s="258">
        <v>26</v>
      </c>
      <c r="M36" s="263">
        <v>26</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20</v>
      </c>
      <c r="H38" s="261">
        <v>4</v>
      </c>
      <c r="I38" s="261">
        <v>0</v>
      </c>
      <c r="J38" s="261">
        <v>11</v>
      </c>
      <c r="K38" s="261">
        <v>0</v>
      </c>
      <c r="L38" s="258">
        <v>35</v>
      </c>
      <c r="M38" s="263">
        <v>35</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0</v>
      </c>
      <c r="L39" s="265">
        <v>0</v>
      </c>
      <c r="M39" s="270">
        <v>0</v>
      </c>
      <c r="N39" s="268">
        <v>0</v>
      </c>
      <c r="O39" s="268">
        <v>0</v>
      </c>
      <c r="P39" s="265">
        <v>0</v>
      </c>
      <c r="Q39" s="267">
        <v>0</v>
      </c>
      <c r="R39" s="268">
        <v>0</v>
      </c>
      <c r="S39" s="268">
        <v>0</v>
      </c>
      <c r="T39" s="268">
        <v>0</v>
      </c>
      <c r="U39" s="268">
        <v>0</v>
      </c>
      <c r="V39" s="268">
        <v>0</v>
      </c>
      <c r="W39" s="265">
        <v>0</v>
      </c>
      <c r="X39" s="270">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 style="242" customWidth="1"/>
    <col min="6" max="6" width="7.77734375" style="242" customWidth="1"/>
    <col min="7" max="7" width="10.77734375" style="242" customWidth="1"/>
    <col min="8" max="16" width="9" style="242"/>
    <col min="17" max="17" width="7.6640625" style="242" customWidth="1"/>
    <col min="18" max="16384" width="9" style="242"/>
  </cols>
  <sheetData>
    <row r="1" spans="2:24" ht="24" customHeight="1" x14ac:dyDescent="0.2">
      <c r="B1" s="271" t="s">
        <v>125</v>
      </c>
      <c r="H1" s="499">
        <f>第１表!F2</f>
        <v>5</v>
      </c>
      <c r="I1" s="499"/>
      <c r="J1" s="235">
        <f>第１表!G2</f>
        <v>9</v>
      </c>
      <c r="K1" s="504">
        <f>IF(J1&lt;3,J1+12-2,J1-2)</f>
        <v>7</v>
      </c>
      <c r="L1" s="504"/>
    </row>
    <row r="2" spans="2:24" ht="24" customHeight="1" thickBot="1" x14ac:dyDescent="0.25">
      <c r="B2" s="271" t="s">
        <v>154</v>
      </c>
    </row>
    <row r="3" spans="2:24" ht="21" customHeight="1" x14ac:dyDescent="0.2">
      <c r="B3" s="507"/>
      <c r="C3" s="508" t="s">
        <v>141</v>
      </c>
      <c r="D3" s="508"/>
      <c r="E3" s="508"/>
      <c r="F3" s="508"/>
      <c r="G3" s="508"/>
      <c r="H3" s="508"/>
      <c r="I3" s="508"/>
      <c r="J3" s="508"/>
      <c r="K3" s="508"/>
      <c r="L3" s="508"/>
      <c r="M3" s="540"/>
      <c r="N3" s="508" t="s">
        <v>113</v>
      </c>
      <c r="O3" s="508"/>
      <c r="P3" s="508"/>
      <c r="Q3" s="508"/>
      <c r="R3" s="508"/>
      <c r="S3" s="508"/>
      <c r="T3" s="508"/>
      <c r="U3" s="508"/>
      <c r="V3" s="508"/>
      <c r="W3" s="508"/>
      <c r="X3" s="540"/>
    </row>
    <row r="4" spans="2:24" ht="21" customHeight="1" x14ac:dyDescent="0.2">
      <c r="B4" s="546"/>
      <c r="C4" s="541" t="s">
        <v>61</v>
      </c>
      <c r="D4" s="541"/>
      <c r="E4" s="542"/>
      <c r="F4" s="543" t="s">
        <v>62</v>
      </c>
      <c r="G4" s="541"/>
      <c r="H4" s="541"/>
      <c r="I4" s="541"/>
      <c r="J4" s="541"/>
      <c r="K4" s="541"/>
      <c r="L4" s="544"/>
      <c r="M4" s="545" t="s">
        <v>52</v>
      </c>
      <c r="N4" s="541" t="s">
        <v>61</v>
      </c>
      <c r="O4" s="541"/>
      <c r="P4" s="542"/>
      <c r="Q4" s="543" t="s">
        <v>62</v>
      </c>
      <c r="R4" s="541"/>
      <c r="S4" s="541"/>
      <c r="T4" s="541"/>
      <c r="U4" s="541"/>
      <c r="V4" s="541"/>
      <c r="W4" s="544"/>
      <c r="X4" s="545" t="s">
        <v>52</v>
      </c>
    </row>
    <row r="5" spans="2:24" ht="30" customHeight="1" thickBot="1" x14ac:dyDescent="0.25">
      <c r="B5" s="547"/>
      <c r="C5" s="243" t="s">
        <v>43</v>
      </c>
      <c r="D5" s="243" t="s">
        <v>44</v>
      </c>
      <c r="E5" s="246" t="s">
        <v>45</v>
      </c>
      <c r="F5" s="248" t="s">
        <v>83</v>
      </c>
      <c r="G5" s="243" t="s">
        <v>47</v>
      </c>
      <c r="H5" s="243" t="s">
        <v>48</v>
      </c>
      <c r="I5" s="243" t="s">
        <v>49</v>
      </c>
      <c r="J5" s="243" t="s">
        <v>50</v>
      </c>
      <c r="K5" s="243" t="s">
        <v>51</v>
      </c>
      <c r="L5" s="246" t="s">
        <v>45</v>
      </c>
      <c r="M5" s="506"/>
      <c r="N5" s="243" t="s">
        <v>43</v>
      </c>
      <c r="O5" s="243" t="s">
        <v>44</v>
      </c>
      <c r="P5" s="246" t="s">
        <v>45</v>
      </c>
      <c r="Q5" s="248" t="s">
        <v>83</v>
      </c>
      <c r="R5" s="243" t="s">
        <v>47</v>
      </c>
      <c r="S5" s="243" t="s">
        <v>48</v>
      </c>
      <c r="T5" s="243" t="s">
        <v>49</v>
      </c>
      <c r="U5" s="243" t="s">
        <v>50</v>
      </c>
      <c r="V5" s="243" t="s">
        <v>51</v>
      </c>
      <c r="W5" s="246" t="s">
        <v>45</v>
      </c>
      <c r="X5" s="506"/>
    </row>
    <row r="6" spans="2:24" ht="21" customHeight="1" x14ac:dyDescent="0.2">
      <c r="B6" s="470" t="s">
        <v>4</v>
      </c>
      <c r="C6" s="254">
        <v>0</v>
      </c>
      <c r="D6" s="254">
        <v>0</v>
      </c>
      <c r="E6" s="251">
        <v>0</v>
      </c>
      <c r="F6" s="253">
        <v>0</v>
      </c>
      <c r="G6" s="254">
        <v>5509</v>
      </c>
      <c r="H6" s="254">
        <v>5345</v>
      </c>
      <c r="I6" s="254">
        <v>2813</v>
      </c>
      <c r="J6" s="254">
        <v>1653</v>
      </c>
      <c r="K6" s="254">
        <v>502</v>
      </c>
      <c r="L6" s="251">
        <v>15822</v>
      </c>
      <c r="M6" s="256">
        <v>15822</v>
      </c>
      <c r="N6" s="254">
        <v>2</v>
      </c>
      <c r="O6" s="254">
        <v>0</v>
      </c>
      <c r="P6" s="251">
        <v>2</v>
      </c>
      <c r="Q6" s="253">
        <v>0</v>
      </c>
      <c r="R6" s="254">
        <v>455</v>
      </c>
      <c r="S6" s="254">
        <v>590</v>
      </c>
      <c r="T6" s="254">
        <v>767</v>
      </c>
      <c r="U6" s="254">
        <v>294</v>
      </c>
      <c r="V6" s="254">
        <v>241</v>
      </c>
      <c r="W6" s="251">
        <v>2347</v>
      </c>
      <c r="X6" s="256">
        <v>2349</v>
      </c>
    </row>
    <row r="7" spans="2:24" ht="21" customHeight="1" x14ac:dyDescent="0.2">
      <c r="B7" s="471" t="s">
        <v>5</v>
      </c>
      <c r="C7" s="261">
        <v>0</v>
      </c>
      <c r="D7" s="261">
        <v>0</v>
      </c>
      <c r="E7" s="258">
        <v>0</v>
      </c>
      <c r="F7" s="260">
        <v>0</v>
      </c>
      <c r="G7" s="261">
        <v>2115</v>
      </c>
      <c r="H7" s="261">
        <v>2693</v>
      </c>
      <c r="I7" s="261">
        <v>1379</v>
      </c>
      <c r="J7" s="261">
        <v>749</v>
      </c>
      <c r="K7" s="261">
        <v>297</v>
      </c>
      <c r="L7" s="258">
        <v>7233</v>
      </c>
      <c r="M7" s="263">
        <v>7233</v>
      </c>
      <c r="N7" s="261">
        <v>2</v>
      </c>
      <c r="O7" s="261">
        <v>0</v>
      </c>
      <c r="P7" s="258">
        <v>2</v>
      </c>
      <c r="Q7" s="260">
        <v>0</v>
      </c>
      <c r="R7" s="261">
        <v>267</v>
      </c>
      <c r="S7" s="261">
        <v>270</v>
      </c>
      <c r="T7" s="261">
        <v>373</v>
      </c>
      <c r="U7" s="261">
        <v>179</v>
      </c>
      <c r="V7" s="261">
        <v>166</v>
      </c>
      <c r="W7" s="258">
        <v>1255</v>
      </c>
      <c r="X7" s="263">
        <v>1257</v>
      </c>
    </row>
    <row r="8" spans="2:24" ht="21" customHeight="1" x14ac:dyDescent="0.2">
      <c r="B8" s="472" t="s">
        <v>6</v>
      </c>
      <c r="C8" s="261">
        <v>0</v>
      </c>
      <c r="D8" s="261">
        <v>0</v>
      </c>
      <c r="E8" s="258">
        <v>0</v>
      </c>
      <c r="F8" s="260">
        <v>0</v>
      </c>
      <c r="G8" s="261">
        <v>903</v>
      </c>
      <c r="H8" s="261">
        <v>706</v>
      </c>
      <c r="I8" s="261">
        <v>417</v>
      </c>
      <c r="J8" s="261">
        <v>150</v>
      </c>
      <c r="K8" s="261">
        <v>65</v>
      </c>
      <c r="L8" s="258">
        <v>2241</v>
      </c>
      <c r="M8" s="263">
        <v>2241</v>
      </c>
      <c r="N8" s="261">
        <v>0</v>
      </c>
      <c r="O8" s="261">
        <v>0</v>
      </c>
      <c r="P8" s="258">
        <v>0</v>
      </c>
      <c r="Q8" s="260">
        <v>0</v>
      </c>
      <c r="R8" s="261">
        <v>119</v>
      </c>
      <c r="S8" s="261">
        <v>193</v>
      </c>
      <c r="T8" s="261">
        <v>233</v>
      </c>
      <c r="U8" s="261">
        <v>36</v>
      </c>
      <c r="V8" s="261">
        <v>56</v>
      </c>
      <c r="W8" s="258">
        <v>637</v>
      </c>
      <c r="X8" s="263">
        <v>637</v>
      </c>
    </row>
    <row r="9" spans="2:24" ht="21" customHeight="1" x14ac:dyDescent="0.2">
      <c r="B9" s="472" t="s">
        <v>14</v>
      </c>
      <c r="C9" s="261">
        <v>0</v>
      </c>
      <c r="D9" s="261">
        <v>0</v>
      </c>
      <c r="E9" s="258">
        <v>0</v>
      </c>
      <c r="F9" s="260">
        <v>0</v>
      </c>
      <c r="G9" s="261">
        <v>295</v>
      </c>
      <c r="H9" s="261">
        <v>469</v>
      </c>
      <c r="I9" s="261">
        <v>194</v>
      </c>
      <c r="J9" s="261">
        <v>122</v>
      </c>
      <c r="K9" s="261">
        <v>31</v>
      </c>
      <c r="L9" s="258">
        <v>1111</v>
      </c>
      <c r="M9" s="263">
        <v>1111</v>
      </c>
      <c r="N9" s="261">
        <v>0</v>
      </c>
      <c r="O9" s="261">
        <v>0</v>
      </c>
      <c r="P9" s="258">
        <v>0</v>
      </c>
      <c r="Q9" s="260">
        <v>0</v>
      </c>
      <c r="R9" s="261">
        <v>13</v>
      </c>
      <c r="S9" s="261">
        <v>12</v>
      </c>
      <c r="T9" s="261">
        <v>0</v>
      </c>
      <c r="U9" s="261">
        <v>0</v>
      </c>
      <c r="V9" s="261">
        <v>1</v>
      </c>
      <c r="W9" s="258">
        <v>26</v>
      </c>
      <c r="X9" s="263">
        <v>26</v>
      </c>
    </row>
    <row r="10" spans="2:24" ht="21" customHeight="1" x14ac:dyDescent="0.2">
      <c r="B10" s="472" t="s">
        <v>7</v>
      </c>
      <c r="C10" s="261">
        <v>0</v>
      </c>
      <c r="D10" s="261">
        <v>0</v>
      </c>
      <c r="E10" s="258">
        <v>0</v>
      </c>
      <c r="F10" s="260">
        <v>0</v>
      </c>
      <c r="G10" s="261">
        <v>234</v>
      </c>
      <c r="H10" s="261">
        <v>233</v>
      </c>
      <c r="I10" s="261">
        <v>101</v>
      </c>
      <c r="J10" s="261">
        <v>54</v>
      </c>
      <c r="K10" s="261">
        <v>21</v>
      </c>
      <c r="L10" s="258">
        <v>643</v>
      </c>
      <c r="M10" s="263">
        <v>643</v>
      </c>
      <c r="N10" s="261">
        <v>0</v>
      </c>
      <c r="O10" s="261">
        <v>0</v>
      </c>
      <c r="P10" s="258">
        <v>0</v>
      </c>
      <c r="Q10" s="260">
        <v>0</v>
      </c>
      <c r="R10" s="261">
        <v>19</v>
      </c>
      <c r="S10" s="261">
        <v>55</v>
      </c>
      <c r="T10" s="261">
        <v>60</v>
      </c>
      <c r="U10" s="261">
        <v>38</v>
      </c>
      <c r="V10" s="261">
        <v>0</v>
      </c>
      <c r="W10" s="258">
        <v>172</v>
      </c>
      <c r="X10" s="263">
        <v>172</v>
      </c>
    </row>
    <row r="11" spans="2:24" ht="21" customHeight="1" x14ac:dyDescent="0.2">
      <c r="B11" s="472" t="s">
        <v>8</v>
      </c>
      <c r="C11" s="261">
        <v>0</v>
      </c>
      <c r="D11" s="261">
        <v>0</v>
      </c>
      <c r="E11" s="258">
        <v>0</v>
      </c>
      <c r="F11" s="260">
        <v>0</v>
      </c>
      <c r="G11" s="261">
        <v>258</v>
      </c>
      <c r="H11" s="261">
        <v>118</v>
      </c>
      <c r="I11" s="261">
        <v>53</v>
      </c>
      <c r="J11" s="261">
        <v>95</v>
      </c>
      <c r="K11" s="261">
        <v>0</v>
      </c>
      <c r="L11" s="258">
        <v>524</v>
      </c>
      <c r="M11" s="263">
        <v>524</v>
      </c>
      <c r="N11" s="261">
        <v>0</v>
      </c>
      <c r="O11" s="261">
        <v>0</v>
      </c>
      <c r="P11" s="258">
        <v>0</v>
      </c>
      <c r="Q11" s="260">
        <v>0</v>
      </c>
      <c r="R11" s="261">
        <v>0</v>
      </c>
      <c r="S11" s="261">
        <v>0</v>
      </c>
      <c r="T11" s="261">
        <v>0</v>
      </c>
      <c r="U11" s="261">
        <v>0</v>
      </c>
      <c r="V11" s="261">
        <v>0</v>
      </c>
      <c r="W11" s="258">
        <v>0</v>
      </c>
      <c r="X11" s="263">
        <v>0</v>
      </c>
    </row>
    <row r="12" spans="2:24" ht="21" customHeight="1" x14ac:dyDescent="0.2">
      <c r="B12" s="472" t="s">
        <v>9</v>
      </c>
      <c r="C12" s="261">
        <v>0</v>
      </c>
      <c r="D12" s="261">
        <v>0</v>
      </c>
      <c r="E12" s="258">
        <v>0</v>
      </c>
      <c r="F12" s="260">
        <v>0</v>
      </c>
      <c r="G12" s="261">
        <v>324</v>
      </c>
      <c r="H12" s="261">
        <v>193</v>
      </c>
      <c r="I12" s="261">
        <v>152</v>
      </c>
      <c r="J12" s="261">
        <v>71</v>
      </c>
      <c r="K12" s="261">
        <v>0</v>
      </c>
      <c r="L12" s="258">
        <v>740</v>
      </c>
      <c r="M12" s="263">
        <v>740</v>
      </c>
      <c r="N12" s="261">
        <v>0</v>
      </c>
      <c r="O12" s="261">
        <v>0</v>
      </c>
      <c r="P12" s="258">
        <v>0</v>
      </c>
      <c r="Q12" s="260">
        <v>0</v>
      </c>
      <c r="R12" s="261">
        <v>0</v>
      </c>
      <c r="S12" s="261">
        <v>0</v>
      </c>
      <c r="T12" s="261">
        <v>24</v>
      </c>
      <c r="U12" s="261">
        <v>0</v>
      </c>
      <c r="V12" s="261">
        <v>7</v>
      </c>
      <c r="W12" s="258">
        <v>31</v>
      </c>
      <c r="X12" s="263">
        <v>31</v>
      </c>
    </row>
    <row r="13" spans="2:24" ht="21" customHeight="1" x14ac:dyDescent="0.2">
      <c r="B13" s="472" t="s">
        <v>10</v>
      </c>
      <c r="C13" s="261">
        <v>0</v>
      </c>
      <c r="D13" s="261">
        <v>0</v>
      </c>
      <c r="E13" s="258">
        <v>0</v>
      </c>
      <c r="F13" s="260">
        <v>0</v>
      </c>
      <c r="G13" s="261">
        <v>264</v>
      </c>
      <c r="H13" s="261">
        <v>117</v>
      </c>
      <c r="I13" s="261">
        <v>42</v>
      </c>
      <c r="J13" s="261">
        <v>79</v>
      </c>
      <c r="K13" s="261">
        <v>4</v>
      </c>
      <c r="L13" s="258">
        <v>506</v>
      </c>
      <c r="M13" s="263">
        <v>506</v>
      </c>
      <c r="N13" s="261">
        <v>0</v>
      </c>
      <c r="O13" s="261">
        <v>0</v>
      </c>
      <c r="P13" s="258">
        <v>0</v>
      </c>
      <c r="Q13" s="260">
        <v>0</v>
      </c>
      <c r="R13" s="261">
        <v>0</v>
      </c>
      <c r="S13" s="261">
        <v>0</v>
      </c>
      <c r="T13" s="261">
        <v>27</v>
      </c>
      <c r="U13" s="261">
        <v>24</v>
      </c>
      <c r="V13" s="261">
        <v>0</v>
      </c>
      <c r="W13" s="258">
        <v>51</v>
      </c>
      <c r="X13" s="263">
        <v>51</v>
      </c>
    </row>
    <row r="14" spans="2:24" ht="21" customHeight="1" x14ac:dyDescent="0.2">
      <c r="B14" s="472" t="s">
        <v>11</v>
      </c>
      <c r="C14" s="261">
        <v>0</v>
      </c>
      <c r="D14" s="261">
        <v>0</v>
      </c>
      <c r="E14" s="258">
        <v>0</v>
      </c>
      <c r="F14" s="260">
        <v>0</v>
      </c>
      <c r="G14" s="261">
        <v>214</v>
      </c>
      <c r="H14" s="261">
        <v>77</v>
      </c>
      <c r="I14" s="261">
        <v>37</v>
      </c>
      <c r="J14" s="261">
        <v>47</v>
      </c>
      <c r="K14" s="261">
        <v>13</v>
      </c>
      <c r="L14" s="258">
        <v>388</v>
      </c>
      <c r="M14" s="263">
        <v>388</v>
      </c>
      <c r="N14" s="261">
        <v>0</v>
      </c>
      <c r="O14" s="261">
        <v>0</v>
      </c>
      <c r="P14" s="258">
        <v>0</v>
      </c>
      <c r="Q14" s="260">
        <v>0</v>
      </c>
      <c r="R14" s="261">
        <v>4</v>
      </c>
      <c r="S14" s="261">
        <v>0</v>
      </c>
      <c r="T14" s="261">
        <v>0</v>
      </c>
      <c r="U14" s="261">
        <v>0</v>
      </c>
      <c r="V14" s="261">
        <v>0</v>
      </c>
      <c r="W14" s="258">
        <v>4</v>
      </c>
      <c r="X14" s="263">
        <v>4</v>
      </c>
    </row>
    <row r="15" spans="2:24" ht="21" customHeight="1" x14ac:dyDescent="0.2">
      <c r="B15" s="472" t="s">
        <v>12</v>
      </c>
      <c r="C15" s="261">
        <v>0</v>
      </c>
      <c r="D15" s="261">
        <v>0</v>
      </c>
      <c r="E15" s="258">
        <v>0</v>
      </c>
      <c r="F15" s="260">
        <v>0</v>
      </c>
      <c r="G15" s="261">
        <v>144</v>
      </c>
      <c r="H15" s="261">
        <v>108</v>
      </c>
      <c r="I15" s="261">
        <v>55</v>
      </c>
      <c r="J15" s="261">
        <v>84</v>
      </c>
      <c r="K15" s="261">
        <v>13</v>
      </c>
      <c r="L15" s="258">
        <v>404</v>
      </c>
      <c r="M15" s="263">
        <v>404</v>
      </c>
      <c r="N15" s="261">
        <v>0</v>
      </c>
      <c r="O15" s="261">
        <v>0</v>
      </c>
      <c r="P15" s="258">
        <v>0</v>
      </c>
      <c r="Q15" s="260">
        <v>0</v>
      </c>
      <c r="R15" s="261">
        <v>0</v>
      </c>
      <c r="S15" s="261">
        <v>0</v>
      </c>
      <c r="T15" s="261">
        <v>0</v>
      </c>
      <c r="U15" s="261">
        <v>0</v>
      </c>
      <c r="V15" s="261">
        <v>0</v>
      </c>
      <c r="W15" s="258">
        <v>0</v>
      </c>
      <c r="X15" s="263">
        <v>0</v>
      </c>
    </row>
    <row r="16" spans="2:24" ht="21" customHeight="1" x14ac:dyDescent="0.2">
      <c r="B16" s="472" t="s">
        <v>13</v>
      </c>
      <c r="C16" s="261">
        <v>0</v>
      </c>
      <c r="D16" s="261">
        <v>0</v>
      </c>
      <c r="E16" s="258">
        <v>0</v>
      </c>
      <c r="F16" s="260">
        <v>0</v>
      </c>
      <c r="G16" s="261">
        <v>72</v>
      </c>
      <c r="H16" s="261">
        <v>104</v>
      </c>
      <c r="I16" s="261">
        <v>80</v>
      </c>
      <c r="J16" s="261">
        <v>18</v>
      </c>
      <c r="K16" s="261">
        <v>5</v>
      </c>
      <c r="L16" s="258">
        <v>279</v>
      </c>
      <c r="M16" s="263">
        <v>279</v>
      </c>
      <c r="N16" s="261">
        <v>0</v>
      </c>
      <c r="O16" s="261">
        <v>0</v>
      </c>
      <c r="P16" s="258">
        <v>0</v>
      </c>
      <c r="Q16" s="260">
        <v>0</v>
      </c>
      <c r="R16" s="261">
        <v>4</v>
      </c>
      <c r="S16" s="261">
        <v>10</v>
      </c>
      <c r="T16" s="261">
        <v>0</v>
      </c>
      <c r="U16" s="261">
        <v>0</v>
      </c>
      <c r="V16" s="261">
        <v>0</v>
      </c>
      <c r="W16" s="258">
        <v>14</v>
      </c>
      <c r="X16" s="263">
        <v>14</v>
      </c>
    </row>
    <row r="17" spans="2:24" ht="21" customHeight="1" x14ac:dyDescent="0.2">
      <c r="B17" s="472" t="s">
        <v>15</v>
      </c>
      <c r="C17" s="261">
        <v>0</v>
      </c>
      <c r="D17" s="261">
        <v>0</v>
      </c>
      <c r="E17" s="258">
        <v>0</v>
      </c>
      <c r="F17" s="260">
        <v>0</v>
      </c>
      <c r="G17" s="261">
        <v>25</v>
      </c>
      <c r="H17" s="261">
        <v>40</v>
      </c>
      <c r="I17" s="261">
        <v>22</v>
      </c>
      <c r="J17" s="261">
        <v>4</v>
      </c>
      <c r="K17" s="261">
        <v>10</v>
      </c>
      <c r="L17" s="258">
        <v>101</v>
      </c>
      <c r="M17" s="263">
        <v>101</v>
      </c>
      <c r="N17" s="261">
        <v>0</v>
      </c>
      <c r="O17" s="261">
        <v>0</v>
      </c>
      <c r="P17" s="258">
        <v>0</v>
      </c>
      <c r="Q17" s="260">
        <v>0</v>
      </c>
      <c r="R17" s="261">
        <v>0</v>
      </c>
      <c r="S17" s="261">
        <v>0</v>
      </c>
      <c r="T17" s="261">
        <v>0</v>
      </c>
      <c r="U17" s="261">
        <v>0</v>
      </c>
      <c r="V17" s="261">
        <v>0</v>
      </c>
      <c r="W17" s="258">
        <v>0</v>
      </c>
      <c r="X17" s="263">
        <v>0</v>
      </c>
    </row>
    <row r="18" spans="2:24" ht="21" customHeight="1" x14ac:dyDescent="0.2">
      <c r="B18" s="472" t="s">
        <v>16</v>
      </c>
      <c r="C18" s="261">
        <v>0</v>
      </c>
      <c r="D18" s="261">
        <v>0</v>
      </c>
      <c r="E18" s="258">
        <v>0</v>
      </c>
      <c r="F18" s="260">
        <v>0</v>
      </c>
      <c r="G18" s="261">
        <v>62</v>
      </c>
      <c r="H18" s="261">
        <v>64</v>
      </c>
      <c r="I18" s="261">
        <v>73</v>
      </c>
      <c r="J18" s="261">
        <v>19</v>
      </c>
      <c r="K18" s="261">
        <v>0</v>
      </c>
      <c r="L18" s="258">
        <v>218</v>
      </c>
      <c r="M18" s="263">
        <v>218</v>
      </c>
      <c r="N18" s="261">
        <v>0</v>
      </c>
      <c r="O18" s="261">
        <v>0</v>
      </c>
      <c r="P18" s="258">
        <v>0</v>
      </c>
      <c r="Q18" s="260">
        <v>0</v>
      </c>
      <c r="R18" s="261">
        <v>0</v>
      </c>
      <c r="S18" s="261">
        <v>26</v>
      </c>
      <c r="T18" s="261">
        <v>0</v>
      </c>
      <c r="U18" s="261">
        <v>0</v>
      </c>
      <c r="V18" s="261">
        <v>0</v>
      </c>
      <c r="W18" s="258">
        <v>26</v>
      </c>
      <c r="X18" s="263">
        <v>26</v>
      </c>
    </row>
    <row r="19" spans="2:24" ht="21" customHeight="1" x14ac:dyDescent="0.2">
      <c r="B19" s="472" t="s">
        <v>17</v>
      </c>
      <c r="C19" s="261">
        <v>0</v>
      </c>
      <c r="D19" s="261">
        <v>0</v>
      </c>
      <c r="E19" s="258">
        <v>0</v>
      </c>
      <c r="F19" s="260">
        <v>0</v>
      </c>
      <c r="G19" s="261">
        <v>101</v>
      </c>
      <c r="H19" s="261">
        <v>152</v>
      </c>
      <c r="I19" s="261">
        <v>52</v>
      </c>
      <c r="J19" s="261">
        <v>55</v>
      </c>
      <c r="K19" s="261">
        <v>7</v>
      </c>
      <c r="L19" s="258">
        <v>367</v>
      </c>
      <c r="M19" s="263">
        <v>367</v>
      </c>
      <c r="N19" s="261">
        <v>0</v>
      </c>
      <c r="O19" s="261">
        <v>0</v>
      </c>
      <c r="P19" s="258">
        <v>0</v>
      </c>
      <c r="Q19" s="260">
        <v>0</v>
      </c>
      <c r="R19" s="261">
        <v>8</v>
      </c>
      <c r="S19" s="261">
        <v>0</v>
      </c>
      <c r="T19" s="261">
        <v>17</v>
      </c>
      <c r="U19" s="261">
        <v>0</v>
      </c>
      <c r="V19" s="261">
        <v>0</v>
      </c>
      <c r="W19" s="258">
        <v>25</v>
      </c>
      <c r="X19" s="263">
        <v>25</v>
      </c>
    </row>
    <row r="20" spans="2:24" ht="21" customHeight="1" x14ac:dyDescent="0.2">
      <c r="B20" s="472" t="s">
        <v>18</v>
      </c>
      <c r="C20" s="261">
        <v>0</v>
      </c>
      <c r="D20" s="261">
        <v>0</v>
      </c>
      <c r="E20" s="258">
        <v>0</v>
      </c>
      <c r="F20" s="260">
        <v>0</v>
      </c>
      <c r="G20" s="261">
        <v>166</v>
      </c>
      <c r="H20" s="261">
        <v>72</v>
      </c>
      <c r="I20" s="261">
        <v>77</v>
      </c>
      <c r="J20" s="261">
        <v>20</v>
      </c>
      <c r="K20" s="261">
        <v>0</v>
      </c>
      <c r="L20" s="258">
        <v>335</v>
      </c>
      <c r="M20" s="263">
        <v>335</v>
      </c>
      <c r="N20" s="261">
        <v>0</v>
      </c>
      <c r="O20" s="261">
        <v>0</v>
      </c>
      <c r="P20" s="258">
        <v>0</v>
      </c>
      <c r="Q20" s="260">
        <v>0</v>
      </c>
      <c r="R20" s="261">
        <v>0</v>
      </c>
      <c r="S20" s="261">
        <v>0</v>
      </c>
      <c r="T20" s="261">
        <v>8</v>
      </c>
      <c r="U20" s="261">
        <v>17</v>
      </c>
      <c r="V20" s="261">
        <v>0</v>
      </c>
      <c r="W20" s="258">
        <v>25</v>
      </c>
      <c r="X20" s="263">
        <v>25</v>
      </c>
    </row>
    <row r="21" spans="2:24" ht="21" customHeight="1" x14ac:dyDescent="0.2">
      <c r="B21" s="472" t="s">
        <v>19</v>
      </c>
      <c r="C21" s="261">
        <v>0</v>
      </c>
      <c r="D21" s="261">
        <v>0</v>
      </c>
      <c r="E21" s="258">
        <v>0</v>
      </c>
      <c r="F21" s="260">
        <v>0</v>
      </c>
      <c r="G21" s="261">
        <v>58</v>
      </c>
      <c r="H21" s="261">
        <v>35</v>
      </c>
      <c r="I21" s="261">
        <v>24</v>
      </c>
      <c r="J21" s="261">
        <v>12</v>
      </c>
      <c r="K21" s="261">
        <v>0</v>
      </c>
      <c r="L21" s="258">
        <v>129</v>
      </c>
      <c r="M21" s="263">
        <v>129</v>
      </c>
      <c r="N21" s="261">
        <v>0</v>
      </c>
      <c r="O21" s="261">
        <v>0</v>
      </c>
      <c r="P21" s="258">
        <v>0</v>
      </c>
      <c r="Q21" s="260">
        <v>0</v>
      </c>
      <c r="R21" s="261">
        <v>4</v>
      </c>
      <c r="S21" s="261">
        <v>13</v>
      </c>
      <c r="T21" s="261">
        <v>0</v>
      </c>
      <c r="U21" s="261">
        <v>0</v>
      </c>
      <c r="V21" s="261">
        <v>0</v>
      </c>
      <c r="W21" s="258">
        <v>17</v>
      </c>
      <c r="X21" s="263">
        <v>17</v>
      </c>
    </row>
    <row r="22" spans="2:24" ht="21" customHeight="1" x14ac:dyDescent="0.2">
      <c r="B22" s="472" t="s">
        <v>20</v>
      </c>
      <c r="C22" s="261">
        <v>0</v>
      </c>
      <c r="D22" s="261">
        <v>0</v>
      </c>
      <c r="E22" s="258">
        <v>0</v>
      </c>
      <c r="F22" s="260">
        <v>0</v>
      </c>
      <c r="G22" s="261">
        <v>21</v>
      </c>
      <c r="H22" s="261">
        <v>49</v>
      </c>
      <c r="I22" s="261">
        <v>2</v>
      </c>
      <c r="J22" s="261">
        <v>0</v>
      </c>
      <c r="K22" s="261">
        <v>0</v>
      </c>
      <c r="L22" s="258">
        <v>72</v>
      </c>
      <c r="M22" s="263">
        <v>72</v>
      </c>
      <c r="N22" s="261">
        <v>0</v>
      </c>
      <c r="O22" s="261">
        <v>0</v>
      </c>
      <c r="P22" s="258">
        <v>0</v>
      </c>
      <c r="Q22" s="260">
        <v>0</v>
      </c>
      <c r="R22" s="261">
        <v>0</v>
      </c>
      <c r="S22" s="261">
        <v>0</v>
      </c>
      <c r="T22" s="261">
        <v>0</v>
      </c>
      <c r="U22" s="261">
        <v>0</v>
      </c>
      <c r="V22" s="261">
        <v>0</v>
      </c>
      <c r="W22" s="258">
        <v>0</v>
      </c>
      <c r="X22" s="263">
        <v>0</v>
      </c>
    </row>
    <row r="23" spans="2:24" ht="21" customHeight="1" x14ac:dyDescent="0.2">
      <c r="B23" s="472" t="s">
        <v>21</v>
      </c>
      <c r="C23" s="261">
        <v>0</v>
      </c>
      <c r="D23" s="261">
        <v>0</v>
      </c>
      <c r="E23" s="258">
        <v>0</v>
      </c>
      <c r="F23" s="260">
        <v>0</v>
      </c>
      <c r="G23" s="261">
        <v>72</v>
      </c>
      <c r="H23" s="261">
        <v>42</v>
      </c>
      <c r="I23" s="261">
        <v>16</v>
      </c>
      <c r="J23" s="261">
        <v>5</v>
      </c>
      <c r="K23" s="261">
        <v>0</v>
      </c>
      <c r="L23" s="258">
        <v>135</v>
      </c>
      <c r="M23" s="263">
        <v>135</v>
      </c>
      <c r="N23" s="261">
        <v>0</v>
      </c>
      <c r="O23" s="261">
        <v>0</v>
      </c>
      <c r="P23" s="258">
        <v>0</v>
      </c>
      <c r="Q23" s="260">
        <v>0</v>
      </c>
      <c r="R23" s="261">
        <v>0</v>
      </c>
      <c r="S23" s="261">
        <v>0</v>
      </c>
      <c r="T23" s="261">
        <v>0</v>
      </c>
      <c r="U23" s="261">
        <v>0</v>
      </c>
      <c r="V23" s="261">
        <v>0</v>
      </c>
      <c r="W23" s="258">
        <v>0</v>
      </c>
      <c r="X23" s="263">
        <v>0</v>
      </c>
    </row>
    <row r="24" spans="2:24" ht="21" customHeight="1" x14ac:dyDescent="0.2">
      <c r="B24" s="472" t="s">
        <v>22</v>
      </c>
      <c r="C24" s="261">
        <v>0</v>
      </c>
      <c r="D24" s="261">
        <v>0</v>
      </c>
      <c r="E24" s="258">
        <v>0</v>
      </c>
      <c r="F24" s="260">
        <v>0</v>
      </c>
      <c r="G24" s="261">
        <v>43</v>
      </c>
      <c r="H24" s="261">
        <v>16</v>
      </c>
      <c r="I24" s="261">
        <v>4</v>
      </c>
      <c r="J24" s="261">
        <v>0</v>
      </c>
      <c r="K24" s="261">
        <v>0</v>
      </c>
      <c r="L24" s="258">
        <v>63</v>
      </c>
      <c r="M24" s="263">
        <v>63</v>
      </c>
      <c r="N24" s="261">
        <v>0</v>
      </c>
      <c r="O24" s="261">
        <v>0</v>
      </c>
      <c r="P24" s="258">
        <v>0</v>
      </c>
      <c r="Q24" s="260">
        <v>0</v>
      </c>
      <c r="R24" s="261">
        <v>0</v>
      </c>
      <c r="S24" s="261">
        <v>0</v>
      </c>
      <c r="T24" s="261">
        <v>9</v>
      </c>
      <c r="U24" s="261">
        <v>0</v>
      </c>
      <c r="V24" s="261">
        <v>0</v>
      </c>
      <c r="W24" s="258">
        <v>9</v>
      </c>
      <c r="X24" s="263">
        <v>9</v>
      </c>
    </row>
    <row r="25" spans="2:24" ht="21" customHeight="1" x14ac:dyDescent="0.2">
      <c r="B25" s="472" t="s">
        <v>23</v>
      </c>
      <c r="C25" s="261">
        <v>0</v>
      </c>
      <c r="D25" s="261">
        <v>0</v>
      </c>
      <c r="E25" s="258">
        <v>0</v>
      </c>
      <c r="F25" s="260">
        <v>0</v>
      </c>
      <c r="G25" s="261">
        <v>4</v>
      </c>
      <c r="H25" s="261">
        <v>27</v>
      </c>
      <c r="I25" s="261">
        <v>9</v>
      </c>
      <c r="J25" s="261">
        <v>0</v>
      </c>
      <c r="K25" s="261">
        <v>20</v>
      </c>
      <c r="L25" s="258">
        <v>60</v>
      </c>
      <c r="M25" s="263">
        <v>60</v>
      </c>
      <c r="N25" s="261">
        <v>0</v>
      </c>
      <c r="O25" s="261">
        <v>0</v>
      </c>
      <c r="P25" s="258">
        <v>0</v>
      </c>
      <c r="Q25" s="260">
        <v>0</v>
      </c>
      <c r="R25" s="261">
        <v>0</v>
      </c>
      <c r="S25" s="261">
        <v>0</v>
      </c>
      <c r="T25" s="261">
        <v>0</v>
      </c>
      <c r="U25" s="261">
        <v>0</v>
      </c>
      <c r="V25" s="261">
        <v>0</v>
      </c>
      <c r="W25" s="258">
        <v>0</v>
      </c>
      <c r="X25" s="263">
        <v>0</v>
      </c>
    </row>
    <row r="26" spans="2:24" ht="21" customHeight="1" x14ac:dyDescent="0.2">
      <c r="B26" s="472" t="s">
        <v>24</v>
      </c>
      <c r="C26" s="261">
        <v>0</v>
      </c>
      <c r="D26" s="261">
        <v>0</v>
      </c>
      <c r="E26" s="258">
        <v>0</v>
      </c>
      <c r="F26" s="260">
        <v>0</v>
      </c>
      <c r="G26" s="261">
        <v>0</v>
      </c>
      <c r="H26" s="261">
        <v>0</v>
      </c>
      <c r="I26" s="261">
        <v>0</v>
      </c>
      <c r="J26" s="261">
        <v>0</v>
      </c>
      <c r="K26" s="261">
        <v>0</v>
      </c>
      <c r="L26" s="258">
        <v>0</v>
      </c>
      <c r="M26" s="263">
        <v>0</v>
      </c>
      <c r="N26" s="261">
        <v>0</v>
      </c>
      <c r="O26" s="261">
        <v>0</v>
      </c>
      <c r="P26" s="258">
        <v>0</v>
      </c>
      <c r="Q26" s="260">
        <v>0</v>
      </c>
      <c r="R26" s="261">
        <v>0</v>
      </c>
      <c r="S26" s="261">
        <v>4</v>
      </c>
      <c r="T26" s="261">
        <v>16</v>
      </c>
      <c r="U26" s="261">
        <v>0</v>
      </c>
      <c r="V26" s="261">
        <v>11</v>
      </c>
      <c r="W26" s="258">
        <v>31</v>
      </c>
      <c r="X26" s="263">
        <v>31</v>
      </c>
    </row>
    <row r="27" spans="2:24" ht="21" customHeight="1" x14ac:dyDescent="0.2">
      <c r="B27" s="472" t="s">
        <v>25</v>
      </c>
      <c r="C27" s="261">
        <v>0</v>
      </c>
      <c r="D27" s="261">
        <v>0</v>
      </c>
      <c r="E27" s="258">
        <v>0</v>
      </c>
      <c r="F27" s="260">
        <v>0</v>
      </c>
      <c r="G27" s="261">
        <v>35</v>
      </c>
      <c r="H27" s="261">
        <v>7</v>
      </c>
      <c r="I27" s="261">
        <v>0</v>
      </c>
      <c r="J27" s="261">
        <v>0</v>
      </c>
      <c r="K27" s="261">
        <v>0</v>
      </c>
      <c r="L27" s="258">
        <v>42</v>
      </c>
      <c r="M27" s="263">
        <v>42</v>
      </c>
      <c r="N27" s="261">
        <v>0</v>
      </c>
      <c r="O27" s="261">
        <v>0</v>
      </c>
      <c r="P27" s="258">
        <v>0</v>
      </c>
      <c r="Q27" s="260">
        <v>0</v>
      </c>
      <c r="R27" s="261">
        <v>0</v>
      </c>
      <c r="S27" s="261">
        <v>0</v>
      </c>
      <c r="T27" s="261">
        <v>0</v>
      </c>
      <c r="U27" s="261">
        <v>0</v>
      </c>
      <c r="V27" s="261">
        <v>0</v>
      </c>
      <c r="W27" s="258">
        <v>0</v>
      </c>
      <c r="X27" s="263">
        <v>0</v>
      </c>
    </row>
    <row r="28" spans="2:24" ht="21" customHeight="1" x14ac:dyDescent="0.2">
      <c r="B28" s="472" t="s">
        <v>26</v>
      </c>
      <c r="C28" s="261">
        <v>0</v>
      </c>
      <c r="D28" s="261">
        <v>0</v>
      </c>
      <c r="E28" s="258">
        <v>0</v>
      </c>
      <c r="F28" s="260">
        <v>0</v>
      </c>
      <c r="G28" s="261">
        <v>18</v>
      </c>
      <c r="H28" s="261">
        <v>10</v>
      </c>
      <c r="I28" s="261">
        <v>4</v>
      </c>
      <c r="J28" s="261">
        <v>0</v>
      </c>
      <c r="K28" s="261">
        <v>3</v>
      </c>
      <c r="L28" s="258">
        <v>35</v>
      </c>
      <c r="M28" s="263">
        <v>35</v>
      </c>
      <c r="N28" s="261">
        <v>0</v>
      </c>
      <c r="O28" s="261">
        <v>0</v>
      </c>
      <c r="P28" s="258">
        <v>0</v>
      </c>
      <c r="Q28" s="260">
        <v>0</v>
      </c>
      <c r="R28" s="261">
        <v>0</v>
      </c>
      <c r="S28" s="261">
        <v>0</v>
      </c>
      <c r="T28" s="261">
        <v>0</v>
      </c>
      <c r="U28" s="261">
        <v>0</v>
      </c>
      <c r="V28" s="261">
        <v>0</v>
      </c>
      <c r="W28" s="258">
        <v>0</v>
      </c>
      <c r="X28" s="263">
        <v>0</v>
      </c>
    </row>
    <row r="29" spans="2:24" ht="21" customHeight="1" x14ac:dyDescent="0.2">
      <c r="B29" s="472" t="s">
        <v>27</v>
      </c>
      <c r="C29" s="261">
        <v>0</v>
      </c>
      <c r="D29" s="261">
        <v>0</v>
      </c>
      <c r="E29" s="258">
        <v>0</v>
      </c>
      <c r="F29" s="260">
        <v>0</v>
      </c>
      <c r="G29" s="261">
        <v>16</v>
      </c>
      <c r="H29" s="261">
        <v>7</v>
      </c>
      <c r="I29" s="261">
        <v>0</v>
      </c>
      <c r="J29" s="261">
        <v>0</v>
      </c>
      <c r="K29" s="261">
        <v>0</v>
      </c>
      <c r="L29" s="258">
        <v>23</v>
      </c>
      <c r="M29" s="263">
        <v>23</v>
      </c>
      <c r="N29" s="261">
        <v>0</v>
      </c>
      <c r="O29" s="261">
        <v>0</v>
      </c>
      <c r="P29" s="258">
        <v>0</v>
      </c>
      <c r="Q29" s="260">
        <v>0</v>
      </c>
      <c r="R29" s="261">
        <v>0</v>
      </c>
      <c r="S29" s="261">
        <v>3</v>
      </c>
      <c r="T29" s="261">
        <v>0</v>
      </c>
      <c r="U29" s="261">
        <v>0</v>
      </c>
      <c r="V29" s="261">
        <v>0</v>
      </c>
      <c r="W29" s="258">
        <v>3</v>
      </c>
      <c r="X29" s="263">
        <v>3</v>
      </c>
    </row>
    <row r="30" spans="2:24" ht="21" customHeight="1" x14ac:dyDescent="0.2">
      <c r="B30" s="472" t="s">
        <v>28</v>
      </c>
      <c r="C30" s="261">
        <v>0</v>
      </c>
      <c r="D30" s="261">
        <v>0</v>
      </c>
      <c r="E30" s="258">
        <v>0</v>
      </c>
      <c r="F30" s="260">
        <v>0</v>
      </c>
      <c r="G30" s="261">
        <v>25</v>
      </c>
      <c r="H30" s="261">
        <v>5</v>
      </c>
      <c r="I30" s="261">
        <v>0</v>
      </c>
      <c r="J30" s="261">
        <v>0</v>
      </c>
      <c r="K30" s="261">
        <v>0</v>
      </c>
      <c r="L30" s="258">
        <v>30</v>
      </c>
      <c r="M30" s="263">
        <v>30</v>
      </c>
      <c r="N30" s="261">
        <v>0</v>
      </c>
      <c r="O30" s="261">
        <v>0</v>
      </c>
      <c r="P30" s="258">
        <v>0</v>
      </c>
      <c r="Q30" s="260">
        <v>0</v>
      </c>
      <c r="R30" s="261">
        <v>0</v>
      </c>
      <c r="S30" s="261">
        <v>0</v>
      </c>
      <c r="T30" s="261">
        <v>0</v>
      </c>
      <c r="U30" s="261">
        <v>0</v>
      </c>
      <c r="V30" s="261">
        <v>0</v>
      </c>
      <c r="W30" s="258">
        <v>0</v>
      </c>
      <c r="X30" s="263">
        <v>0</v>
      </c>
    </row>
    <row r="31" spans="2:24" ht="21" customHeight="1" x14ac:dyDescent="0.2">
      <c r="B31" s="472" t="s">
        <v>29</v>
      </c>
      <c r="C31" s="261">
        <v>0</v>
      </c>
      <c r="D31" s="261">
        <v>0</v>
      </c>
      <c r="E31" s="258">
        <v>0</v>
      </c>
      <c r="F31" s="260">
        <v>0</v>
      </c>
      <c r="G31" s="261">
        <v>3</v>
      </c>
      <c r="H31" s="261">
        <v>0</v>
      </c>
      <c r="I31" s="261">
        <v>0</v>
      </c>
      <c r="J31" s="261">
        <v>0</v>
      </c>
      <c r="K31" s="261">
        <v>0</v>
      </c>
      <c r="L31" s="258">
        <v>3</v>
      </c>
      <c r="M31" s="263">
        <v>3</v>
      </c>
      <c r="N31" s="261">
        <v>0</v>
      </c>
      <c r="O31" s="261">
        <v>0</v>
      </c>
      <c r="P31" s="258">
        <v>0</v>
      </c>
      <c r="Q31" s="260">
        <v>0</v>
      </c>
      <c r="R31" s="261">
        <v>0</v>
      </c>
      <c r="S31" s="261">
        <v>0</v>
      </c>
      <c r="T31" s="261">
        <v>0</v>
      </c>
      <c r="U31" s="261">
        <v>0</v>
      </c>
      <c r="V31" s="261">
        <v>0</v>
      </c>
      <c r="W31" s="258">
        <v>0</v>
      </c>
      <c r="X31" s="263">
        <v>0</v>
      </c>
    </row>
    <row r="32" spans="2:24" ht="21" customHeight="1" x14ac:dyDescent="0.2">
      <c r="B32" s="472" t="s">
        <v>30</v>
      </c>
      <c r="C32" s="261">
        <v>0</v>
      </c>
      <c r="D32" s="261">
        <v>0</v>
      </c>
      <c r="E32" s="258">
        <v>0</v>
      </c>
      <c r="F32" s="260">
        <v>0</v>
      </c>
      <c r="G32" s="261">
        <v>11</v>
      </c>
      <c r="H32" s="261">
        <v>0</v>
      </c>
      <c r="I32" s="261">
        <v>0</v>
      </c>
      <c r="J32" s="261">
        <v>38</v>
      </c>
      <c r="K32" s="261">
        <v>0</v>
      </c>
      <c r="L32" s="258">
        <v>49</v>
      </c>
      <c r="M32" s="263">
        <v>49</v>
      </c>
      <c r="N32" s="261">
        <v>0</v>
      </c>
      <c r="O32" s="261">
        <v>0</v>
      </c>
      <c r="P32" s="258">
        <v>0</v>
      </c>
      <c r="Q32" s="260">
        <v>0</v>
      </c>
      <c r="R32" s="261">
        <v>0</v>
      </c>
      <c r="S32" s="261">
        <v>4</v>
      </c>
      <c r="T32" s="261">
        <v>0</v>
      </c>
      <c r="U32" s="261">
        <v>0</v>
      </c>
      <c r="V32" s="261">
        <v>0</v>
      </c>
      <c r="W32" s="258">
        <v>4</v>
      </c>
      <c r="X32" s="263">
        <v>4</v>
      </c>
    </row>
    <row r="33" spans="2:24" ht="21" customHeight="1" x14ac:dyDescent="0.2">
      <c r="B33" s="472" t="s">
        <v>31</v>
      </c>
      <c r="C33" s="261">
        <v>0</v>
      </c>
      <c r="D33" s="261">
        <v>0</v>
      </c>
      <c r="E33" s="258">
        <v>0</v>
      </c>
      <c r="F33" s="260">
        <v>0</v>
      </c>
      <c r="G33" s="261">
        <v>7</v>
      </c>
      <c r="H33" s="261">
        <v>1</v>
      </c>
      <c r="I33" s="261">
        <v>8</v>
      </c>
      <c r="J33" s="261">
        <v>0</v>
      </c>
      <c r="K33" s="261">
        <v>0</v>
      </c>
      <c r="L33" s="258">
        <v>16</v>
      </c>
      <c r="M33" s="263">
        <v>16</v>
      </c>
      <c r="N33" s="261">
        <v>0</v>
      </c>
      <c r="O33" s="261">
        <v>0</v>
      </c>
      <c r="P33" s="258">
        <v>0</v>
      </c>
      <c r="Q33" s="260">
        <v>0</v>
      </c>
      <c r="R33" s="261">
        <v>0</v>
      </c>
      <c r="S33" s="261">
        <v>0</v>
      </c>
      <c r="T33" s="261">
        <v>0</v>
      </c>
      <c r="U33" s="261">
        <v>0</v>
      </c>
      <c r="V33" s="261">
        <v>0</v>
      </c>
      <c r="W33" s="258">
        <v>0</v>
      </c>
      <c r="X33" s="263">
        <v>0</v>
      </c>
    </row>
    <row r="34" spans="2:24" ht="21" customHeight="1" x14ac:dyDescent="0.2">
      <c r="B34" s="472" t="s">
        <v>32</v>
      </c>
      <c r="C34" s="261">
        <v>0</v>
      </c>
      <c r="D34" s="261">
        <v>0</v>
      </c>
      <c r="E34" s="258">
        <v>0</v>
      </c>
      <c r="F34" s="260">
        <v>0</v>
      </c>
      <c r="G34" s="261">
        <v>4</v>
      </c>
      <c r="H34" s="261">
        <v>0</v>
      </c>
      <c r="I34" s="261">
        <v>5</v>
      </c>
      <c r="J34" s="261">
        <v>0</v>
      </c>
      <c r="K34" s="261">
        <v>0</v>
      </c>
      <c r="L34" s="258">
        <v>9</v>
      </c>
      <c r="M34" s="263">
        <v>9</v>
      </c>
      <c r="N34" s="261">
        <v>0</v>
      </c>
      <c r="O34" s="261">
        <v>0</v>
      </c>
      <c r="P34" s="258">
        <v>0</v>
      </c>
      <c r="Q34" s="260">
        <v>0</v>
      </c>
      <c r="R34" s="261">
        <v>17</v>
      </c>
      <c r="S34" s="261">
        <v>0</v>
      </c>
      <c r="T34" s="261">
        <v>0</v>
      </c>
      <c r="U34" s="261">
        <v>0</v>
      </c>
      <c r="V34" s="261">
        <v>0</v>
      </c>
      <c r="W34" s="258">
        <v>17</v>
      </c>
      <c r="X34" s="263">
        <v>17</v>
      </c>
    </row>
    <row r="35" spans="2:24" ht="21" customHeight="1" x14ac:dyDescent="0.2">
      <c r="B35" s="472" t="s">
        <v>33</v>
      </c>
      <c r="C35" s="261">
        <v>0</v>
      </c>
      <c r="D35" s="261">
        <v>0</v>
      </c>
      <c r="E35" s="258">
        <v>0</v>
      </c>
      <c r="F35" s="260">
        <v>0</v>
      </c>
      <c r="G35" s="261">
        <v>7</v>
      </c>
      <c r="H35" s="261">
        <v>0</v>
      </c>
      <c r="I35" s="261">
        <v>7</v>
      </c>
      <c r="J35" s="261">
        <v>9</v>
      </c>
      <c r="K35" s="261">
        <v>0</v>
      </c>
      <c r="L35" s="258">
        <v>23</v>
      </c>
      <c r="M35" s="263">
        <v>23</v>
      </c>
      <c r="N35" s="261">
        <v>0</v>
      </c>
      <c r="O35" s="261">
        <v>0</v>
      </c>
      <c r="P35" s="258">
        <v>0</v>
      </c>
      <c r="Q35" s="260">
        <v>0</v>
      </c>
      <c r="R35" s="261">
        <v>0</v>
      </c>
      <c r="S35" s="261">
        <v>0</v>
      </c>
      <c r="T35" s="261">
        <v>0</v>
      </c>
      <c r="U35" s="261">
        <v>0</v>
      </c>
      <c r="V35" s="261">
        <v>0</v>
      </c>
      <c r="W35" s="258">
        <v>0</v>
      </c>
      <c r="X35" s="263">
        <v>0</v>
      </c>
    </row>
    <row r="36" spans="2:24" ht="21" customHeight="1" x14ac:dyDescent="0.2">
      <c r="B36" s="472" t="s">
        <v>34</v>
      </c>
      <c r="C36" s="261">
        <v>0</v>
      </c>
      <c r="D36" s="261">
        <v>0</v>
      </c>
      <c r="E36" s="258">
        <v>0</v>
      </c>
      <c r="F36" s="260">
        <v>0</v>
      </c>
      <c r="G36" s="261">
        <v>0</v>
      </c>
      <c r="H36" s="261">
        <v>0</v>
      </c>
      <c r="I36" s="261">
        <v>0</v>
      </c>
      <c r="J36" s="261">
        <v>0</v>
      </c>
      <c r="K36" s="261">
        <v>0</v>
      </c>
      <c r="L36" s="258">
        <v>0</v>
      </c>
      <c r="M36" s="263">
        <v>0</v>
      </c>
      <c r="N36" s="261">
        <v>0</v>
      </c>
      <c r="O36" s="261">
        <v>0</v>
      </c>
      <c r="P36" s="258">
        <v>0</v>
      </c>
      <c r="Q36" s="260">
        <v>0</v>
      </c>
      <c r="R36" s="261">
        <v>0</v>
      </c>
      <c r="S36" s="261">
        <v>0</v>
      </c>
      <c r="T36" s="261">
        <v>0</v>
      </c>
      <c r="U36" s="261">
        <v>0</v>
      </c>
      <c r="V36" s="261">
        <v>0</v>
      </c>
      <c r="W36" s="258">
        <v>0</v>
      </c>
      <c r="X36" s="263">
        <v>0</v>
      </c>
    </row>
    <row r="37" spans="2:24" ht="21" customHeight="1" x14ac:dyDescent="0.2">
      <c r="B37" s="472" t="s">
        <v>35</v>
      </c>
      <c r="C37" s="261">
        <v>0</v>
      </c>
      <c r="D37" s="261">
        <v>0</v>
      </c>
      <c r="E37" s="258">
        <v>0</v>
      </c>
      <c r="F37" s="260">
        <v>0</v>
      </c>
      <c r="G37" s="261">
        <v>0</v>
      </c>
      <c r="H37" s="261">
        <v>0</v>
      </c>
      <c r="I37" s="261">
        <v>0</v>
      </c>
      <c r="J37" s="261">
        <v>0</v>
      </c>
      <c r="K37" s="261">
        <v>0</v>
      </c>
      <c r="L37" s="258">
        <v>0</v>
      </c>
      <c r="M37" s="263">
        <v>0</v>
      </c>
      <c r="N37" s="261">
        <v>0</v>
      </c>
      <c r="O37" s="261">
        <v>0</v>
      </c>
      <c r="P37" s="258">
        <v>0</v>
      </c>
      <c r="Q37" s="260">
        <v>0</v>
      </c>
      <c r="R37" s="261">
        <v>0</v>
      </c>
      <c r="S37" s="261">
        <v>0</v>
      </c>
      <c r="T37" s="261">
        <v>0</v>
      </c>
      <c r="U37" s="261">
        <v>0</v>
      </c>
      <c r="V37" s="261">
        <v>0</v>
      </c>
      <c r="W37" s="258">
        <v>0</v>
      </c>
      <c r="X37" s="263">
        <v>0</v>
      </c>
    </row>
    <row r="38" spans="2:24" ht="21" customHeight="1" x14ac:dyDescent="0.2">
      <c r="B38" s="472" t="s">
        <v>36</v>
      </c>
      <c r="C38" s="261">
        <v>0</v>
      </c>
      <c r="D38" s="261">
        <v>0</v>
      </c>
      <c r="E38" s="258">
        <v>0</v>
      </c>
      <c r="F38" s="260">
        <v>0</v>
      </c>
      <c r="G38" s="261">
        <v>8</v>
      </c>
      <c r="H38" s="261">
        <v>0</v>
      </c>
      <c r="I38" s="261">
        <v>0</v>
      </c>
      <c r="J38" s="261">
        <v>22</v>
      </c>
      <c r="K38" s="261">
        <v>0</v>
      </c>
      <c r="L38" s="258">
        <v>30</v>
      </c>
      <c r="M38" s="263">
        <v>30</v>
      </c>
      <c r="N38" s="261">
        <v>0</v>
      </c>
      <c r="O38" s="261">
        <v>0</v>
      </c>
      <c r="P38" s="258">
        <v>0</v>
      </c>
      <c r="Q38" s="260">
        <v>0</v>
      </c>
      <c r="R38" s="261">
        <v>0</v>
      </c>
      <c r="S38" s="261">
        <v>0</v>
      </c>
      <c r="T38" s="261">
        <v>0</v>
      </c>
      <c r="U38" s="261">
        <v>0</v>
      </c>
      <c r="V38" s="261">
        <v>0</v>
      </c>
      <c r="W38" s="258">
        <v>0</v>
      </c>
      <c r="X38" s="263">
        <v>0</v>
      </c>
    </row>
    <row r="39" spans="2:24" ht="21" customHeight="1" thickBot="1" x14ac:dyDescent="0.25">
      <c r="B39" s="473" t="s">
        <v>37</v>
      </c>
      <c r="C39" s="268">
        <v>0</v>
      </c>
      <c r="D39" s="268">
        <v>0</v>
      </c>
      <c r="E39" s="265">
        <v>0</v>
      </c>
      <c r="F39" s="267">
        <v>0</v>
      </c>
      <c r="G39" s="268">
        <v>0</v>
      </c>
      <c r="H39" s="268">
        <v>0</v>
      </c>
      <c r="I39" s="268">
        <v>0</v>
      </c>
      <c r="J39" s="268">
        <v>0</v>
      </c>
      <c r="K39" s="268">
        <v>13</v>
      </c>
      <c r="L39" s="265">
        <v>13</v>
      </c>
      <c r="M39" s="270">
        <v>13</v>
      </c>
      <c r="N39" s="268">
        <v>0</v>
      </c>
      <c r="O39" s="268">
        <v>0</v>
      </c>
      <c r="P39" s="265">
        <v>0</v>
      </c>
      <c r="Q39" s="267">
        <v>0</v>
      </c>
      <c r="R39" s="268">
        <v>0</v>
      </c>
      <c r="S39" s="268">
        <v>0</v>
      </c>
      <c r="T39" s="268">
        <v>0</v>
      </c>
      <c r="U39" s="268">
        <v>0</v>
      </c>
      <c r="V39" s="268">
        <v>0</v>
      </c>
      <c r="W39" s="265">
        <v>0</v>
      </c>
      <c r="X39" s="270">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9" style="1" customWidth="1"/>
    <col min="4" max="4" width="8.109375" style="1" customWidth="1"/>
    <col min="5" max="5" width="10.109375" style="1" bestFit="1" customWidth="1"/>
    <col min="6" max="6" width="9" style="1"/>
    <col min="7" max="8" width="9" style="1" customWidth="1"/>
    <col min="9"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15" t="s">
        <v>56</v>
      </c>
      <c r="F1" s="499">
        <f>第１表!F2</f>
        <v>5</v>
      </c>
      <c r="G1" s="499"/>
      <c r="H1" s="235">
        <f>第１表!G2</f>
        <v>9</v>
      </c>
      <c r="I1" s="530">
        <f>IF(H1&lt;3,H1-2+12,H1-2)</f>
        <v>7</v>
      </c>
      <c r="J1" s="530"/>
    </row>
    <row r="2" spans="2:133" ht="24" customHeight="1" thickBot="1" x14ac:dyDescent="0.25"/>
    <row r="3" spans="2:133" ht="21" customHeight="1" thickBot="1" x14ac:dyDescent="0.25">
      <c r="B3" s="548"/>
      <c r="C3" s="551" t="s">
        <v>57</v>
      </c>
      <c r="D3" s="552"/>
      <c r="E3" s="552"/>
      <c r="F3" s="552"/>
      <c r="G3" s="552"/>
      <c r="H3" s="552"/>
      <c r="I3" s="552"/>
      <c r="J3" s="552"/>
      <c r="K3" s="552"/>
      <c r="L3" s="552"/>
      <c r="M3" s="552"/>
      <c r="N3" s="552"/>
      <c r="O3" s="552"/>
      <c r="P3" s="552"/>
      <c r="Q3" s="552"/>
      <c r="R3" s="552"/>
      <c r="S3" s="552"/>
      <c r="T3" s="552"/>
      <c r="U3" s="552"/>
      <c r="V3" s="552"/>
      <c r="W3" s="552"/>
      <c r="X3" s="552"/>
      <c r="Y3" s="552"/>
      <c r="Z3" s="552"/>
      <c r="AA3" s="552"/>
      <c r="AB3" s="552"/>
      <c r="AC3" s="552"/>
      <c r="AD3" s="552"/>
      <c r="AE3" s="552"/>
      <c r="AF3" s="553"/>
      <c r="AG3" s="551" t="s">
        <v>58</v>
      </c>
      <c r="AH3" s="554"/>
      <c r="AI3" s="554"/>
      <c r="AJ3" s="554"/>
      <c r="AK3" s="554"/>
      <c r="AL3" s="554"/>
      <c r="AM3" s="554"/>
      <c r="AN3" s="554"/>
      <c r="AO3" s="554"/>
      <c r="AP3" s="554"/>
      <c r="AQ3" s="554"/>
      <c r="AR3" s="554"/>
      <c r="AS3" s="554"/>
      <c r="AT3" s="554"/>
      <c r="AU3" s="554"/>
      <c r="AV3" s="554"/>
      <c r="AW3" s="554"/>
      <c r="AX3" s="554"/>
      <c r="AY3" s="554"/>
      <c r="AZ3" s="554"/>
      <c r="BA3" s="554"/>
      <c r="BB3" s="554"/>
      <c r="BC3" s="554"/>
      <c r="BD3" s="554"/>
      <c r="BE3" s="554"/>
      <c r="BF3" s="554"/>
      <c r="BG3" s="554"/>
      <c r="BH3" s="554"/>
      <c r="BI3" s="554"/>
      <c r="BJ3" s="555"/>
      <c r="BK3" s="551" t="s">
        <v>59</v>
      </c>
      <c r="BL3" s="552"/>
      <c r="BM3" s="552"/>
      <c r="BN3" s="552"/>
      <c r="BO3" s="552"/>
      <c r="BP3" s="552"/>
      <c r="BQ3" s="552"/>
      <c r="BR3" s="552"/>
      <c r="BS3" s="552"/>
      <c r="BT3" s="552"/>
      <c r="BU3" s="552"/>
      <c r="BV3" s="552"/>
      <c r="BW3" s="552"/>
      <c r="BX3" s="552"/>
      <c r="BY3" s="552"/>
      <c r="BZ3" s="552"/>
      <c r="CA3" s="552"/>
      <c r="CB3" s="552"/>
      <c r="CC3" s="552"/>
      <c r="CD3" s="552"/>
      <c r="CE3" s="552"/>
      <c r="CF3" s="552"/>
      <c r="CG3" s="552"/>
      <c r="CH3" s="552"/>
      <c r="CI3" s="552"/>
      <c r="CJ3" s="552"/>
      <c r="CK3" s="552"/>
      <c r="CL3" s="552"/>
      <c r="CM3" s="552"/>
      <c r="CN3" s="553"/>
      <c r="CO3" s="580" t="s">
        <v>150</v>
      </c>
      <c r="CP3" s="552"/>
      <c r="CQ3" s="552"/>
      <c r="CR3" s="552"/>
      <c r="CS3" s="552"/>
      <c r="CT3" s="552"/>
      <c r="CU3" s="552"/>
      <c r="CV3" s="552"/>
      <c r="CW3" s="552"/>
      <c r="CX3" s="552"/>
      <c r="CY3" s="552"/>
      <c r="CZ3" s="552"/>
      <c r="DA3" s="552"/>
      <c r="DB3" s="552"/>
      <c r="DC3" s="552"/>
      <c r="DD3" s="552"/>
      <c r="DE3" s="552"/>
      <c r="DF3" s="552"/>
      <c r="DG3" s="552"/>
      <c r="DH3" s="552"/>
      <c r="DI3" s="552"/>
      <c r="DJ3" s="552"/>
      <c r="DK3" s="552"/>
      <c r="DL3" s="552"/>
      <c r="DM3" s="552"/>
      <c r="DN3" s="552"/>
      <c r="DO3" s="552"/>
      <c r="DP3" s="552"/>
      <c r="DQ3" s="552"/>
      <c r="DR3" s="553"/>
      <c r="DS3" s="574" t="s">
        <v>60</v>
      </c>
      <c r="DT3" s="479"/>
      <c r="DU3" s="479"/>
      <c r="DV3" s="479"/>
      <c r="DW3" s="479"/>
      <c r="DX3" s="479"/>
      <c r="DY3" s="479"/>
      <c r="DZ3" s="479"/>
      <c r="EA3" s="479"/>
      <c r="EB3" s="480"/>
    </row>
    <row r="4" spans="2:133" ht="21" customHeight="1" thickBot="1" x14ac:dyDescent="0.25">
      <c r="B4" s="549"/>
      <c r="C4" s="575"/>
      <c r="D4" s="568"/>
      <c r="E4" s="568"/>
      <c r="F4" s="568"/>
      <c r="G4" s="568"/>
      <c r="H4" s="568"/>
      <c r="I4" s="568"/>
      <c r="J4" s="568"/>
      <c r="K4" s="568"/>
      <c r="L4" s="568"/>
      <c r="M4" s="577" t="s">
        <v>39</v>
      </c>
      <c r="N4" s="578"/>
      <c r="O4" s="578"/>
      <c r="P4" s="578"/>
      <c r="Q4" s="578"/>
      <c r="R4" s="578"/>
      <c r="S4" s="578"/>
      <c r="T4" s="578"/>
      <c r="U4" s="578"/>
      <c r="V4" s="579"/>
      <c r="W4" s="577" t="s">
        <v>40</v>
      </c>
      <c r="X4" s="578"/>
      <c r="Y4" s="578"/>
      <c r="Z4" s="578"/>
      <c r="AA4" s="578"/>
      <c r="AB4" s="578"/>
      <c r="AC4" s="578"/>
      <c r="AD4" s="578"/>
      <c r="AE4" s="578"/>
      <c r="AF4" s="579"/>
      <c r="AG4" s="575"/>
      <c r="AH4" s="568"/>
      <c r="AI4" s="568"/>
      <c r="AJ4" s="568"/>
      <c r="AK4" s="568"/>
      <c r="AL4" s="568"/>
      <c r="AM4" s="568"/>
      <c r="AN4" s="568"/>
      <c r="AO4" s="568"/>
      <c r="AP4" s="568"/>
      <c r="AQ4" s="577" t="s">
        <v>39</v>
      </c>
      <c r="AR4" s="578"/>
      <c r="AS4" s="578"/>
      <c r="AT4" s="578"/>
      <c r="AU4" s="578"/>
      <c r="AV4" s="578"/>
      <c r="AW4" s="578"/>
      <c r="AX4" s="578"/>
      <c r="AY4" s="578"/>
      <c r="AZ4" s="579"/>
      <c r="BA4" s="577" t="s">
        <v>40</v>
      </c>
      <c r="BB4" s="578"/>
      <c r="BC4" s="578"/>
      <c r="BD4" s="578"/>
      <c r="BE4" s="578"/>
      <c r="BF4" s="578"/>
      <c r="BG4" s="578"/>
      <c r="BH4" s="578"/>
      <c r="BI4" s="578"/>
      <c r="BJ4" s="579"/>
      <c r="BK4" s="575"/>
      <c r="BL4" s="568"/>
      <c r="BM4" s="568"/>
      <c r="BN4" s="568"/>
      <c r="BO4" s="568"/>
      <c r="BP4" s="568"/>
      <c r="BQ4" s="568"/>
      <c r="BR4" s="568"/>
      <c r="BS4" s="568"/>
      <c r="BT4" s="568"/>
      <c r="BU4" s="577" t="s">
        <v>39</v>
      </c>
      <c r="BV4" s="578"/>
      <c r="BW4" s="578"/>
      <c r="BX4" s="578"/>
      <c r="BY4" s="578"/>
      <c r="BZ4" s="578"/>
      <c r="CA4" s="578"/>
      <c r="CB4" s="578"/>
      <c r="CC4" s="578"/>
      <c r="CD4" s="579"/>
      <c r="CE4" s="577" t="s">
        <v>40</v>
      </c>
      <c r="CF4" s="578"/>
      <c r="CG4" s="578"/>
      <c r="CH4" s="578"/>
      <c r="CI4" s="578"/>
      <c r="CJ4" s="578"/>
      <c r="CK4" s="578"/>
      <c r="CL4" s="578"/>
      <c r="CM4" s="578"/>
      <c r="CN4" s="579"/>
      <c r="CO4" s="575"/>
      <c r="CP4" s="568"/>
      <c r="CQ4" s="568"/>
      <c r="CR4" s="568"/>
      <c r="CS4" s="568"/>
      <c r="CT4" s="568"/>
      <c r="CU4" s="568"/>
      <c r="CV4" s="568"/>
      <c r="CW4" s="568"/>
      <c r="CX4" s="568"/>
      <c r="CY4" s="577" t="s">
        <v>39</v>
      </c>
      <c r="CZ4" s="578"/>
      <c r="DA4" s="578"/>
      <c r="DB4" s="578"/>
      <c r="DC4" s="578"/>
      <c r="DD4" s="578"/>
      <c r="DE4" s="578"/>
      <c r="DF4" s="578"/>
      <c r="DG4" s="578"/>
      <c r="DH4" s="579"/>
      <c r="DI4" s="577" t="s">
        <v>40</v>
      </c>
      <c r="DJ4" s="578"/>
      <c r="DK4" s="578"/>
      <c r="DL4" s="578"/>
      <c r="DM4" s="578"/>
      <c r="DN4" s="578"/>
      <c r="DO4" s="578"/>
      <c r="DP4" s="578"/>
      <c r="DQ4" s="578"/>
      <c r="DR4" s="579"/>
      <c r="DS4" s="575"/>
      <c r="DT4" s="568"/>
      <c r="DU4" s="568"/>
      <c r="DV4" s="568"/>
      <c r="DW4" s="568"/>
      <c r="DX4" s="568"/>
      <c r="DY4" s="568"/>
      <c r="DZ4" s="568"/>
      <c r="EA4" s="568"/>
      <c r="EB4" s="576"/>
    </row>
    <row r="5" spans="2:133" ht="21" customHeight="1" x14ac:dyDescent="0.2">
      <c r="B5" s="550"/>
      <c r="C5" s="556" t="s">
        <v>61</v>
      </c>
      <c r="D5" s="557"/>
      <c r="E5" s="558"/>
      <c r="F5" s="559" t="s">
        <v>62</v>
      </c>
      <c r="G5" s="560"/>
      <c r="H5" s="560"/>
      <c r="I5" s="560"/>
      <c r="J5" s="560"/>
      <c r="K5" s="561"/>
      <c r="L5" s="572" t="s">
        <v>52</v>
      </c>
      <c r="M5" s="564" t="s">
        <v>61</v>
      </c>
      <c r="N5" s="565"/>
      <c r="O5" s="566"/>
      <c r="P5" s="567" t="s">
        <v>62</v>
      </c>
      <c r="Q5" s="568"/>
      <c r="R5" s="568"/>
      <c r="S5" s="568"/>
      <c r="T5" s="568"/>
      <c r="U5" s="569"/>
      <c r="V5" s="573" t="s">
        <v>52</v>
      </c>
      <c r="W5" s="581" t="s">
        <v>61</v>
      </c>
      <c r="X5" s="565"/>
      <c r="Y5" s="566"/>
      <c r="Z5" s="567" t="s">
        <v>62</v>
      </c>
      <c r="AA5" s="568"/>
      <c r="AB5" s="568"/>
      <c r="AC5" s="568"/>
      <c r="AD5" s="568"/>
      <c r="AE5" s="569"/>
      <c r="AF5" s="573" t="s">
        <v>52</v>
      </c>
      <c r="AG5" s="556" t="s">
        <v>61</v>
      </c>
      <c r="AH5" s="557"/>
      <c r="AI5" s="558"/>
      <c r="AJ5" s="559" t="s">
        <v>62</v>
      </c>
      <c r="AK5" s="560"/>
      <c r="AL5" s="560"/>
      <c r="AM5" s="560"/>
      <c r="AN5" s="560"/>
      <c r="AO5" s="561"/>
      <c r="AP5" s="562" t="s">
        <v>52</v>
      </c>
      <c r="AQ5" s="564" t="s">
        <v>61</v>
      </c>
      <c r="AR5" s="565"/>
      <c r="AS5" s="566"/>
      <c r="AT5" s="567" t="s">
        <v>62</v>
      </c>
      <c r="AU5" s="568"/>
      <c r="AV5" s="568"/>
      <c r="AW5" s="568"/>
      <c r="AX5" s="568"/>
      <c r="AY5" s="569"/>
      <c r="AZ5" s="570" t="s">
        <v>52</v>
      </c>
      <c r="BA5" s="564" t="s">
        <v>61</v>
      </c>
      <c r="BB5" s="565"/>
      <c r="BC5" s="566"/>
      <c r="BD5" s="567" t="s">
        <v>62</v>
      </c>
      <c r="BE5" s="568"/>
      <c r="BF5" s="568"/>
      <c r="BG5" s="568"/>
      <c r="BH5" s="568"/>
      <c r="BI5" s="569"/>
      <c r="BJ5" s="573" t="s">
        <v>52</v>
      </c>
      <c r="BK5" s="556" t="s">
        <v>61</v>
      </c>
      <c r="BL5" s="557"/>
      <c r="BM5" s="558"/>
      <c r="BN5" s="559" t="s">
        <v>62</v>
      </c>
      <c r="BO5" s="560"/>
      <c r="BP5" s="560"/>
      <c r="BQ5" s="560"/>
      <c r="BR5" s="560"/>
      <c r="BS5" s="561"/>
      <c r="BT5" s="572" t="s">
        <v>52</v>
      </c>
      <c r="BU5" s="564" t="s">
        <v>61</v>
      </c>
      <c r="BV5" s="565"/>
      <c r="BW5" s="566"/>
      <c r="BX5" s="567" t="s">
        <v>62</v>
      </c>
      <c r="BY5" s="568"/>
      <c r="BZ5" s="568"/>
      <c r="CA5" s="568"/>
      <c r="CB5" s="568"/>
      <c r="CC5" s="569"/>
      <c r="CD5" s="573" t="s">
        <v>52</v>
      </c>
      <c r="CE5" s="581" t="s">
        <v>61</v>
      </c>
      <c r="CF5" s="565"/>
      <c r="CG5" s="566"/>
      <c r="CH5" s="567" t="s">
        <v>62</v>
      </c>
      <c r="CI5" s="568"/>
      <c r="CJ5" s="568"/>
      <c r="CK5" s="568"/>
      <c r="CL5" s="568"/>
      <c r="CM5" s="569"/>
      <c r="CN5" s="573" t="s">
        <v>52</v>
      </c>
      <c r="CO5" s="556" t="s">
        <v>61</v>
      </c>
      <c r="CP5" s="557"/>
      <c r="CQ5" s="558"/>
      <c r="CR5" s="559" t="s">
        <v>62</v>
      </c>
      <c r="CS5" s="560"/>
      <c r="CT5" s="560"/>
      <c r="CU5" s="560"/>
      <c r="CV5" s="560"/>
      <c r="CW5" s="561"/>
      <c r="CX5" s="572" t="s">
        <v>52</v>
      </c>
      <c r="CY5" s="564" t="s">
        <v>61</v>
      </c>
      <c r="CZ5" s="565"/>
      <c r="DA5" s="566"/>
      <c r="DB5" s="567" t="s">
        <v>62</v>
      </c>
      <c r="DC5" s="568"/>
      <c r="DD5" s="568"/>
      <c r="DE5" s="568"/>
      <c r="DF5" s="568"/>
      <c r="DG5" s="569"/>
      <c r="DH5" s="573" t="s">
        <v>52</v>
      </c>
      <c r="DI5" s="581" t="s">
        <v>61</v>
      </c>
      <c r="DJ5" s="565"/>
      <c r="DK5" s="566"/>
      <c r="DL5" s="567" t="s">
        <v>62</v>
      </c>
      <c r="DM5" s="568"/>
      <c r="DN5" s="568"/>
      <c r="DO5" s="568"/>
      <c r="DP5" s="568"/>
      <c r="DQ5" s="569"/>
      <c r="DR5" s="573" t="s">
        <v>52</v>
      </c>
      <c r="DS5" s="556" t="s">
        <v>61</v>
      </c>
      <c r="DT5" s="557"/>
      <c r="DU5" s="558"/>
      <c r="DV5" s="559" t="s">
        <v>62</v>
      </c>
      <c r="DW5" s="560"/>
      <c r="DX5" s="560"/>
      <c r="DY5" s="560"/>
      <c r="DZ5" s="560"/>
      <c r="EA5" s="561"/>
      <c r="EB5" s="562" t="s">
        <v>52</v>
      </c>
    </row>
    <row r="6" spans="2:133" ht="30" customHeight="1" thickBot="1" x14ac:dyDescent="0.25">
      <c r="B6" s="291" t="s">
        <v>42</v>
      </c>
      <c r="C6" s="26" t="s">
        <v>43</v>
      </c>
      <c r="D6" s="27" t="s">
        <v>44</v>
      </c>
      <c r="E6" s="27" t="s">
        <v>45</v>
      </c>
      <c r="F6" s="28" t="s">
        <v>47</v>
      </c>
      <c r="G6" s="29" t="s">
        <v>48</v>
      </c>
      <c r="H6" s="29" t="s">
        <v>49</v>
      </c>
      <c r="I6" s="30" t="s">
        <v>50</v>
      </c>
      <c r="J6" s="27" t="s">
        <v>51</v>
      </c>
      <c r="K6" s="31" t="s">
        <v>95</v>
      </c>
      <c r="L6" s="571"/>
      <c r="M6" s="26" t="s">
        <v>43</v>
      </c>
      <c r="N6" s="27" t="s">
        <v>44</v>
      </c>
      <c r="O6" s="31" t="s">
        <v>45</v>
      </c>
      <c r="P6" s="28" t="s">
        <v>47</v>
      </c>
      <c r="Q6" s="29" t="s">
        <v>48</v>
      </c>
      <c r="R6" s="29" t="s">
        <v>49</v>
      </c>
      <c r="S6" s="30" t="s">
        <v>50</v>
      </c>
      <c r="T6" s="27" t="s">
        <v>51</v>
      </c>
      <c r="U6" s="31" t="s">
        <v>45</v>
      </c>
      <c r="V6" s="563"/>
      <c r="W6" s="12" t="s">
        <v>43</v>
      </c>
      <c r="X6" s="27" t="s">
        <v>44</v>
      </c>
      <c r="Y6" s="31" t="s">
        <v>45</v>
      </c>
      <c r="Z6" s="12" t="s">
        <v>47</v>
      </c>
      <c r="AA6" s="29" t="s">
        <v>48</v>
      </c>
      <c r="AB6" s="29" t="s">
        <v>49</v>
      </c>
      <c r="AC6" s="30" t="s">
        <v>50</v>
      </c>
      <c r="AD6" s="27" t="s">
        <v>51</v>
      </c>
      <c r="AE6" s="31" t="s">
        <v>45</v>
      </c>
      <c r="AF6" s="563"/>
      <c r="AG6" s="26" t="s">
        <v>43</v>
      </c>
      <c r="AH6" s="27" t="s">
        <v>44</v>
      </c>
      <c r="AI6" s="31" t="s">
        <v>45</v>
      </c>
      <c r="AJ6" s="12" t="s">
        <v>47</v>
      </c>
      <c r="AK6" s="29" t="s">
        <v>48</v>
      </c>
      <c r="AL6" s="29" t="s">
        <v>49</v>
      </c>
      <c r="AM6" s="30" t="s">
        <v>50</v>
      </c>
      <c r="AN6" s="27" t="s">
        <v>51</v>
      </c>
      <c r="AO6" s="31" t="s">
        <v>45</v>
      </c>
      <c r="AP6" s="563"/>
      <c r="AQ6" s="26" t="s">
        <v>43</v>
      </c>
      <c r="AR6" s="27" t="s">
        <v>44</v>
      </c>
      <c r="AS6" s="31" t="s">
        <v>45</v>
      </c>
      <c r="AT6" s="28" t="s">
        <v>47</v>
      </c>
      <c r="AU6" s="29" t="s">
        <v>48</v>
      </c>
      <c r="AV6" s="29" t="s">
        <v>49</v>
      </c>
      <c r="AW6" s="30" t="s">
        <v>50</v>
      </c>
      <c r="AX6" s="27" t="s">
        <v>51</v>
      </c>
      <c r="AY6" s="31" t="s">
        <v>45</v>
      </c>
      <c r="AZ6" s="571"/>
      <c r="BA6" s="26" t="s">
        <v>43</v>
      </c>
      <c r="BB6" s="27" t="s">
        <v>44</v>
      </c>
      <c r="BC6" s="27" t="s">
        <v>45</v>
      </c>
      <c r="BD6" s="28" t="s">
        <v>47</v>
      </c>
      <c r="BE6" s="29" t="s">
        <v>48</v>
      </c>
      <c r="BF6" s="29" t="s">
        <v>49</v>
      </c>
      <c r="BG6" s="30" t="s">
        <v>50</v>
      </c>
      <c r="BH6" s="27" t="s">
        <v>51</v>
      </c>
      <c r="BI6" s="31" t="s">
        <v>45</v>
      </c>
      <c r="BJ6" s="563"/>
      <c r="BK6" s="26" t="s">
        <v>43</v>
      </c>
      <c r="BL6" s="27" t="s">
        <v>44</v>
      </c>
      <c r="BM6" s="27" t="s">
        <v>45</v>
      </c>
      <c r="BN6" s="28" t="s">
        <v>47</v>
      </c>
      <c r="BO6" s="29" t="s">
        <v>48</v>
      </c>
      <c r="BP6" s="29" t="s">
        <v>49</v>
      </c>
      <c r="BQ6" s="30" t="s">
        <v>50</v>
      </c>
      <c r="BR6" s="27" t="s">
        <v>51</v>
      </c>
      <c r="BS6" s="31" t="s">
        <v>45</v>
      </c>
      <c r="BT6" s="571"/>
      <c r="BU6" s="26" t="s">
        <v>43</v>
      </c>
      <c r="BV6" s="27" t="s">
        <v>44</v>
      </c>
      <c r="BW6" s="27" t="s">
        <v>45</v>
      </c>
      <c r="BX6" s="28" t="s">
        <v>47</v>
      </c>
      <c r="BY6" s="29" t="s">
        <v>48</v>
      </c>
      <c r="BZ6" s="29" t="s">
        <v>49</v>
      </c>
      <c r="CA6" s="30" t="s">
        <v>50</v>
      </c>
      <c r="CB6" s="27" t="s">
        <v>51</v>
      </c>
      <c r="CC6" s="31" t="s">
        <v>45</v>
      </c>
      <c r="CD6" s="563"/>
      <c r="CE6" s="12" t="s">
        <v>43</v>
      </c>
      <c r="CF6" s="27" t="s">
        <v>44</v>
      </c>
      <c r="CG6" s="27" t="s">
        <v>45</v>
      </c>
      <c r="CH6" s="28" t="s">
        <v>47</v>
      </c>
      <c r="CI6" s="29" t="s">
        <v>48</v>
      </c>
      <c r="CJ6" s="29" t="s">
        <v>49</v>
      </c>
      <c r="CK6" s="30" t="s">
        <v>50</v>
      </c>
      <c r="CL6" s="27" t="s">
        <v>51</v>
      </c>
      <c r="CM6" s="31" t="s">
        <v>45</v>
      </c>
      <c r="CN6" s="563"/>
      <c r="CO6" s="26" t="s">
        <v>43</v>
      </c>
      <c r="CP6" s="27" t="s">
        <v>44</v>
      </c>
      <c r="CQ6" s="27" t="s">
        <v>45</v>
      </c>
      <c r="CR6" s="28" t="s">
        <v>47</v>
      </c>
      <c r="CS6" s="29" t="s">
        <v>48</v>
      </c>
      <c r="CT6" s="29" t="s">
        <v>49</v>
      </c>
      <c r="CU6" s="30" t="s">
        <v>50</v>
      </c>
      <c r="CV6" s="27" t="s">
        <v>51</v>
      </c>
      <c r="CW6" s="31" t="s">
        <v>45</v>
      </c>
      <c r="CX6" s="571"/>
      <c r="CY6" s="26" t="s">
        <v>43</v>
      </c>
      <c r="CZ6" s="27" t="s">
        <v>44</v>
      </c>
      <c r="DA6" s="27" t="s">
        <v>45</v>
      </c>
      <c r="DB6" s="28" t="s">
        <v>47</v>
      </c>
      <c r="DC6" s="29" t="s">
        <v>48</v>
      </c>
      <c r="DD6" s="29" t="s">
        <v>49</v>
      </c>
      <c r="DE6" s="30" t="s">
        <v>50</v>
      </c>
      <c r="DF6" s="27" t="s">
        <v>51</v>
      </c>
      <c r="DG6" s="31" t="s">
        <v>45</v>
      </c>
      <c r="DH6" s="563"/>
      <c r="DI6" s="12" t="s">
        <v>43</v>
      </c>
      <c r="DJ6" s="27" t="s">
        <v>44</v>
      </c>
      <c r="DK6" s="27" t="s">
        <v>45</v>
      </c>
      <c r="DL6" s="28" t="s">
        <v>47</v>
      </c>
      <c r="DM6" s="29" t="s">
        <v>48</v>
      </c>
      <c r="DN6" s="29" t="s">
        <v>49</v>
      </c>
      <c r="DO6" s="30" t="s">
        <v>50</v>
      </c>
      <c r="DP6" s="27" t="s">
        <v>51</v>
      </c>
      <c r="DQ6" s="31" t="s">
        <v>45</v>
      </c>
      <c r="DR6" s="563"/>
      <c r="DS6" s="26" t="s">
        <v>43</v>
      </c>
      <c r="DT6" s="27" t="s">
        <v>44</v>
      </c>
      <c r="DU6" s="27" t="s">
        <v>45</v>
      </c>
      <c r="DV6" s="28" t="s">
        <v>47</v>
      </c>
      <c r="DW6" s="29" t="s">
        <v>48</v>
      </c>
      <c r="DX6" s="29" t="s">
        <v>49</v>
      </c>
      <c r="DY6" s="30" t="s">
        <v>50</v>
      </c>
      <c r="DZ6" s="27" t="s">
        <v>51</v>
      </c>
      <c r="EA6" s="31" t="s">
        <v>45</v>
      </c>
      <c r="EB6" s="563"/>
    </row>
    <row r="7" spans="2:133" ht="21" customHeight="1" x14ac:dyDescent="0.2">
      <c r="B7" s="470" t="s">
        <v>4</v>
      </c>
      <c r="C7" s="172">
        <v>0</v>
      </c>
      <c r="D7" s="173">
        <v>0</v>
      </c>
      <c r="E7" s="173">
        <v>0</v>
      </c>
      <c r="F7" s="174">
        <v>442</v>
      </c>
      <c r="G7" s="175">
        <v>1543</v>
      </c>
      <c r="H7" s="175">
        <v>9955</v>
      </c>
      <c r="I7" s="175">
        <v>14969</v>
      </c>
      <c r="J7" s="173">
        <v>10314</v>
      </c>
      <c r="K7" s="176">
        <v>37223</v>
      </c>
      <c r="L7" s="177">
        <v>37223</v>
      </c>
      <c r="M7" s="172">
        <v>0</v>
      </c>
      <c r="N7" s="173">
        <v>0</v>
      </c>
      <c r="O7" s="176">
        <v>0</v>
      </c>
      <c r="P7" s="174">
        <v>439</v>
      </c>
      <c r="Q7" s="175">
        <v>1530</v>
      </c>
      <c r="R7" s="175">
        <v>9887</v>
      </c>
      <c r="S7" s="175">
        <v>14830</v>
      </c>
      <c r="T7" s="173">
        <v>10170</v>
      </c>
      <c r="U7" s="176">
        <v>36856</v>
      </c>
      <c r="V7" s="178">
        <v>36856</v>
      </c>
      <c r="W7" s="179">
        <v>0</v>
      </c>
      <c r="X7" s="173">
        <v>0</v>
      </c>
      <c r="Y7" s="176">
        <v>0</v>
      </c>
      <c r="Z7" s="179">
        <v>3</v>
      </c>
      <c r="AA7" s="175">
        <v>13</v>
      </c>
      <c r="AB7" s="175">
        <v>68</v>
      </c>
      <c r="AC7" s="175">
        <v>139</v>
      </c>
      <c r="AD7" s="173">
        <v>144</v>
      </c>
      <c r="AE7" s="176">
        <v>367</v>
      </c>
      <c r="AF7" s="180">
        <v>367</v>
      </c>
      <c r="AG7" s="179">
        <v>0</v>
      </c>
      <c r="AH7" s="173">
        <v>0</v>
      </c>
      <c r="AI7" s="176">
        <v>0</v>
      </c>
      <c r="AJ7" s="179">
        <v>1596</v>
      </c>
      <c r="AK7" s="175">
        <v>3391</v>
      </c>
      <c r="AL7" s="175">
        <v>4699</v>
      </c>
      <c r="AM7" s="175">
        <v>5634</v>
      </c>
      <c r="AN7" s="173">
        <v>2975</v>
      </c>
      <c r="AO7" s="176">
        <v>18295</v>
      </c>
      <c r="AP7" s="180">
        <v>18295</v>
      </c>
      <c r="AQ7" s="179">
        <v>0</v>
      </c>
      <c r="AR7" s="173">
        <v>0</v>
      </c>
      <c r="AS7" s="176">
        <v>0</v>
      </c>
      <c r="AT7" s="174">
        <v>1574</v>
      </c>
      <c r="AU7" s="175">
        <v>3351</v>
      </c>
      <c r="AV7" s="175">
        <v>4623</v>
      </c>
      <c r="AW7" s="175">
        <v>5518</v>
      </c>
      <c r="AX7" s="173">
        <v>2901</v>
      </c>
      <c r="AY7" s="176">
        <v>17967</v>
      </c>
      <c r="AZ7" s="177">
        <v>17967</v>
      </c>
      <c r="BA7" s="172">
        <v>0</v>
      </c>
      <c r="BB7" s="173">
        <v>0</v>
      </c>
      <c r="BC7" s="173">
        <v>0</v>
      </c>
      <c r="BD7" s="174">
        <v>22</v>
      </c>
      <c r="BE7" s="175">
        <v>40</v>
      </c>
      <c r="BF7" s="175">
        <v>76</v>
      </c>
      <c r="BG7" s="175">
        <v>116</v>
      </c>
      <c r="BH7" s="173">
        <v>74</v>
      </c>
      <c r="BI7" s="176">
        <v>328</v>
      </c>
      <c r="BJ7" s="178">
        <v>328</v>
      </c>
      <c r="BK7" s="179">
        <v>0</v>
      </c>
      <c r="BL7" s="173">
        <v>0</v>
      </c>
      <c r="BM7" s="173">
        <v>0</v>
      </c>
      <c r="BN7" s="174">
        <v>0</v>
      </c>
      <c r="BO7" s="175">
        <v>0</v>
      </c>
      <c r="BP7" s="175">
        <v>9</v>
      </c>
      <c r="BQ7" s="175">
        <v>121</v>
      </c>
      <c r="BR7" s="173">
        <v>146</v>
      </c>
      <c r="BS7" s="176">
        <v>276</v>
      </c>
      <c r="BT7" s="177">
        <v>276</v>
      </c>
      <c r="BU7" s="172">
        <v>0</v>
      </c>
      <c r="BV7" s="173">
        <v>0</v>
      </c>
      <c r="BW7" s="173">
        <v>0</v>
      </c>
      <c r="BX7" s="174">
        <v>0</v>
      </c>
      <c r="BY7" s="175">
        <v>0</v>
      </c>
      <c r="BZ7" s="175">
        <v>9</v>
      </c>
      <c r="CA7" s="175">
        <v>121</v>
      </c>
      <c r="CB7" s="173">
        <v>144</v>
      </c>
      <c r="CC7" s="176">
        <v>274</v>
      </c>
      <c r="CD7" s="178">
        <v>274</v>
      </c>
      <c r="CE7" s="179">
        <v>0</v>
      </c>
      <c r="CF7" s="173">
        <v>0</v>
      </c>
      <c r="CG7" s="173">
        <v>0</v>
      </c>
      <c r="CH7" s="174">
        <v>0</v>
      </c>
      <c r="CI7" s="175">
        <v>0</v>
      </c>
      <c r="CJ7" s="175">
        <v>0</v>
      </c>
      <c r="CK7" s="175">
        <v>0</v>
      </c>
      <c r="CL7" s="173">
        <v>2</v>
      </c>
      <c r="CM7" s="176">
        <v>2</v>
      </c>
      <c r="CN7" s="178">
        <v>2</v>
      </c>
      <c r="CO7" s="179">
        <v>0</v>
      </c>
      <c r="CP7" s="173">
        <v>0</v>
      </c>
      <c r="CQ7" s="173">
        <v>0</v>
      </c>
      <c r="CR7" s="174">
        <v>17</v>
      </c>
      <c r="CS7" s="175">
        <v>24</v>
      </c>
      <c r="CT7" s="175">
        <v>62</v>
      </c>
      <c r="CU7" s="175">
        <v>348</v>
      </c>
      <c r="CV7" s="173">
        <v>439</v>
      </c>
      <c r="CW7" s="176">
        <v>890</v>
      </c>
      <c r="CX7" s="177">
        <v>890</v>
      </c>
      <c r="CY7" s="172">
        <v>0</v>
      </c>
      <c r="CZ7" s="173">
        <v>0</v>
      </c>
      <c r="DA7" s="173">
        <v>0</v>
      </c>
      <c r="DB7" s="174">
        <v>15</v>
      </c>
      <c r="DC7" s="175">
        <v>24</v>
      </c>
      <c r="DD7" s="175">
        <v>62</v>
      </c>
      <c r="DE7" s="175">
        <v>340</v>
      </c>
      <c r="DF7" s="173">
        <v>426</v>
      </c>
      <c r="DG7" s="176">
        <v>867</v>
      </c>
      <c r="DH7" s="178">
        <v>867</v>
      </c>
      <c r="DI7" s="179">
        <v>0</v>
      </c>
      <c r="DJ7" s="173">
        <v>0</v>
      </c>
      <c r="DK7" s="173">
        <v>0</v>
      </c>
      <c r="DL7" s="174">
        <v>2</v>
      </c>
      <c r="DM7" s="175">
        <v>0</v>
      </c>
      <c r="DN7" s="175">
        <v>0</v>
      </c>
      <c r="DO7" s="175">
        <v>8</v>
      </c>
      <c r="DP7" s="173">
        <v>13</v>
      </c>
      <c r="DQ7" s="176">
        <v>23</v>
      </c>
      <c r="DR7" s="178">
        <v>23</v>
      </c>
      <c r="DS7" s="179">
        <v>0</v>
      </c>
      <c r="DT7" s="173">
        <v>0</v>
      </c>
      <c r="DU7" s="173">
        <v>0</v>
      </c>
      <c r="DV7" s="174">
        <v>2054</v>
      </c>
      <c r="DW7" s="175">
        <v>4958</v>
      </c>
      <c r="DX7" s="175">
        <v>14711</v>
      </c>
      <c r="DY7" s="175">
        <v>21033</v>
      </c>
      <c r="DZ7" s="173">
        <v>13861</v>
      </c>
      <c r="EA7" s="176">
        <v>56617</v>
      </c>
      <c r="EB7" s="178">
        <v>56617</v>
      </c>
      <c r="EC7" s="32"/>
    </row>
    <row r="8" spans="2:133" ht="21" customHeight="1" x14ac:dyDescent="0.2">
      <c r="B8" s="471" t="s">
        <v>5</v>
      </c>
      <c r="C8" s="181">
        <v>0</v>
      </c>
      <c r="D8" s="182">
        <v>0</v>
      </c>
      <c r="E8" s="182">
        <v>0</v>
      </c>
      <c r="F8" s="183">
        <v>251</v>
      </c>
      <c r="G8" s="184">
        <v>1000</v>
      </c>
      <c r="H8" s="184">
        <v>4377</v>
      </c>
      <c r="I8" s="184">
        <v>6246</v>
      </c>
      <c r="J8" s="182">
        <v>4385</v>
      </c>
      <c r="K8" s="185">
        <v>16259</v>
      </c>
      <c r="L8" s="186">
        <v>16259</v>
      </c>
      <c r="M8" s="181">
        <v>0</v>
      </c>
      <c r="N8" s="182">
        <v>0</v>
      </c>
      <c r="O8" s="185">
        <v>0</v>
      </c>
      <c r="P8" s="183">
        <v>250</v>
      </c>
      <c r="Q8" s="184">
        <v>991</v>
      </c>
      <c r="R8" s="184">
        <v>4345</v>
      </c>
      <c r="S8" s="184">
        <v>6184</v>
      </c>
      <c r="T8" s="182">
        <v>4310</v>
      </c>
      <c r="U8" s="185">
        <v>16080</v>
      </c>
      <c r="V8" s="187">
        <v>16080</v>
      </c>
      <c r="W8" s="188">
        <v>0</v>
      </c>
      <c r="X8" s="182">
        <v>0</v>
      </c>
      <c r="Y8" s="185">
        <v>0</v>
      </c>
      <c r="Z8" s="188">
        <v>1</v>
      </c>
      <c r="AA8" s="184">
        <v>9</v>
      </c>
      <c r="AB8" s="184">
        <v>32</v>
      </c>
      <c r="AC8" s="184">
        <v>62</v>
      </c>
      <c r="AD8" s="182">
        <v>75</v>
      </c>
      <c r="AE8" s="185">
        <v>179</v>
      </c>
      <c r="AF8" s="189">
        <v>179</v>
      </c>
      <c r="AG8" s="188">
        <v>0</v>
      </c>
      <c r="AH8" s="182">
        <v>0</v>
      </c>
      <c r="AI8" s="185">
        <v>0</v>
      </c>
      <c r="AJ8" s="188">
        <v>568</v>
      </c>
      <c r="AK8" s="184">
        <v>1557</v>
      </c>
      <c r="AL8" s="184">
        <v>1991</v>
      </c>
      <c r="AM8" s="184">
        <v>2565</v>
      </c>
      <c r="AN8" s="182">
        <v>1395</v>
      </c>
      <c r="AO8" s="185">
        <v>8076</v>
      </c>
      <c r="AP8" s="189">
        <v>8076</v>
      </c>
      <c r="AQ8" s="188">
        <v>0</v>
      </c>
      <c r="AR8" s="182">
        <v>0</v>
      </c>
      <c r="AS8" s="185">
        <v>0</v>
      </c>
      <c r="AT8" s="183">
        <v>567</v>
      </c>
      <c r="AU8" s="184">
        <v>1537</v>
      </c>
      <c r="AV8" s="184">
        <v>1967</v>
      </c>
      <c r="AW8" s="184">
        <v>2517</v>
      </c>
      <c r="AX8" s="182">
        <v>1368</v>
      </c>
      <c r="AY8" s="185">
        <v>7956</v>
      </c>
      <c r="AZ8" s="186">
        <v>7956</v>
      </c>
      <c r="BA8" s="181">
        <v>0</v>
      </c>
      <c r="BB8" s="182">
        <v>0</v>
      </c>
      <c r="BC8" s="182">
        <v>0</v>
      </c>
      <c r="BD8" s="183">
        <v>1</v>
      </c>
      <c r="BE8" s="184">
        <v>20</v>
      </c>
      <c r="BF8" s="184">
        <v>24</v>
      </c>
      <c r="BG8" s="184">
        <v>48</v>
      </c>
      <c r="BH8" s="182">
        <v>27</v>
      </c>
      <c r="BI8" s="185">
        <v>120</v>
      </c>
      <c r="BJ8" s="187">
        <v>120</v>
      </c>
      <c r="BK8" s="188">
        <v>0</v>
      </c>
      <c r="BL8" s="182">
        <v>0</v>
      </c>
      <c r="BM8" s="182">
        <v>0</v>
      </c>
      <c r="BN8" s="183">
        <v>0</v>
      </c>
      <c r="BO8" s="184">
        <v>0</v>
      </c>
      <c r="BP8" s="184">
        <v>3</v>
      </c>
      <c r="BQ8" s="184">
        <v>38</v>
      </c>
      <c r="BR8" s="182">
        <v>45</v>
      </c>
      <c r="BS8" s="185">
        <v>86</v>
      </c>
      <c r="BT8" s="186">
        <v>86</v>
      </c>
      <c r="BU8" s="181">
        <v>0</v>
      </c>
      <c r="BV8" s="182">
        <v>0</v>
      </c>
      <c r="BW8" s="182">
        <v>0</v>
      </c>
      <c r="BX8" s="183">
        <v>0</v>
      </c>
      <c r="BY8" s="184">
        <v>0</v>
      </c>
      <c r="BZ8" s="184">
        <v>3</v>
      </c>
      <c r="CA8" s="184">
        <v>38</v>
      </c>
      <c r="CB8" s="182">
        <v>45</v>
      </c>
      <c r="CC8" s="185">
        <v>86</v>
      </c>
      <c r="CD8" s="187">
        <v>86</v>
      </c>
      <c r="CE8" s="188">
        <v>0</v>
      </c>
      <c r="CF8" s="182">
        <v>0</v>
      </c>
      <c r="CG8" s="182">
        <v>0</v>
      </c>
      <c r="CH8" s="183">
        <v>0</v>
      </c>
      <c r="CI8" s="184">
        <v>0</v>
      </c>
      <c r="CJ8" s="184">
        <v>0</v>
      </c>
      <c r="CK8" s="184">
        <v>0</v>
      </c>
      <c r="CL8" s="182">
        <v>0</v>
      </c>
      <c r="CM8" s="185">
        <v>0</v>
      </c>
      <c r="CN8" s="187">
        <v>0</v>
      </c>
      <c r="CO8" s="188">
        <v>0</v>
      </c>
      <c r="CP8" s="182">
        <v>0</v>
      </c>
      <c r="CQ8" s="182">
        <v>0</v>
      </c>
      <c r="CR8" s="183">
        <v>2</v>
      </c>
      <c r="CS8" s="184">
        <v>5</v>
      </c>
      <c r="CT8" s="184">
        <v>12</v>
      </c>
      <c r="CU8" s="184">
        <v>95</v>
      </c>
      <c r="CV8" s="182">
        <v>125</v>
      </c>
      <c r="CW8" s="185">
        <v>239</v>
      </c>
      <c r="CX8" s="186">
        <v>239</v>
      </c>
      <c r="CY8" s="181">
        <v>0</v>
      </c>
      <c r="CZ8" s="182">
        <v>0</v>
      </c>
      <c r="DA8" s="182">
        <v>0</v>
      </c>
      <c r="DB8" s="183">
        <v>2</v>
      </c>
      <c r="DC8" s="184">
        <v>5</v>
      </c>
      <c r="DD8" s="184">
        <v>12</v>
      </c>
      <c r="DE8" s="184">
        <v>93</v>
      </c>
      <c r="DF8" s="182">
        <v>124</v>
      </c>
      <c r="DG8" s="185">
        <v>236</v>
      </c>
      <c r="DH8" s="187">
        <v>236</v>
      </c>
      <c r="DI8" s="188">
        <v>0</v>
      </c>
      <c r="DJ8" s="182">
        <v>0</v>
      </c>
      <c r="DK8" s="182">
        <v>0</v>
      </c>
      <c r="DL8" s="183">
        <v>0</v>
      </c>
      <c r="DM8" s="184">
        <v>0</v>
      </c>
      <c r="DN8" s="184">
        <v>0</v>
      </c>
      <c r="DO8" s="184">
        <v>2</v>
      </c>
      <c r="DP8" s="182">
        <v>1</v>
      </c>
      <c r="DQ8" s="185">
        <v>3</v>
      </c>
      <c r="DR8" s="187">
        <v>3</v>
      </c>
      <c r="DS8" s="188">
        <v>0</v>
      </c>
      <c r="DT8" s="182">
        <v>0</v>
      </c>
      <c r="DU8" s="182">
        <v>0</v>
      </c>
      <c r="DV8" s="183">
        <v>821</v>
      </c>
      <c r="DW8" s="184">
        <v>2562</v>
      </c>
      <c r="DX8" s="184">
        <v>6383</v>
      </c>
      <c r="DY8" s="184">
        <v>8944</v>
      </c>
      <c r="DZ8" s="182">
        <v>5950</v>
      </c>
      <c r="EA8" s="185">
        <v>24660</v>
      </c>
      <c r="EB8" s="187">
        <v>24660</v>
      </c>
      <c r="EC8" s="32"/>
    </row>
    <row r="9" spans="2:133" ht="21" customHeight="1" x14ac:dyDescent="0.2">
      <c r="B9" s="472" t="s">
        <v>6</v>
      </c>
      <c r="C9" s="181">
        <v>0</v>
      </c>
      <c r="D9" s="182">
        <v>0</v>
      </c>
      <c r="E9" s="182">
        <v>0</v>
      </c>
      <c r="F9" s="183">
        <v>76</v>
      </c>
      <c r="G9" s="184">
        <v>181</v>
      </c>
      <c r="H9" s="184">
        <v>1250</v>
      </c>
      <c r="I9" s="184">
        <v>1804</v>
      </c>
      <c r="J9" s="182">
        <v>1327</v>
      </c>
      <c r="K9" s="185">
        <v>4638</v>
      </c>
      <c r="L9" s="186">
        <v>4638</v>
      </c>
      <c r="M9" s="181">
        <v>0</v>
      </c>
      <c r="N9" s="182">
        <v>0</v>
      </c>
      <c r="O9" s="185">
        <v>0</v>
      </c>
      <c r="P9" s="183">
        <v>76</v>
      </c>
      <c r="Q9" s="184">
        <v>181</v>
      </c>
      <c r="R9" s="184">
        <v>1236</v>
      </c>
      <c r="S9" s="184">
        <v>1782</v>
      </c>
      <c r="T9" s="182">
        <v>1313</v>
      </c>
      <c r="U9" s="185">
        <v>4588</v>
      </c>
      <c r="V9" s="187">
        <v>4588</v>
      </c>
      <c r="W9" s="188">
        <v>0</v>
      </c>
      <c r="X9" s="182">
        <v>0</v>
      </c>
      <c r="Y9" s="185">
        <v>0</v>
      </c>
      <c r="Z9" s="188">
        <v>0</v>
      </c>
      <c r="AA9" s="184">
        <v>0</v>
      </c>
      <c r="AB9" s="184">
        <v>14</v>
      </c>
      <c r="AC9" s="184">
        <v>22</v>
      </c>
      <c r="AD9" s="182">
        <v>14</v>
      </c>
      <c r="AE9" s="185">
        <v>50</v>
      </c>
      <c r="AF9" s="189">
        <v>50</v>
      </c>
      <c r="AG9" s="188">
        <v>0</v>
      </c>
      <c r="AH9" s="182">
        <v>0</v>
      </c>
      <c r="AI9" s="185">
        <v>0</v>
      </c>
      <c r="AJ9" s="188">
        <v>207</v>
      </c>
      <c r="AK9" s="184">
        <v>308</v>
      </c>
      <c r="AL9" s="184">
        <v>505</v>
      </c>
      <c r="AM9" s="184">
        <v>664</v>
      </c>
      <c r="AN9" s="182">
        <v>330</v>
      </c>
      <c r="AO9" s="185">
        <v>2014</v>
      </c>
      <c r="AP9" s="189">
        <v>2014</v>
      </c>
      <c r="AQ9" s="188">
        <v>0</v>
      </c>
      <c r="AR9" s="182">
        <v>0</v>
      </c>
      <c r="AS9" s="185">
        <v>0</v>
      </c>
      <c r="AT9" s="183">
        <v>201</v>
      </c>
      <c r="AU9" s="184">
        <v>304</v>
      </c>
      <c r="AV9" s="184">
        <v>491</v>
      </c>
      <c r="AW9" s="184">
        <v>640</v>
      </c>
      <c r="AX9" s="182">
        <v>316</v>
      </c>
      <c r="AY9" s="185">
        <v>1952</v>
      </c>
      <c r="AZ9" s="186">
        <v>1952</v>
      </c>
      <c r="BA9" s="181">
        <v>0</v>
      </c>
      <c r="BB9" s="182">
        <v>0</v>
      </c>
      <c r="BC9" s="182">
        <v>0</v>
      </c>
      <c r="BD9" s="183">
        <v>6</v>
      </c>
      <c r="BE9" s="184">
        <v>4</v>
      </c>
      <c r="BF9" s="184">
        <v>14</v>
      </c>
      <c r="BG9" s="184">
        <v>24</v>
      </c>
      <c r="BH9" s="182">
        <v>14</v>
      </c>
      <c r="BI9" s="185">
        <v>62</v>
      </c>
      <c r="BJ9" s="187">
        <v>62</v>
      </c>
      <c r="BK9" s="188">
        <v>0</v>
      </c>
      <c r="BL9" s="182">
        <v>0</v>
      </c>
      <c r="BM9" s="182">
        <v>0</v>
      </c>
      <c r="BN9" s="183">
        <v>0</v>
      </c>
      <c r="BO9" s="184">
        <v>0</v>
      </c>
      <c r="BP9" s="184">
        <v>4</v>
      </c>
      <c r="BQ9" s="184">
        <v>48</v>
      </c>
      <c r="BR9" s="182">
        <v>62</v>
      </c>
      <c r="BS9" s="185">
        <v>114</v>
      </c>
      <c r="BT9" s="186">
        <v>114</v>
      </c>
      <c r="BU9" s="181">
        <v>0</v>
      </c>
      <c r="BV9" s="182">
        <v>0</v>
      </c>
      <c r="BW9" s="182">
        <v>0</v>
      </c>
      <c r="BX9" s="183">
        <v>0</v>
      </c>
      <c r="BY9" s="184">
        <v>0</v>
      </c>
      <c r="BZ9" s="184">
        <v>4</v>
      </c>
      <c r="CA9" s="184">
        <v>48</v>
      </c>
      <c r="CB9" s="182">
        <v>60</v>
      </c>
      <c r="CC9" s="185">
        <v>112</v>
      </c>
      <c r="CD9" s="187">
        <v>112</v>
      </c>
      <c r="CE9" s="188">
        <v>0</v>
      </c>
      <c r="CF9" s="182">
        <v>0</v>
      </c>
      <c r="CG9" s="182">
        <v>0</v>
      </c>
      <c r="CH9" s="183">
        <v>0</v>
      </c>
      <c r="CI9" s="184">
        <v>0</v>
      </c>
      <c r="CJ9" s="184">
        <v>0</v>
      </c>
      <c r="CK9" s="184">
        <v>0</v>
      </c>
      <c r="CL9" s="182">
        <v>2</v>
      </c>
      <c r="CM9" s="185">
        <v>2</v>
      </c>
      <c r="CN9" s="187">
        <v>2</v>
      </c>
      <c r="CO9" s="188">
        <v>0</v>
      </c>
      <c r="CP9" s="182">
        <v>0</v>
      </c>
      <c r="CQ9" s="182">
        <v>0</v>
      </c>
      <c r="CR9" s="183">
        <v>1</v>
      </c>
      <c r="CS9" s="184">
        <v>0</v>
      </c>
      <c r="CT9" s="184">
        <v>4</v>
      </c>
      <c r="CU9" s="184">
        <v>48</v>
      </c>
      <c r="CV9" s="182">
        <v>57</v>
      </c>
      <c r="CW9" s="185">
        <v>110</v>
      </c>
      <c r="CX9" s="186">
        <v>110</v>
      </c>
      <c r="CY9" s="181">
        <v>0</v>
      </c>
      <c r="CZ9" s="182">
        <v>0</v>
      </c>
      <c r="DA9" s="182">
        <v>0</v>
      </c>
      <c r="DB9" s="183">
        <v>1</v>
      </c>
      <c r="DC9" s="184">
        <v>0</v>
      </c>
      <c r="DD9" s="184">
        <v>4</v>
      </c>
      <c r="DE9" s="184">
        <v>47</v>
      </c>
      <c r="DF9" s="182">
        <v>55</v>
      </c>
      <c r="DG9" s="185">
        <v>107</v>
      </c>
      <c r="DH9" s="187">
        <v>107</v>
      </c>
      <c r="DI9" s="188">
        <v>0</v>
      </c>
      <c r="DJ9" s="182">
        <v>0</v>
      </c>
      <c r="DK9" s="182">
        <v>0</v>
      </c>
      <c r="DL9" s="183">
        <v>0</v>
      </c>
      <c r="DM9" s="184">
        <v>0</v>
      </c>
      <c r="DN9" s="184">
        <v>0</v>
      </c>
      <c r="DO9" s="184">
        <v>1</v>
      </c>
      <c r="DP9" s="182">
        <v>2</v>
      </c>
      <c r="DQ9" s="185">
        <v>3</v>
      </c>
      <c r="DR9" s="187">
        <v>3</v>
      </c>
      <c r="DS9" s="188">
        <v>0</v>
      </c>
      <c r="DT9" s="182">
        <v>0</v>
      </c>
      <c r="DU9" s="182">
        <v>0</v>
      </c>
      <c r="DV9" s="183">
        <v>284</v>
      </c>
      <c r="DW9" s="184">
        <v>489</v>
      </c>
      <c r="DX9" s="184">
        <v>1763</v>
      </c>
      <c r="DY9" s="184">
        <v>2564</v>
      </c>
      <c r="DZ9" s="182">
        <v>1776</v>
      </c>
      <c r="EA9" s="185">
        <v>6876</v>
      </c>
      <c r="EB9" s="187">
        <v>6876</v>
      </c>
      <c r="EC9" s="32"/>
    </row>
    <row r="10" spans="2:133" ht="21" customHeight="1" x14ac:dyDescent="0.2">
      <c r="B10" s="472" t="s">
        <v>14</v>
      </c>
      <c r="C10" s="181">
        <v>0</v>
      </c>
      <c r="D10" s="182">
        <v>0</v>
      </c>
      <c r="E10" s="182">
        <v>0</v>
      </c>
      <c r="F10" s="183">
        <v>9</v>
      </c>
      <c r="G10" s="184">
        <v>42</v>
      </c>
      <c r="H10" s="184">
        <v>820</v>
      </c>
      <c r="I10" s="184">
        <v>1304</v>
      </c>
      <c r="J10" s="182">
        <v>795</v>
      </c>
      <c r="K10" s="185">
        <v>2970</v>
      </c>
      <c r="L10" s="186">
        <v>2970</v>
      </c>
      <c r="M10" s="181">
        <v>0</v>
      </c>
      <c r="N10" s="182">
        <v>0</v>
      </c>
      <c r="O10" s="185">
        <v>0</v>
      </c>
      <c r="P10" s="183">
        <v>9</v>
      </c>
      <c r="Q10" s="184">
        <v>42</v>
      </c>
      <c r="R10" s="184">
        <v>816</v>
      </c>
      <c r="S10" s="184">
        <v>1295</v>
      </c>
      <c r="T10" s="182">
        <v>787</v>
      </c>
      <c r="U10" s="185">
        <v>2949</v>
      </c>
      <c r="V10" s="187">
        <v>2949</v>
      </c>
      <c r="W10" s="188">
        <v>0</v>
      </c>
      <c r="X10" s="182">
        <v>0</v>
      </c>
      <c r="Y10" s="185">
        <v>0</v>
      </c>
      <c r="Z10" s="188">
        <v>0</v>
      </c>
      <c r="AA10" s="184">
        <v>0</v>
      </c>
      <c r="AB10" s="184">
        <v>4</v>
      </c>
      <c r="AC10" s="184">
        <v>9</v>
      </c>
      <c r="AD10" s="182">
        <v>8</v>
      </c>
      <c r="AE10" s="185">
        <v>21</v>
      </c>
      <c r="AF10" s="189">
        <v>21</v>
      </c>
      <c r="AG10" s="188">
        <v>0</v>
      </c>
      <c r="AH10" s="182">
        <v>0</v>
      </c>
      <c r="AI10" s="185">
        <v>0</v>
      </c>
      <c r="AJ10" s="188">
        <v>73</v>
      </c>
      <c r="AK10" s="184">
        <v>194</v>
      </c>
      <c r="AL10" s="184">
        <v>293</v>
      </c>
      <c r="AM10" s="184">
        <v>381</v>
      </c>
      <c r="AN10" s="182">
        <v>200</v>
      </c>
      <c r="AO10" s="185">
        <v>1141</v>
      </c>
      <c r="AP10" s="189">
        <v>1141</v>
      </c>
      <c r="AQ10" s="188">
        <v>0</v>
      </c>
      <c r="AR10" s="182">
        <v>0</v>
      </c>
      <c r="AS10" s="185">
        <v>0</v>
      </c>
      <c r="AT10" s="183">
        <v>70</v>
      </c>
      <c r="AU10" s="184">
        <v>193</v>
      </c>
      <c r="AV10" s="184">
        <v>288</v>
      </c>
      <c r="AW10" s="184">
        <v>376</v>
      </c>
      <c r="AX10" s="182">
        <v>195</v>
      </c>
      <c r="AY10" s="185">
        <v>1122</v>
      </c>
      <c r="AZ10" s="186">
        <v>1122</v>
      </c>
      <c r="BA10" s="181">
        <v>0</v>
      </c>
      <c r="BB10" s="182">
        <v>0</v>
      </c>
      <c r="BC10" s="182">
        <v>0</v>
      </c>
      <c r="BD10" s="183">
        <v>3</v>
      </c>
      <c r="BE10" s="184">
        <v>1</v>
      </c>
      <c r="BF10" s="184">
        <v>5</v>
      </c>
      <c r="BG10" s="184">
        <v>5</v>
      </c>
      <c r="BH10" s="182">
        <v>5</v>
      </c>
      <c r="BI10" s="185">
        <v>19</v>
      </c>
      <c r="BJ10" s="187">
        <v>19</v>
      </c>
      <c r="BK10" s="188">
        <v>0</v>
      </c>
      <c r="BL10" s="182">
        <v>0</v>
      </c>
      <c r="BM10" s="182">
        <v>0</v>
      </c>
      <c r="BN10" s="183">
        <v>0</v>
      </c>
      <c r="BO10" s="184">
        <v>0</v>
      </c>
      <c r="BP10" s="184">
        <v>2</v>
      </c>
      <c r="BQ10" s="184">
        <v>24</v>
      </c>
      <c r="BR10" s="182">
        <v>18</v>
      </c>
      <c r="BS10" s="185">
        <v>44</v>
      </c>
      <c r="BT10" s="186">
        <v>44</v>
      </c>
      <c r="BU10" s="181">
        <v>0</v>
      </c>
      <c r="BV10" s="182">
        <v>0</v>
      </c>
      <c r="BW10" s="182">
        <v>0</v>
      </c>
      <c r="BX10" s="183">
        <v>0</v>
      </c>
      <c r="BY10" s="184">
        <v>0</v>
      </c>
      <c r="BZ10" s="184">
        <v>2</v>
      </c>
      <c r="CA10" s="184">
        <v>24</v>
      </c>
      <c r="CB10" s="182">
        <v>18</v>
      </c>
      <c r="CC10" s="185">
        <v>44</v>
      </c>
      <c r="CD10" s="187">
        <v>44</v>
      </c>
      <c r="CE10" s="188">
        <v>0</v>
      </c>
      <c r="CF10" s="182">
        <v>0</v>
      </c>
      <c r="CG10" s="182">
        <v>0</v>
      </c>
      <c r="CH10" s="183">
        <v>0</v>
      </c>
      <c r="CI10" s="184">
        <v>0</v>
      </c>
      <c r="CJ10" s="184">
        <v>0</v>
      </c>
      <c r="CK10" s="184">
        <v>0</v>
      </c>
      <c r="CL10" s="182">
        <v>0</v>
      </c>
      <c r="CM10" s="185">
        <v>0</v>
      </c>
      <c r="CN10" s="187">
        <v>0</v>
      </c>
      <c r="CO10" s="188">
        <v>0</v>
      </c>
      <c r="CP10" s="182">
        <v>0</v>
      </c>
      <c r="CQ10" s="182">
        <v>0</v>
      </c>
      <c r="CR10" s="183">
        <v>1</v>
      </c>
      <c r="CS10" s="184">
        <v>0</v>
      </c>
      <c r="CT10" s="184">
        <v>6</v>
      </c>
      <c r="CU10" s="184">
        <v>80</v>
      </c>
      <c r="CV10" s="182">
        <v>84</v>
      </c>
      <c r="CW10" s="185">
        <v>171</v>
      </c>
      <c r="CX10" s="186">
        <v>171</v>
      </c>
      <c r="CY10" s="181">
        <v>0</v>
      </c>
      <c r="CZ10" s="182">
        <v>0</v>
      </c>
      <c r="DA10" s="182">
        <v>0</v>
      </c>
      <c r="DB10" s="183">
        <v>1</v>
      </c>
      <c r="DC10" s="184">
        <v>0</v>
      </c>
      <c r="DD10" s="184">
        <v>6</v>
      </c>
      <c r="DE10" s="184">
        <v>80</v>
      </c>
      <c r="DF10" s="182">
        <v>81</v>
      </c>
      <c r="DG10" s="185">
        <v>168</v>
      </c>
      <c r="DH10" s="187">
        <v>168</v>
      </c>
      <c r="DI10" s="188">
        <v>0</v>
      </c>
      <c r="DJ10" s="182">
        <v>0</v>
      </c>
      <c r="DK10" s="182">
        <v>0</v>
      </c>
      <c r="DL10" s="183">
        <v>0</v>
      </c>
      <c r="DM10" s="184">
        <v>0</v>
      </c>
      <c r="DN10" s="184">
        <v>0</v>
      </c>
      <c r="DO10" s="184">
        <v>0</v>
      </c>
      <c r="DP10" s="182">
        <v>3</v>
      </c>
      <c r="DQ10" s="185">
        <v>3</v>
      </c>
      <c r="DR10" s="187">
        <v>3</v>
      </c>
      <c r="DS10" s="188">
        <v>0</v>
      </c>
      <c r="DT10" s="182">
        <v>0</v>
      </c>
      <c r="DU10" s="182">
        <v>0</v>
      </c>
      <c r="DV10" s="183">
        <v>82</v>
      </c>
      <c r="DW10" s="184">
        <v>236</v>
      </c>
      <c r="DX10" s="184">
        <v>1120</v>
      </c>
      <c r="DY10" s="184">
        <v>1782</v>
      </c>
      <c r="DZ10" s="182">
        <v>1095</v>
      </c>
      <c r="EA10" s="185">
        <v>4315</v>
      </c>
      <c r="EB10" s="187">
        <v>4315</v>
      </c>
      <c r="EC10" s="32"/>
    </row>
    <row r="11" spans="2:133" ht="21" customHeight="1" x14ac:dyDescent="0.2">
      <c r="B11" s="472" t="s">
        <v>7</v>
      </c>
      <c r="C11" s="181">
        <v>0</v>
      </c>
      <c r="D11" s="182">
        <v>0</v>
      </c>
      <c r="E11" s="182">
        <v>0</v>
      </c>
      <c r="F11" s="183">
        <v>18</v>
      </c>
      <c r="G11" s="184">
        <v>39</v>
      </c>
      <c r="H11" s="184">
        <v>582</v>
      </c>
      <c r="I11" s="184">
        <v>947</v>
      </c>
      <c r="J11" s="182">
        <v>569</v>
      </c>
      <c r="K11" s="185">
        <v>2155</v>
      </c>
      <c r="L11" s="186">
        <v>2155</v>
      </c>
      <c r="M11" s="181">
        <v>0</v>
      </c>
      <c r="N11" s="182">
        <v>0</v>
      </c>
      <c r="O11" s="185">
        <v>0</v>
      </c>
      <c r="P11" s="183">
        <v>17</v>
      </c>
      <c r="Q11" s="184">
        <v>38</v>
      </c>
      <c r="R11" s="184">
        <v>580</v>
      </c>
      <c r="S11" s="184">
        <v>934</v>
      </c>
      <c r="T11" s="182">
        <v>560</v>
      </c>
      <c r="U11" s="185">
        <v>2129</v>
      </c>
      <c r="V11" s="187">
        <v>2129</v>
      </c>
      <c r="W11" s="188">
        <v>0</v>
      </c>
      <c r="X11" s="182">
        <v>0</v>
      </c>
      <c r="Y11" s="185">
        <v>0</v>
      </c>
      <c r="Z11" s="188">
        <v>1</v>
      </c>
      <c r="AA11" s="184">
        <v>1</v>
      </c>
      <c r="AB11" s="184">
        <v>2</v>
      </c>
      <c r="AC11" s="184">
        <v>13</v>
      </c>
      <c r="AD11" s="182">
        <v>9</v>
      </c>
      <c r="AE11" s="185">
        <v>26</v>
      </c>
      <c r="AF11" s="189">
        <v>26</v>
      </c>
      <c r="AG11" s="188">
        <v>0</v>
      </c>
      <c r="AH11" s="182">
        <v>0</v>
      </c>
      <c r="AI11" s="185">
        <v>0</v>
      </c>
      <c r="AJ11" s="188">
        <v>152</v>
      </c>
      <c r="AK11" s="184">
        <v>205</v>
      </c>
      <c r="AL11" s="184">
        <v>266</v>
      </c>
      <c r="AM11" s="184">
        <v>279</v>
      </c>
      <c r="AN11" s="182">
        <v>108</v>
      </c>
      <c r="AO11" s="185">
        <v>1010</v>
      </c>
      <c r="AP11" s="189">
        <v>1010</v>
      </c>
      <c r="AQ11" s="188">
        <v>0</v>
      </c>
      <c r="AR11" s="182">
        <v>0</v>
      </c>
      <c r="AS11" s="185">
        <v>0</v>
      </c>
      <c r="AT11" s="183">
        <v>151</v>
      </c>
      <c r="AU11" s="184">
        <v>203</v>
      </c>
      <c r="AV11" s="184">
        <v>258</v>
      </c>
      <c r="AW11" s="184">
        <v>273</v>
      </c>
      <c r="AX11" s="182">
        <v>105</v>
      </c>
      <c r="AY11" s="185">
        <v>990</v>
      </c>
      <c r="AZ11" s="186">
        <v>990</v>
      </c>
      <c r="BA11" s="181">
        <v>0</v>
      </c>
      <c r="BB11" s="182">
        <v>0</v>
      </c>
      <c r="BC11" s="182">
        <v>0</v>
      </c>
      <c r="BD11" s="183">
        <v>1</v>
      </c>
      <c r="BE11" s="184">
        <v>2</v>
      </c>
      <c r="BF11" s="184">
        <v>8</v>
      </c>
      <c r="BG11" s="184">
        <v>6</v>
      </c>
      <c r="BH11" s="182">
        <v>3</v>
      </c>
      <c r="BI11" s="185">
        <v>20</v>
      </c>
      <c r="BJ11" s="187">
        <v>20</v>
      </c>
      <c r="BK11" s="188">
        <v>0</v>
      </c>
      <c r="BL11" s="182">
        <v>0</v>
      </c>
      <c r="BM11" s="182">
        <v>0</v>
      </c>
      <c r="BN11" s="183">
        <v>0</v>
      </c>
      <c r="BO11" s="184">
        <v>0</v>
      </c>
      <c r="BP11" s="184">
        <v>0</v>
      </c>
      <c r="BQ11" s="184">
        <v>1</v>
      </c>
      <c r="BR11" s="182">
        <v>2</v>
      </c>
      <c r="BS11" s="185">
        <v>3</v>
      </c>
      <c r="BT11" s="186">
        <v>3</v>
      </c>
      <c r="BU11" s="181">
        <v>0</v>
      </c>
      <c r="BV11" s="182">
        <v>0</v>
      </c>
      <c r="BW11" s="182">
        <v>0</v>
      </c>
      <c r="BX11" s="183">
        <v>0</v>
      </c>
      <c r="BY11" s="184">
        <v>0</v>
      </c>
      <c r="BZ11" s="184">
        <v>0</v>
      </c>
      <c r="CA11" s="184">
        <v>1</v>
      </c>
      <c r="CB11" s="182">
        <v>2</v>
      </c>
      <c r="CC11" s="185">
        <v>3</v>
      </c>
      <c r="CD11" s="187">
        <v>3</v>
      </c>
      <c r="CE11" s="188">
        <v>0</v>
      </c>
      <c r="CF11" s="182">
        <v>0</v>
      </c>
      <c r="CG11" s="182">
        <v>0</v>
      </c>
      <c r="CH11" s="183">
        <v>0</v>
      </c>
      <c r="CI11" s="184">
        <v>0</v>
      </c>
      <c r="CJ11" s="184">
        <v>0</v>
      </c>
      <c r="CK11" s="184">
        <v>0</v>
      </c>
      <c r="CL11" s="182">
        <v>0</v>
      </c>
      <c r="CM11" s="185">
        <v>0</v>
      </c>
      <c r="CN11" s="187">
        <v>0</v>
      </c>
      <c r="CO11" s="188">
        <v>0</v>
      </c>
      <c r="CP11" s="182">
        <v>0</v>
      </c>
      <c r="CQ11" s="182">
        <v>0</v>
      </c>
      <c r="CR11" s="183">
        <v>0</v>
      </c>
      <c r="CS11" s="184">
        <v>0</v>
      </c>
      <c r="CT11" s="184">
        <v>1</v>
      </c>
      <c r="CU11" s="184">
        <v>1</v>
      </c>
      <c r="CV11" s="182">
        <v>2</v>
      </c>
      <c r="CW11" s="185">
        <v>4</v>
      </c>
      <c r="CX11" s="186">
        <v>4</v>
      </c>
      <c r="CY11" s="181">
        <v>0</v>
      </c>
      <c r="CZ11" s="182">
        <v>0</v>
      </c>
      <c r="DA11" s="182">
        <v>0</v>
      </c>
      <c r="DB11" s="183">
        <v>0</v>
      </c>
      <c r="DC11" s="184">
        <v>0</v>
      </c>
      <c r="DD11" s="184">
        <v>1</v>
      </c>
      <c r="DE11" s="184">
        <v>1</v>
      </c>
      <c r="DF11" s="182">
        <v>2</v>
      </c>
      <c r="DG11" s="185">
        <v>4</v>
      </c>
      <c r="DH11" s="187">
        <v>4</v>
      </c>
      <c r="DI11" s="188">
        <v>0</v>
      </c>
      <c r="DJ11" s="182">
        <v>0</v>
      </c>
      <c r="DK11" s="182">
        <v>0</v>
      </c>
      <c r="DL11" s="183">
        <v>0</v>
      </c>
      <c r="DM11" s="184">
        <v>0</v>
      </c>
      <c r="DN11" s="184">
        <v>0</v>
      </c>
      <c r="DO11" s="184">
        <v>0</v>
      </c>
      <c r="DP11" s="182">
        <v>0</v>
      </c>
      <c r="DQ11" s="185">
        <v>0</v>
      </c>
      <c r="DR11" s="187">
        <v>0</v>
      </c>
      <c r="DS11" s="188">
        <v>0</v>
      </c>
      <c r="DT11" s="182">
        <v>0</v>
      </c>
      <c r="DU11" s="182">
        <v>0</v>
      </c>
      <c r="DV11" s="183">
        <v>170</v>
      </c>
      <c r="DW11" s="184">
        <v>244</v>
      </c>
      <c r="DX11" s="184">
        <v>847</v>
      </c>
      <c r="DY11" s="184">
        <v>1221</v>
      </c>
      <c r="DZ11" s="182">
        <v>677</v>
      </c>
      <c r="EA11" s="185">
        <v>3159</v>
      </c>
      <c r="EB11" s="187">
        <v>3159</v>
      </c>
      <c r="EC11" s="32"/>
    </row>
    <row r="12" spans="2:133" ht="21" customHeight="1" x14ac:dyDescent="0.2">
      <c r="B12" s="472" t="s">
        <v>8</v>
      </c>
      <c r="C12" s="181">
        <v>0</v>
      </c>
      <c r="D12" s="182">
        <v>0</v>
      </c>
      <c r="E12" s="182">
        <v>0</v>
      </c>
      <c r="F12" s="183">
        <v>20</v>
      </c>
      <c r="G12" s="184">
        <v>66</v>
      </c>
      <c r="H12" s="184">
        <v>384</v>
      </c>
      <c r="I12" s="184">
        <v>446</v>
      </c>
      <c r="J12" s="182">
        <v>259</v>
      </c>
      <c r="K12" s="185">
        <v>1175</v>
      </c>
      <c r="L12" s="186">
        <v>1175</v>
      </c>
      <c r="M12" s="181">
        <v>0</v>
      </c>
      <c r="N12" s="182">
        <v>0</v>
      </c>
      <c r="O12" s="185">
        <v>0</v>
      </c>
      <c r="P12" s="183">
        <v>20</v>
      </c>
      <c r="Q12" s="184">
        <v>65</v>
      </c>
      <c r="R12" s="184">
        <v>383</v>
      </c>
      <c r="S12" s="184">
        <v>441</v>
      </c>
      <c r="T12" s="182">
        <v>258</v>
      </c>
      <c r="U12" s="185">
        <v>1167</v>
      </c>
      <c r="V12" s="187">
        <v>1167</v>
      </c>
      <c r="W12" s="188">
        <v>0</v>
      </c>
      <c r="X12" s="182">
        <v>0</v>
      </c>
      <c r="Y12" s="185">
        <v>0</v>
      </c>
      <c r="Z12" s="188">
        <v>0</v>
      </c>
      <c r="AA12" s="184">
        <v>1</v>
      </c>
      <c r="AB12" s="184">
        <v>1</v>
      </c>
      <c r="AC12" s="184">
        <v>5</v>
      </c>
      <c r="AD12" s="182">
        <v>1</v>
      </c>
      <c r="AE12" s="185">
        <v>8</v>
      </c>
      <c r="AF12" s="189">
        <v>8</v>
      </c>
      <c r="AG12" s="188">
        <v>0</v>
      </c>
      <c r="AH12" s="182">
        <v>0</v>
      </c>
      <c r="AI12" s="185">
        <v>0</v>
      </c>
      <c r="AJ12" s="188">
        <v>43</v>
      </c>
      <c r="AK12" s="184">
        <v>88</v>
      </c>
      <c r="AL12" s="184">
        <v>158</v>
      </c>
      <c r="AM12" s="184">
        <v>133</v>
      </c>
      <c r="AN12" s="182">
        <v>76</v>
      </c>
      <c r="AO12" s="185">
        <v>498</v>
      </c>
      <c r="AP12" s="189">
        <v>498</v>
      </c>
      <c r="AQ12" s="188">
        <v>0</v>
      </c>
      <c r="AR12" s="182">
        <v>0</v>
      </c>
      <c r="AS12" s="185">
        <v>0</v>
      </c>
      <c r="AT12" s="183">
        <v>43</v>
      </c>
      <c r="AU12" s="184">
        <v>86</v>
      </c>
      <c r="AV12" s="184">
        <v>157</v>
      </c>
      <c r="AW12" s="184">
        <v>129</v>
      </c>
      <c r="AX12" s="182">
        <v>73</v>
      </c>
      <c r="AY12" s="185">
        <v>488</v>
      </c>
      <c r="AZ12" s="186">
        <v>488</v>
      </c>
      <c r="BA12" s="181">
        <v>0</v>
      </c>
      <c r="BB12" s="182">
        <v>0</v>
      </c>
      <c r="BC12" s="182">
        <v>0</v>
      </c>
      <c r="BD12" s="183">
        <v>0</v>
      </c>
      <c r="BE12" s="184">
        <v>2</v>
      </c>
      <c r="BF12" s="184">
        <v>1</v>
      </c>
      <c r="BG12" s="184">
        <v>4</v>
      </c>
      <c r="BH12" s="182">
        <v>3</v>
      </c>
      <c r="BI12" s="185">
        <v>10</v>
      </c>
      <c r="BJ12" s="187">
        <v>10</v>
      </c>
      <c r="BK12" s="188">
        <v>0</v>
      </c>
      <c r="BL12" s="182">
        <v>0</v>
      </c>
      <c r="BM12" s="182">
        <v>0</v>
      </c>
      <c r="BN12" s="183">
        <v>0</v>
      </c>
      <c r="BO12" s="184">
        <v>0</v>
      </c>
      <c r="BP12" s="184">
        <v>0</v>
      </c>
      <c r="BQ12" s="184">
        <v>1</v>
      </c>
      <c r="BR12" s="182">
        <v>0</v>
      </c>
      <c r="BS12" s="185">
        <v>1</v>
      </c>
      <c r="BT12" s="186">
        <v>1</v>
      </c>
      <c r="BU12" s="181">
        <v>0</v>
      </c>
      <c r="BV12" s="182">
        <v>0</v>
      </c>
      <c r="BW12" s="182">
        <v>0</v>
      </c>
      <c r="BX12" s="183">
        <v>0</v>
      </c>
      <c r="BY12" s="184">
        <v>0</v>
      </c>
      <c r="BZ12" s="184">
        <v>0</v>
      </c>
      <c r="CA12" s="184">
        <v>1</v>
      </c>
      <c r="CB12" s="182">
        <v>0</v>
      </c>
      <c r="CC12" s="185">
        <v>1</v>
      </c>
      <c r="CD12" s="187">
        <v>1</v>
      </c>
      <c r="CE12" s="188">
        <v>0</v>
      </c>
      <c r="CF12" s="182">
        <v>0</v>
      </c>
      <c r="CG12" s="182">
        <v>0</v>
      </c>
      <c r="CH12" s="183">
        <v>0</v>
      </c>
      <c r="CI12" s="184">
        <v>0</v>
      </c>
      <c r="CJ12" s="184">
        <v>0</v>
      </c>
      <c r="CK12" s="184">
        <v>0</v>
      </c>
      <c r="CL12" s="182">
        <v>0</v>
      </c>
      <c r="CM12" s="185">
        <v>0</v>
      </c>
      <c r="CN12" s="187">
        <v>0</v>
      </c>
      <c r="CO12" s="188">
        <v>0</v>
      </c>
      <c r="CP12" s="182">
        <v>0</v>
      </c>
      <c r="CQ12" s="182">
        <v>0</v>
      </c>
      <c r="CR12" s="183">
        <v>1</v>
      </c>
      <c r="CS12" s="184">
        <v>1</v>
      </c>
      <c r="CT12" s="184">
        <v>4</v>
      </c>
      <c r="CU12" s="184">
        <v>6</v>
      </c>
      <c r="CV12" s="182">
        <v>6</v>
      </c>
      <c r="CW12" s="185">
        <v>18</v>
      </c>
      <c r="CX12" s="186">
        <v>18</v>
      </c>
      <c r="CY12" s="181">
        <v>0</v>
      </c>
      <c r="CZ12" s="182">
        <v>0</v>
      </c>
      <c r="DA12" s="182">
        <v>0</v>
      </c>
      <c r="DB12" s="183">
        <v>1</v>
      </c>
      <c r="DC12" s="184">
        <v>1</v>
      </c>
      <c r="DD12" s="184">
        <v>4</v>
      </c>
      <c r="DE12" s="184">
        <v>5</v>
      </c>
      <c r="DF12" s="182">
        <v>6</v>
      </c>
      <c r="DG12" s="185">
        <v>17</v>
      </c>
      <c r="DH12" s="187">
        <v>17</v>
      </c>
      <c r="DI12" s="188">
        <v>0</v>
      </c>
      <c r="DJ12" s="182">
        <v>0</v>
      </c>
      <c r="DK12" s="182">
        <v>0</v>
      </c>
      <c r="DL12" s="183">
        <v>0</v>
      </c>
      <c r="DM12" s="184">
        <v>0</v>
      </c>
      <c r="DN12" s="184">
        <v>0</v>
      </c>
      <c r="DO12" s="184">
        <v>1</v>
      </c>
      <c r="DP12" s="182">
        <v>0</v>
      </c>
      <c r="DQ12" s="185">
        <v>1</v>
      </c>
      <c r="DR12" s="187">
        <v>1</v>
      </c>
      <c r="DS12" s="188">
        <v>0</v>
      </c>
      <c r="DT12" s="182">
        <v>0</v>
      </c>
      <c r="DU12" s="182">
        <v>0</v>
      </c>
      <c r="DV12" s="183">
        <v>64</v>
      </c>
      <c r="DW12" s="184">
        <v>155</v>
      </c>
      <c r="DX12" s="184">
        <v>546</v>
      </c>
      <c r="DY12" s="184">
        <v>586</v>
      </c>
      <c r="DZ12" s="182">
        <v>341</v>
      </c>
      <c r="EA12" s="185">
        <v>1692</v>
      </c>
      <c r="EB12" s="187">
        <v>1692</v>
      </c>
      <c r="EC12" s="32"/>
    </row>
    <row r="13" spans="2:133" ht="21" customHeight="1" x14ac:dyDescent="0.2">
      <c r="B13" s="472" t="s">
        <v>9</v>
      </c>
      <c r="C13" s="181">
        <v>0</v>
      </c>
      <c r="D13" s="182">
        <v>0</v>
      </c>
      <c r="E13" s="182">
        <v>0</v>
      </c>
      <c r="F13" s="183">
        <v>7</v>
      </c>
      <c r="G13" s="184">
        <v>4</v>
      </c>
      <c r="H13" s="184">
        <v>202</v>
      </c>
      <c r="I13" s="184">
        <v>363</v>
      </c>
      <c r="J13" s="182">
        <v>261</v>
      </c>
      <c r="K13" s="185">
        <v>837</v>
      </c>
      <c r="L13" s="186">
        <v>837</v>
      </c>
      <c r="M13" s="181">
        <v>0</v>
      </c>
      <c r="N13" s="182">
        <v>0</v>
      </c>
      <c r="O13" s="185">
        <v>0</v>
      </c>
      <c r="P13" s="183">
        <v>7</v>
      </c>
      <c r="Q13" s="184">
        <v>4</v>
      </c>
      <c r="R13" s="184">
        <v>201</v>
      </c>
      <c r="S13" s="184">
        <v>360</v>
      </c>
      <c r="T13" s="182">
        <v>259</v>
      </c>
      <c r="U13" s="185">
        <v>831</v>
      </c>
      <c r="V13" s="187">
        <v>831</v>
      </c>
      <c r="W13" s="188">
        <v>0</v>
      </c>
      <c r="X13" s="182">
        <v>0</v>
      </c>
      <c r="Y13" s="185">
        <v>0</v>
      </c>
      <c r="Z13" s="188">
        <v>0</v>
      </c>
      <c r="AA13" s="184">
        <v>0</v>
      </c>
      <c r="AB13" s="184">
        <v>1</v>
      </c>
      <c r="AC13" s="184">
        <v>3</v>
      </c>
      <c r="AD13" s="182">
        <v>2</v>
      </c>
      <c r="AE13" s="185">
        <v>6</v>
      </c>
      <c r="AF13" s="189">
        <v>6</v>
      </c>
      <c r="AG13" s="188">
        <v>0</v>
      </c>
      <c r="AH13" s="182">
        <v>0</v>
      </c>
      <c r="AI13" s="185">
        <v>0</v>
      </c>
      <c r="AJ13" s="188">
        <v>22</v>
      </c>
      <c r="AK13" s="184">
        <v>72</v>
      </c>
      <c r="AL13" s="184">
        <v>95</v>
      </c>
      <c r="AM13" s="184">
        <v>119</v>
      </c>
      <c r="AN13" s="182">
        <v>61</v>
      </c>
      <c r="AO13" s="185">
        <v>369</v>
      </c>
      <c r="AP13" s="189">
        <v>369</v>
      </c>
      <c r="AQ13" s="188">
        <v>0</v>
      </c>
      <c r="AR13" s="182">
        <v>0</v>
      </c>
      <c r="AS13" s="185">
        <v>0</v>
      </c>
      <c r="AT13" s="183">
        <v>22</v>
      </c>
      <c r="AU13" s="184">
        <v>72</v>
      </c>
      <c r="AV13" s="184">
        <v>91</v>
      </c>
      <c r="AW13" s="184">
        <v>117</v>
      </c>
      <c r="AX13" s="182">
        <v>60</v>
      </c>
      <c r="AY13" s="185">
        <v>362</v>
      </c>
      <c r="AZ13" s="186">
        <v>362</v>
      </c>
      <c r="BA13" s="181">
        <v>0</v>
      </c>
      <c r="BB13" s="182">
        <v>0</v>
      </c>
      <c r="BC13" s="182">
        <v>0</v>
      </c>
      <c r="BD13" s="183">
        <v>0</v>
      </c>
      <c r="BE13" s="184">
        <v>0</v>
      </c>
      <c r="BF13" s="184">
        <v>4</v>
      </c>
      <c r="BG13" s="184">
        <v>2</v>
      </c>
      <c r="BH13" s="182">
        <v>1</v>
      </c>
      <c r="BI13" s="185">
        <v>7</v>
      </c>
      <c r="BJ13" s="187">
        <v>7</v>
      </c>
      <c r="BK13" s="188">
        <v>0</v>
      </c>
      <c r="BL13" s="182">
        <v>0</v>
      </c>
      <c r="BM13" s="182">
        <v>0</v>
      </c>
      <c r="BN13" s="183">
        <v>0</v>
      </c>
      <c r="BO13" s="184">
        <v>0</v>
      </c>
      <c r="BP13" s="184">
        <v>0</v>
      </c>
      <c r="BQ13" s="184">
        <v>0</v>
      </c>
      <c r="BR13" s="182">
        <v>0</v>
      </c>
      <c r="BS13" s="185">
        <v>0</v>
      </c>
      <c r="BT13" s="186">
        <v>0</v>
      </c>
      <c r="BU13" s="181">
        <v>0</v>
      </c>
      <c r="BV13" s="182">
        <v>0</v>
      </c>
      <c r="BW13" s="182">
        <v>0</v>
      </c>
      <c r="BX13" s="183">
        <v>0</v>
      </c>
      <c r="BY13" s="184">
        <v>0</v>
      </c>
      <c r="BZ13" s="184">
        <v>0</v>
      </c>
      <c r="CA13" s="184">
        <v>0</v>
      </c>
      <c r="CB13" s="182">
        <v>0</v>
      </c>
      <c r="CC13" s="185">
        <v>0</v>
      </c>
      <c r="CD13" s="187">
        <v>0</v>
      </c>
      <c r="CE13" s="188">
        <v>0</v>
      </c>
      <c r="CF13" s="182">
        <v>0</v>
      </c>
      <c r="CG13" s="182">
        <v>0</v>
      </c>
      <c r="CH13" s="183">
        <v>0</v>
      </c>
      <c r="CI13" s="184">
        <v>0</v>
      </c>
      <c r="CJ13" s="184">
        <v>0</v>
      </c>
      <c r="CK13" s="184">
        <v>0</v>
      </c>
      <c r="CL13" s="182">
        <v>0</v>
      </c>
      <c r="CM13" s="185">
        <v>0</v>
      </c>
      <c r="CN13" s="187">
        <v>0</v>
      </c>
      <c r="CO13" s="188">
        <v>0</v>
      </c>
      <c r="CP13" s="182">
        <v>0</v>
      </c>
      <c r="CQ13" s="182">
        <v>0</v>
      </c>
      <c r="CR13" s="183">
        <v>0</v>
      </c>
      <c r="CS13" s="184">
        <v>0</v>
      </c>
      <c r="CT13" s="184">
        <v>1</v>
      </c>
      <c r="CU13" s="184">
        <v>2</v>
      </c>
      <c r="CV13" s="182">
        <v>2</v>
      </c>
      <c r="CW13" s="185">
        <v>5</v>
      </c>
      <c r="CX13" s="186">
        <v>5</v>
      </c>
      <c r="CY13" s="181">
        <v>0</v>
      </c>
      <c r="CZ13" s="182">
        <v>0</v>
      </c>
      <c r="DA13" s="182">
        <v>0</v>
      </c>
      <c r="DB13" s="183">
        <v>0</v>
      </c>
      <c r="DC13" s="184">
        <v>0</v>
      </c>
      <c r="DD13" s="184">
        <v>1</v>
      </c>
      <c r="DE13" s="184">
        <v>2</v>
      </c>
      <c r="DF13" s="182">
        <v>2</v>
      </c>
      <c r="DG13" s="185">
        <v>5</v>
      </c>
      <c r="DH13" s="187">
        <v>5</v>
      </c>
      <c r="DI13" s="188">
        <v>0</v>
      </c>
      <c r="DJ13" s="182">
        <v>0</v>
      </c>
      <c r="DK13" s="182">
        <v>0</v>
      </c>
      <c r="DL13" s="183">
        <v>0</v>
      </c>
      <c r="DM13" s="184">
        <v>0</v>
      </c>
      <c r="DN13" s="184">
        <v>0</v>
      </c>
      <c r="DO13" s="184">
        <v>0</v>
      </c>
      <c r="DP13" s="182">
        <v>0</v>
      </c>
      <c r="DQ13" s="185">
        <v>0</v>
      </c>
      <c r="DR13" s="187">
        <v>0</v>
      </c>
      <c r="DS13" s="188">
        <v>0</v>
      </c>
      <c r="DT13" s="182">
        <v>0</v>
      </c>
      <c r="DU13" s="182">
        <v>0</v>
      </c>
      <c r="DV13" s="183">
        <v>29</v>
      </c>
      <c r="DW13" s="184">
        <v>76</v>
      </c>
      <c r="DX13" s="184">
        <v>298</v>
      </c>
      <c r="DY13" s="184">
        <v>484</v>
      </c>
      <c r="DZ13" s="182">
        <v>324</v>
      </c>
      <c r="EA13" s="185">
        <v>1211</v>
      </c>
      <c r="EB13" s="187">
        <v>1211</v>
      </c>
      <c r="EC13" s="32"/>
    </row>
    <row r="14" spans="2:133" ht="21" customHeight="1" x14ac:dyDescent="0.2">
      <c r="B14" s="472" t="s">
        <v>10</v>
      </c>
      <c r="C14" s="181">
        <v>0</v>
      </c>
      <c r="D14" s="182">
        <v>0</v>
      </c>
      <c r="E14" s="182">
        <v>0</v>
      </c>
      <c r="F14" s="183">
        <v>17</v>
      </c>
      <c r="G14" s="184">
        <v>39</v>
      </c>
      <c r="H14" s="184">
        <v>333</v>
      </c>
      <c r="I14" s="184">
        <v>550</v>
      </c>
      <c r="J14" s="182">
        <v>476</v>
      </c>
      <c r="K14" s="185">
        <v>1415</v>
      </c>
      <c r="L14" s="186">
        <v>1415</v>
      </c>
      <c r="M14" s="181">
        <v>0</v>
      </c>
      <c r="N14" s="182">
        <v>0</v>
      </c>
      <c r="O14" s="185">
        <v>0</v>
      </c>
      <c r="P14" s="183">
        <v>17</v>
      </c>
      <c r="Q14" s="184">
        <v>38</v>
      </c>
      <c r="R14" s="184">
        <v>329</v>
      </c>
      <c r="S14" s="184">
        <v>546</v>
      </c>
      <c r="T14" s="182">
        <v>471</v>
      </c>
      <c r="U14" s="185">
        <v>1401</v>
      </c>
      <c r="V14" s="187">
        <v>1401</v>
      </c>
      <c r="W14" s="188">
        <v>0</v>
      </c>
      <c r="X14" s="182">
        <v>0</v>
      </c>
      <c r="Y14" s="185">
        <v>0</v>
      </c>
      <c r="Z14" s="188">
        <v>0</v>
      </c>
      <c r="AA14" s="184">
        <v>1</v>
      </c>
      <c r="AB14" s="184">
        <v>4</v>
      </c>
      <c r="AC14" s="184">
        <v>4</v>
      </c>
      <c r="AD14" s="182">
        <v>5</v>
      </c>
      <c r="AE14" s="185">
        <v>14</v>
      </c>
      <c r="AF14" s="189">
        <v>14</v>
      </c>
      <c r="AG14" s="188">
        <v>0</v>
      </c>
      <c r="AH14" s="182">
        <v>0</v>
      </c>
      <c r="AI14" s="185">
        <v>0</v>
      </c>
      <c r="AJ14" s="188">
        <v>98</v>
      </c>
      <c r="AK14" s="184">
        <v>121</v>
      </c>
      <c r="AL14" s="184">
        <v>159</v>
      </c>
      <c r="AM14" s="184">
        <v>171</v>
      </c>
      <c r="AN14" s="182">
        <v>116</v>
      </c>
      <c r="AO14" s="185">
        <v>665</v>
      </c>
      <c r="AP14" s="189">
        <v>665</v>
      </c>
      <c r="AQ14" s="188">
        <v>0</v>
      </c>
      <c r="AR14" s="182">
        <v>0</v>
      </c>
      <c r="AS14" s="185">
        <v>0</v>
      </c>
      <c r="AT14" s="183">
        <v>94</v>
      </c>
      <c r="AU14" s="184">
        <v>120</v>
      </c>
      <c r="AV14" s="184">
        <v>158</v>
      </c>
      <c r="AW14" s="184">
        <v>167</v>
      </c>
      <c r="AX14" s="182">
        <v>111</v>
      </c>
      <c r="AY14" s="185">
        <v>650</v>
      </c>
      <c r="AZ14" s="186">
        <v>650</v>
      </c>
      <c r="BA14" s="181">
        <v>0</v>
      </c>
      <c r="BB14" s="182">
        <v>0</v>
      </c>
      <c r="BC14" s="182">
        <v>0</v>
      </c>
      <c r="BD14" s="183">
        <v>4</v>
      </c>
      <c r="BE14" s="184">
        <v>1</v>
      </c>
      <c r="BF14" s="184">
        <v>1</v>
      </c>
      <c r="BG14" s="184">
        <v>4</v>
      </c>
      <c r="BH14" s="182">
        <v>5</v>
      </c>
      <c r="BI14" s="185">
        <v>15</v>
      </c>
      <c r="BJ14" s="187">
        <v>15</v>
      </c>
      <c r="BK14" s="188">
        <v>0</v>
      </c>
      <c r="BL14" s="182">
        <v>0</v>
      </c>
      <c r="BM14" s="182">
        <v>0</v>
      </c>
      <c r="BN14" s="183">
        <v>0</v>
      </c>
      <c r="BO14" s="184">
        <v>0</v>
      </c>
      <c r="BP14" s="184">
        <v>0</v>
      </c>
      <c r="BQ14" s="184">
        <v>0</v>
      </c>
      <c r="BR14" s="182">
        <v>2</v>
      </c>
      <c r="BS14" s="185">
        <v>2</v>
      </c>
      <c r="BT14" s="186">
        <v>2</v>
      </c>
      <c r="BU14" s="181">
        <v>0</v>
      </c>
      <c r="BV14" s="182">
        <v>0</v>
      </c>
      <c r="BW14" s="182">
        <v>0</v>
      </c>
      <c r="BX14" s="183">
        <v>0</v>
      </c>
      <c r="BY14" s="184">
        <v>0</v>
      </c>
      <c r="BZ14" s="184">
        <v>0</v>
      </c>
      <c r="CA14" s="184">
        <v>0</v>
      </c>
      <c r="CB14" s="182">
        <v>2</v>
      </c>
      <c r="CC14" s="185">
        <v>2</v>
      </c>
      <c r="CD14" s="187">
        <v>2</v>
      </c>
      <c r="CE14" s="188">
        <v>0</v>
      </c>
      <c r="CF14" s="182">
        <v>0</v>
      </c>
      <c r="CG14" s="182">
        <v>0</v>
      </c>
      <c r="CH14" s="183">
        <v>0</v>
      </c>
      <c r="CI14" s="184">
        <v>0</v>
      </c>
      <c r="CJ14" s="184">
        <v>0</v>
      </c>
      <c r="CK14" s="184">
        <v>0</v>
      </c>
      <c r="CL14" s="182">
        <v>0</v>
      </c>
      <c r="CM14" s="185">
        <v>0</v>
      </c>
      <c r="CN14" s="187">
        <v>0</v>
      </c>
      <c r="CO14" s="188">
        <v>0</v>
      </c>
      <c r="CP14" s="182">
        <v>0</v>
      </c>
      <c r="CQ14" s="182">
        <v>0</v>
      </c>
      <c r="CR14" s="183">
        <v>0</v>
      </c>
      <c r="CS14" s="184">
        <v>0</v>
      </c>
      <c r="CT14" s="184">
        <v>1</v>
      </c>
      <c r="CU14" s="184">
        <v>5</v>
      </c>
      <c r="CV14" s="182">
        <v>9</v>
      </c>
      <c r="CW14" s="185">
        <v>15</v>
      </c>
      <c r="CX14" s="186">
        <v>15</v>
      </c>
      <c r="CY14" s="181">
        <v>0</v>
      </c>
      <c r="CZ14" s="182">
        <v>0</v>
      </c>
      <c r="DA14" s="182">
        <v>0</v>
      </c>
      <c r="DB14" s="183">
        <v>0</v>
      </c>
      <c r="DC14" s="184">
        <v>0</v>
      </c>
      <c r="DD14" s="184">
        <v>1</v>
      </c>
      <c r="DE14" s="184">
        <v>5</v>
      </c>
      <c r="DF14" s="182">
        <v>9</v>
      </c>
      <c r="DG14" s="185">
        <v>15</v>
      </c>
      <c r="DH14" s="187">
        <v>15</v>
      </c>
      <c r="DI14" s="188">
        <v>0</v>
      </c>
      <c r="DJ14" s="182">
        <v>0</v>
      </c>
      <c r="DK14" s="182">
        <v>0</v>
      </c>
      <c r="DL14" s="183">
        <v>0</v>
      </c>
      <c r="DM14" s="184">
        <v>0</v>
      </c>
      <c r="DN14" s="184">
        <v>0</v>
      </c>
      <c r="DO14" s="184">
        <v>0</v>
      </c>
      <c r="DP14" s="182">
        <v>0</v>
      </c>
      <c r="DQ14" s="185">
        <v>0</v>
      </c>
      <c r="DR14" s="187">
        <v>0</v>
      </c>
      <c r="DS14" s="188">
        <v>0</v>
      </c>
      <c r="DT14" s="182">
        <v>0</v>
      </c>
      <c r="DU14" s="182">
        <v>0</v>
      </c>
      <c r="DV14" s="183">
        <v>115</v>
      </c>
      <c r="DW14" s="184">
        <v>160</v>
      </c>
      <c r="DX14" s="184">
        <v>490</v>
      </c>
      <c r="DY14" s="184">
        <v>720</v>
      </c>
      <c r="DZ14" s="182">
        <v>603</v>
      </c>
      <c r="EA14" s="185">
        <v>2088</v>
      </c>
      <c r="EB14" s="187">
        <v>2088</v>
      </c>
      <c r="EC14" s="32"/>
    </row>
    <row r="15" spans="2:133" ht="21" customHeight="1" x14ac:dyDescent="0.2">
      <c r="B15" s="472" t="s">
        <v>11</v>
      </c>
      <c r="C15" s="181">
        <v>0</v>
      </c>
      <c r="D15" s="182">
        <v>0</v>
      </c>
      <c r="E15" s="182">
        <v>0</v>
      </c>
      <c r="F15" s="183">
        <v>1</v>
      </c>
      <c r="G15" s="184">
        <v>7</v>
      </c>
      <c r="H15" s="184">
        <v>163</v>
      </c>
      <c r="I15" s="184">
        <v>333</v>
      </c>
      <c r="J15" s="182">
        <v>180</v>
      </c>
      <c r="K15" s="185">
        <v>684</v>
      </c>
      <c r="L15" s="186">
        <v>684</v>
      </c>
      <c r="M15" s="181">
        <v>0</v>
      </c>
      <c r="N15" s="182">
        <v>0</v>
      </c>
      <c r="O15" s="185">
        <v>0</v>
      </c>
      <c r="P15" s="183">
        <v>1</v>
      </c>
      <c r="Q15" s="184">
        <v>7</v>
      </c>
      <c r="R15" s="184">
        <v>163</v>
      </c>
      <c r="S15" s="184">
        <v>330</v>
      </c>
      <c r="T15" s="182">
        <v>180</v>
      </c>
      <c r="U15" s="185">
        <v>681</v>
      </c>
      <c r="V15" s="187">
        <v>681</v>
      </c>
      <c r="W15" s="188">
        <v>0</v>
      </c>
      <c r="X15" s="182">
        <v>0</v>
      </c>
      <c r="Y15" s="185">
        <v>0</v>
      </c>
      <c r="Z15" s="188">
        <v>0</v>
      </c>
      <c r="AA15" s="184">
        <v>0</v>
      </c>
      <c r="AB15" s="184">
        <v>0</v>
      </c>
      <c r="AC15" s="184">
        <v>3</v>
      </c>
      <c r="AD15" s="182">
        <v>0</v>
      </c>
      <c r="AE15" s="185">
        <v>3</v>
      </c>
      <c r="AF15" s="189">
        <v>3</v>
      </c>
      <c r="AG15" s="188">
        <v>0</v>
      </c>
      <c r="AH15" s="182">
        <v>0</v>
      </c>
      <c r="AI15" s="185">
        <v>0</v>
      </c>
      <c r="AJ15" s="188">
        <v>62</v>
      </c>
      <c r="AK15" s="184">
        <v>85</v>
      </c>
      <c r="AL15" s="184">
        <v>142</v>
      </c>
      <c r="AM15" s="184">
        <v>141</v>
      </c>
      <c r="AN15" s="182">
        <v>78</v>
      </c>
      <c r="AO15" s="185">
        <v>508</v>
      </c>
      <c r="AP15" s="189">
        <v>508</v>
      </c>
      <c r="AQ15" s="188">
        <v>0</v>
      </c>
      <c r="AR15" s="182">
        <v>0</v>
      </c>
      <c r="AS15" s="185">
        <v>0</v>
      </c>
      <c r="AT15" s="183">
        <v>60</v>
      </c>
      <c r="AU15" s="184">
        <v>84</v>
      </c>
      <c r="AV15" s="184">
        <v>140</v>
      </c>
      <c r="AW15" s="184">
        <v>140</v>
      </c>
      <c r="AX15" s="182">
        <v>77</v>
      </c>
      <c r="AY15" s="185">
        <v>501</v>
      </c>
      <c r="AZ15" s="186">
        <v>501</v>
      </c>
      <c r="BA15" s="181">
        <v>0</v>
      </c>
      <c r="BB15" s="182">
        <v>0</v>
      </c>
      <c r="BC15" s="182">
        <v>0</v>
      </c>
      <c r="BD15" s="183">
        <v>2</v>
      </c>
      <c r="BE15" s="184">
        <v>1</v>
      </c>
      <c r="BF15" s="184">
        <v>2</v>
      </c>
      <c r="BG15" s="184">
        <v>1</v>
      </c>
      <c r="BH15" s="182">
        <v>1</v>
      </c>
      <c r="BI15" s="185">
        <v>7</v>
      </c>
      <c r="BJ15" s="187">
        <v>7</v>
      </c>
      <c r="BK15" s="188">
        <v>0</v>
      </c>
      <c r="BL15" s="182">
        <v>0</v>
      </c>
      <c r="BM15" s="182">
        <v>0</v>
      </c>
      <c r="BN15" s="183">
        <v>0</v>
      </c>
      <c r="BO15" s="184">
        <v>0</v>
      </c>
      <c r="BP15" s="184">
        <v>0</v>
      </c>
      <c r="BQ15" s="184">
        <v>0</v>
      </c>
      <c r="BR15" s="182">
        <v>0</v>
      </c>
      <c r="BS15" s="185">
        <v>0</v>
      </c>
      <c r="BT15" s="186">
        <v>0</v>
      </c>
      <c r="BU15" s="181">
        <v>0</v>
      </c>
      <c r="BV15" s="182">
        <v>0</v>
      </c>
      <c r="BW15" s="182">
        <v>0</v>
      </c>
      <c r="BX15" s="183">
        <v>0</v>
      </c>
      <c r="BY15" s="184">
        <v>0</v>
      </c>
      <c r="BZ15" s="184">
        <v>0</v>
      </c>
      <c r="CA15" s="184">
        <v>0</v>
      </c>
      <c r="CB15" s="182">
        <v>0</v>
      </c>
      <c r="CC15" s="185">
        <v>0</v>
      </c>
      <c r="CD15" s="187">
        <v>0</v>
      </c>
      <c r="CE15" s="188">
        <v>0</v>
      </c>
      <c r="CF15" s="182">
        <v>0</v>
      </c>
      <c r="CG15" s="182">
        <v>0</v>
      </c>
      <c r="CH15" s="183">
        <v>0</v>
      </c>
      <c r="CI15" s="184">
        <v>0</v>
      </c>
      <c r="CJ15" s="184">
        <v>0</v>
      </c>
      <c r="CK15" s="184">
        <v>0</v>
      </c>
      <c r="CL15" s="182">
        <v>0</v>
      </c>
      <c r="CM15" s="185">
        <v>0</v>
      </c>
      <c r="CN15" s="187">
        <v>0</v>
      </c>
      <c r="CO15" s="188">
        <v>0</v>
      </c>
      <c r="CP15" s="182">
        <v>0</v>
      </c>
      <c r="CQ15" s="182">
        <v>0</v>
      </c>
      <c r="CR15" s="183">
        <v>4</v>
      </c>
      <c r="CS15" s="184">
        <v>7</v>
      </c>
      <c r="CT15" s="184">
        <v>12</v>
      </c>
      <c r="CU15" s="184">
        <v>10</v>
      </c>
      <c r="CV15" s="182">
        <v>31</v>
      </c>
      <c r="CW15" s="185">
        <v>64</v>
      </c>
      <c r="CX15" s="186">
        <v>64</v>
      </c>
      <c r="CY15" s="181">
        <v>0</v>
      </c>
      <c r="CZ15" s="182">
        <v>0</v>
      </c>
      <c r="DA15" s="182">
        <v>0</v>
      </c>
      <c r="DB15" s="183">
        <v>3</v>
      </c>
      <c r="DC15" s="184">
        <v>7</v>
      </c>
      <c r="DD15" s="184">
        <v>12</v>
      </c>
      <c r="DE15" s="184">
        <v>10</v>
      </c>
      <c r="DF15" s="182">
        <v>29</v>
      </c>
      <c r="DG15" s="185">
        <v>61</v>
      </c>
      <c r="DH15" s="187">
        <v>61</v>
      </c>
      <c r="DI15" s="188">
        <v>0</v>
      </c>
      <c r="DJ15" s="182">
        <v>0</v>
      </c>
      <c r="DK15" s="182">
        <v>0</v>
      </c>
      <c r="DL15" s="183">
        <v>1</v>
      </c>
      <c r="DM15" s="184">
        <v>0</v>
      </c>
      <c r="DN15" s="184">
        <v>0</v>
      </c>
      <c r="DO15" s="184">
        <v>0</v>
      </c>
      <c r="DP15" s="182">
        <v>2</v>
      </c>
      <c r="DQ15" s="185">
        <v>3</v>
      </c>
      <c r="DR15" s="187">
        <v>3</v>
      </c>
      <c r="DS15" s="188">
        <v>0</v>
      </c>
      <c r="DT15" s="182">
        <v>0</v>
      </c>
      <c r="DU15" s="182">
        <v>0</v>
      </c>
      <c r="DV15" s="183">
        <v>67</v>
      </c>
      <c r="DW15" s="184">
        <v>99</v>
      </c>
      <c r="DX15" s="184">
        <v>317</v>
      </c>
      <c r="DY15" s="184">
        <v>482</v>
      </c>
      <c r="DZ15" s="182">
        <v>288</v>
      </c>
      <c r="EA15" s="185">
        <v>1253</v>
      </c>
      <c r="EB15" s="187">
        <v>1253</v>
      </c>
      <c r="EC15" s="32"/>
    </row>
    <row r="16" spans="2:133" ht="21" customHeight="1" x14ac:dyDescent="0.2">
      <c r="B16" s="472" t="s">
        <v>12</v>
      </c>
      <c r="C16" s="181">
        <v>0</v>
      </c>
      <c r="D16" s="182">
        <v>0</v>
      </c>
      <c r="E16" s="182">
        <v>0</v>
      </c>
      <c r="F16" s="183">
        <v>2</v>
      </c>
      <c r="G16" s="184">
        <v>19</v>
      </c>
      <c r="H16" s="184">
        <v>186</v>
      </c>
      <c r="I16" s="184">
        <v>317</v>
      </c>
      <c r="J16" s="182">
        <v>230</v>
      </c>
      <c r="K16" s="185">
        <v>754</v>
      </c>
      <c r="L16" s="186">
        <v>754</v>
      </c>
      <c r="M16" s="181">
        <v>0</v>
      </c>
      <c r="N16" s="182">
        <v>0</v>
      </c>
      <c r="O16" s="185">
        <v>0</v>
      </c>
      <c r="P16" s="183">
        <v>2</v>
      </c>
      <c r="Q16" s="184">
        <v>19</v>
      </c>
      <c r="R16" s="184">
        <v>186</v>
      </c>
      <c r="S16" s="184">
        <v>317</v>
      </c>
      <c r="T16" s="182">
        <v>226</v>
      </c>
      <c r="U16" s="185">
        <v>750</v>
      </c>
      <c r="V16" s="187">
        <v>750</v>
      </c>
      <c r="W16" s="188">
        <v>0</v>
      </c>
      <c r="X16" s="182">
        <v>0</v>
      </c>
      <c r="Y16" s="185">
        <v>0</v>
      </c>
      <c r="Z16" s="188">
        <v>0</v>
      </c>
      <c r="AA16" s="184">
        <v>0</v>
      </c>
      <c r="AB16" s="184">
        <v>0</v>
      </c>
      <c r="AC16" s="184">
        <v>0</v>
      </c>
      <c r="AD16" s="182">
        <v>4</v>
      </c>
      <c r="AE16" s="185">
        <v>4</v>
      </c>
      <c r="AF16" s="189">
        <v>4</v>
      </c>
      <c r="AG16" s="188">
        <v>0</v>
      </c>
      <c r="AH16" s="182">
        <v>0</v>
      </c>
      <c r="AI16" s="185">
        <v>0</v>
      </c>
      <c r="AJ16" s="188">
        <v>46</v>
      </c>
      <c r="AK16" s="184">
        <v>85</v>
      </c>
      <c r="AL16" s="184">
        <v>165</v>
      </c>
      <c r="AM16" s="184">
        <v>169</v>
      </c>
      <c r="AN16" s="182">
        <v>78</v>
      </c>
      <c r="AO16" s="185">
        <v>543</v>
      </c>
      <c r="AP16" s="189">
        <v>543</v>
      </c>
      <c r="AQ16" s="188">
        <v>0</v>
      </c>
      <c r="AR16" s="182">
        <v>0</v>
      </c>
      <c r="AS16" s="185">
        <v>0</v>
      </c>
      <c r="AT16" s="183">
        <v>44</v>
      </c>
      <c r="AU16" s="184">
        <v>85</v>
      </c>
      <c r="AV16" s="184">
        <v>162</v>
      </c>
      <c r="AW16" s="184">
        <v>167</v>
      </c>
      <c r="AX16" s="182">
        <v>76</v>
      </c>
      <c r="AY16" s="185">
        <v>534</v>
      </c>
      <c r="AZ16" s="186">
        <v>534</v>
      </c>
      <c r="BA16" s="181">
        <v>0</v>
      </c>
      <c r="BB16" s="182">
        <v>0</v>
      </c>
      <c r="BC16" s="182">
        <v>0</v>
      </c>
      <c r="BD16" s="183">
        <v>2</v>
      </c>
      <c r="BE16" s="184">
        <v>0</v>
      </c>
      <c r="BF16" s="184">
        <v>3</v>
      </c>
      <c r="BG16" s="184">
        <v>2</v>
      </c>
      <c r="BH16" s="182">
        <v>2</v>
      </c>
      <c r="BI16" s="185">
        <v>9</v>
      </c>
      <c r="BJ16" s="187">
        <v>9</v>
      </c>
      <c r="BK16" s="188">
        <v>0</v>
      </c>
      <c r="BL16" s="182">
        <v>0</v>
      </c>
      <c r="BM16" s="182">
        <v>0</v>
      </c>
      <c r="BN16" s="183">
        <v>0</v>
      </c>
      <c r="BO16" s="184">
        <v>0</v>
      </c>
      <c r="BP16" s="184">
        <v>0</v>
      </c>
      <c r="BQ16" s="184">
        <v>0</v>
      </c>
      <c r="BR16" s="182">
        <v>2</v>
      </c>
      <c r="BS16" s="185">
        <v>2</v>
      </c>
      <c r="BT16" s="186">
        <v>2</v>
      </c>
      <c r="BU16" s="181">
        <v>0</v>
      </c>
      <c r="BV16" s="182">
        <v>0</v>
      </c>
      <c r="BW16" s="182">
        <v>0</v>
      </c>
      <c r="BX16" s="183">
        <v>0</v>
      </c>
      <c r="BY16" s="184">
        <v>0</v>
      </c>
      <c r="BZ16" s="184">
        <v>0</v>
      </c>
      <c r="CA16" s="184">
        <v>0</v>
      </c>
      <c r="CB16" s="182">
        <v>2</v>
      </c>
      <c r="CC16" s="185">
        <v>2</v>
      </c>
      <c r="CD16" s="187">
        <v>2</v>
      </c>
      <c r="CE16" s="188">
        <v>0</v>
      </c>
      <c r="CF16" s="182">
        <v>0</v>
      </c>
      <c r="CG16" s="182">
        <v>0</v>
      </c>
      <c r="CH16" s="183">
        <v>0</v>
      </c>
      <c r="CI16" s="184">
        <v>0</v>
      </c>
      <c r="CJ16" s="184">
        <v>0</v>
      </c>
      <c r="CK16" s="184">
        <v>0</v>
      </c>
      <c r="CL16" s="182">
        <v>0</v>
      </c>
      <c r="CM16" s="185">
        <v>0</v>
      </c>
      <c r="CN16" s="187">
        <v>0</v>
      </c>
      <c r="CO16" s="188">
        <v>0</v>
      </c>
      <c r="CP16" s="182">
        <v>0</v>
      </c>
      <c r="CQ16" s="182">
        <v>0</v>
      </c>
      <c r="CR16" s="183">
        <v>0</v>
      </c>
      <c r="CS16" s="184">
        <v>2</v>
      </c>
      <c r="CT16" s="184">
        <v>2</v>
      </c>
      <c r="CU16" s="184">
        <v>15</v>
      </c>
      <c r="CV16" s="182">
        <v>7</v>
      </c>
      <c r="CW16" s="185">
        <v>26</v>
      </c>
      <c r="CX16" s="186">
        <v>26</v>
      </c>
      <c r="CY16" s="181">
        <v>0</v>
      </c>
      <c r="CZ16" s="182">
        <v>0</v>
      </c>
      <c r="DA16" s="182">
        <v>0</v>
      </c>
      <c r="DB16" s="183">
        <v>0</v>
      </c>
      <c r="DC16" s="184">
        <v>2</v>
      </c>
      <c r="DD16" s="184">
        <v>2</v>
      </c>
      <c r="DE16" s="184">
        <v>15</v>
      </c>
      <c r="DF16" s="182">
        <v>7</v>
      </c>
      <c r="DG16" s="185">
        <v>26</v>
      </c>
      <c r="DH16" s="187">
        <v>26</v>
      </c>
      <c r="DI16" s="188">
        <v>0</v>
      </c>
      <c r="DJ16" s="182">
        <v>0</v>
      </c>
      <c r="DK16" s="182">
        <v>0</v>
      </c>
      <c r="DL16" s="183">
        <v>0</v>
      </c>
      <c r="DM16" s="184">
        <v>0</v>
      </c>
      <c r="DN16" s="184">
        <v>0</v>
      </c>
      <c r="DO16" s="184">
        <v>0</v>
      </c>
      <c r="DP16" s="182">
        <v>0</v>
      </c>
      <c r="DQ16" s="185">
        <v>0</v>
      </c>
      <c r="DR16" s="187">
        <v>0</v>
      </c>
      <c r="DS16" s="188">
        <v>0</v>
      </c>
      <c r="DT16" s="182">
        <v>0</v>
      </c>
      <c r="DU16" s="182">
        <v>0</v>
      </c>
      <c r="DV16" s="183">
        <v>48</v>
      </c>
      <c r="DW16" s="184">
        <v>106</v>
      </c>
      <c r="DX16" s="184">
        <v>350</v>
      </c>
      <c r="DY16" s="184">
        <v>496</v>
      </c>
      <c r="DZ16" s="182">
        <v>316</v>
      </c>
      <c r="EA16" s="185">
        <v>1316</v>
      </c>
      <c r="EB16" s="187">
        <v>1316</v>
      </c>
      <c r="EC16" s="32"/>
    </row>
    <row r="17" spans="2:133" ht="21" customHeight="1" x14ac:dyDescent="0.2">
      <c r="B17" s="472" t="s">
        <v>13</v>
      </c>
      <c r="C17" s="181">
        <v>0</v>
      </c>
      <c r="D17" s="182">
        <v>0</v>
      </c>
      <c r="E17" s="182">
        <v>0</v>
      </c>
      <c r="F17" s="183">
        <v>2</v>
      </c>
      <c r="G17" s="184">
        <v>3</v>
      </c>
      <c r="H17" s="184">
        <v>63</v>
      </c>
      <c r="I17" s="184">
        <v>155</v>
      </c>
      <c r="J17" s="182">
        <v>119</v>
      </c>
      <c r="K17" s="185">
        <v>342</v>
      </c>
      <c r="L17" s="186">
        <v>342</v>
      </c>
      <c r="M17" s="181">
        <v>0</v>
      </c>
      <c r="N17" s="182">
        <v>0</v>
      </c>
      <c r="O17" s="185">
        <v>0</v>
      </c>
      <c r="P17" s="183">
        <v>2</v>
      </c>
      <c r="Q17" s="184">
        <v>3</v>
      </c>
      <c r="R17" s="184">
        <v>63</v>
      </c>
      <c r="S17" s="184">
        <v>155</v>
      </c>
      <c r="T17" s="182">
        <v>118</v>
      </c>
      <c r="U17" s="185">
        <v>341</v>
      </c>
      <c r="V17" s="187">
        <v>341</v>
      </c>
      <c r="W17" s="188">
        <v>0</v>
      </c>
      <c r="X17" s="182">
        <v>0</v>
      </c>
      <c r="Y17" s="185">
        <v>0</v>
      </c>
      <c r="Z17" s="188">
        <v>0</v>
      </c>
      <c r="AA17" s="184">
        <v>0</v>
      </c>
      <c r="AB17" s="184">
        <v>0</v>
      </c>
      <c r="AC17" s="184">
        <v>0</v>
      </c>
      <c r="AD17" s="182">
        <v>1</v>
      </c>
      <c r="AE17" s="185">
        <v>1</v>
      </c>
      <c r="AF17" s="189">
        <v>1</v>
      </c>
      <c r="AG17" s="188">
        <v>0</v>
      </c>
      <c r="AH17" s="182">
        <v>0</v>
      </c>
      <c r="AI17" s="185">
        <v>0</v>
      </c>
      <c r="AJ17" s="188">
        <v>10</v>
      </c>
      <c r="AK17" s="184">
        <v>29</v>
      </c>
      <c r="AL17" s="184">
        <v>40</v>
      </c>
      <c r="AM17" s="184">
        <v>31</v>
      </c>
      <c r="AN17" s="182">
        <v>23</v>
      </c>
      <c r="AO17" s="185">
        <v>133</v>
      </c>
      <c r="AP17" s="189">
        <v>133</v>
      </c>
      <c r="AQ17" s="188">
        <v>0</v>
      </c>
      <c r="AR17" s="182">
        <v>0</v>
      </c>
      <c r="AS17" s="185">
        <v>0</v>
      </c>
      <c r="AT17" s="183">
        <v>10</v>
      </c>
      <c r="AU17" s="184">
        <v>28</v>
      </c>
      <c r="AV17" s="184">
        <v>40</v>
      </c>
      <c r="AW17" s="184">
        <v>29</v>
      </c>
      <c r="AX17" s="182">
        <v>22</v>
      </c>
      <c r="AY17" s="185">
        <v>129</v>
      </c>
      <c r="AZ17" s="186">
        <v>129</v>
      </c>
      <c r="BA17" s="181">
        <v>0</v>
      </c>
      <c r="BB17" s="182">
        <v>0</v>
      </c>
      <c r="BC17" s="182">
        <v>0</v>
      </c>
      <c r="BD17" s="183">
        <v>0</v>
      </c>
      <c r="BE17" s="184">
        <v>1</v>
      </c>
      <c r="BF17" s="184">
        <v>0</v>
      </c>
      <c r="BG17" s="184">
        <v>2</v>
      </c>
      <c r="BH17" s="182">
        <v>1</v>
      </c>
      <c r="BI17" s="185">
        <v>4</v>
      </c>
      <c r="BJ17" s="187">
        <v>4</v>
      </c>
      <c r="BK17" s="188">
        <v>0</v>
      </c>
      <c r="BL17" s="182">
        <v>0</v>
      </c>
      <c r="BM17" s="182">
        <v>0</v>
      </c>
      <c r="BN17" s="183">
        <v>0</v>
      </c>
      <c r="BO17" s="184">
        <v>0</v>
      </c>
      <c r="BP17" s="184">
        <v>0</v>
      </c>
      <c r="BQ17" s="184">
        <v>0</v>
      </c>
      <c r="BR17" s="182">
        <v>0</v>
      </c>
      <c r="BS17" s="185">
        <v>0</v>
      </c>
      <c r="BT17" s="186">
        <v>0</v>
      </c>
      <c r="BU17" s="181">
        <v>0</v>
      </c>
      <c r="BV17" s="182">
        <v>0</v>
      </c>
      <c r="BW17" s="182">
        <v>0</v>
      </c>
      <c r="BX17" s="183">
        <v>0</v>
      </c>
      <c r="BY17" s="184">
        <v>0</v>
      </c>
      <c r="BZ17" s="184">
        <v>0</v>
      </c>
      <c r="CA17" s="184">
        <v>0</v>
      </c>
      <c r="CB17" s="182">
        <v>0</v>
      </c>
      <c r="CC17" s="185">
        <v>0</v>
      </c>
      <c r="CD17" s="187">
        <v>0</v>
      </c>
      <c r="CE17" s="188">
        <v>0</v>
      </c>
      <c r="CF17" s="182">
        <v>0</v>
      </c>
      <c r="CG17" s="182">
        <v>0</v>
      </c>
      <c r="CH17" s="183">
        <v>0</v>
      </c>
      <c r="CI17" s="184">
        <v>0</v>
      </c>
      <c r="CJ17" s="184">
        <v>0</v>
      </c>
      <c r="CK17" s="184">
        <v>0</v>
      </c>
      <c r="CL17" s="182">
        <v>0</v>
      </c>
      <c r="CM17" s="185">
        <v>0</v>
      </c>
      <c r="CN17" s="187">
        <v>0</v>
      </c>
      <c r="CO17" s="188">
        <v>0</v>
      </c>
      <c r="CP17" s="182">
        <v>0</v>
      </c>
      <c r="CQ17" s="182">
        <v>0</v>
      </c>
      <c r="CR17" s="183">
        <v>0</v>
      </c>
      <c r="CS17" s="184">
        <v>0</v>
      </c>
      <c r="CT17" s="184">
        <v>0</v>
      </c>
      <c r="CU17" s="184">
        <v>0</v>
      </c>
      <c r="CV17" s="182">
        <v>1</v>
      </c>
      <c r="CW17" s="185">
        <v>1</v>
      </c>
      <c r="CX17" s="186">
        <v>1</v>
      </c>
      <c r="CY17" s="181">
        <v>0</v>
      </c>
      <c r="CZ17" s="182">
        <v>0</v>
      </c>
      <c r="DA17" s="182">
        <v>0</v>
      </c>
      <c r="DB17" s="183">
        <v>0</v>
      </c>
      <c r="DC17" s="184">
        <v>0</v>
      </c>
      <c r="DD17" s="184">
        <v>0</v>
      </c>
      <c r="DE17" s="184">
        <v>0</v>
      </c>
      <c r="DF17" s="182">
        <v>1</v>
      </c>
      <c r="DG17" s="185">
        <v>1</v>
      </c>
      <c r="DH17" s="187">
        <v>1</v>
      </c>
      <c r="DI17" s="188">
        <v>0</v>
      </c>
      <c r="DJ17" s="182">
        <v>0</v>
      </c>
      <c r="DK17" s="182">
        <v>0</v>
      </c>
      <c r="DL17" s="183">
        <v>0</v>
      </c>
      <c r="DM17" s="184">
        <v>0</v>
      </c>
      <c r="DN17" s="184">
        <v>0</v>
      </c>
      <c r="DO17" s="184">
        <v>0</v>
      </c>
      <c r="DP17" s="182">
        <v>0</v>
      </c>
      <c r="DQ17" s="185">
        <v>0</v>
      </c>
      <c r="DR17" s="187">
        <v>0</v>
      </c>
      <c r="DS17" s="188">
        <v>0</v>
      </c>
      <c r="DT17" s="182">
        <v>0</v>
      </c>
      <c r="DU17" s="182">
        <v>0</v>
      </c>
      <c r="DV17" s="183">
        <v>12</v>
      </c>
      <c r="DW17" s="184">
        <v>32</v>
      </c>
      <c r="DX17" s="184">
        <v>103</v>
      </c>
      <c r="DY17" s="184">
        <v>186</v>
      </c>
      <c r="DZ17" s="182">
        <v>143</v>
      </c>
      <c r="EA17" s="185">
        <v>476</v>
      </c>
      <c r="EB17" s="187">
        <v>476</v>
      </c>
      <c r="EC17" s="32"/>
    </row>
    <row r="18" spans="2:133" ht="21" customHeight="1" x14ac:dyDescent="0.2">
      <c r="B18" s="472" t="s">
        <v>15</v>
      </c>
      <c r="C18" s="181">
        <v>0</v>
      </c>
      <c r="D18" s="182">
        <v>0</v>
      </c>
      <c r="E18" s="182">
        <v>0</v>
      </c>
      <c r="F18" s="183">
        <v>1</v>
      </c>
      <c r="G18" s="184">
        <v>1</v>
      </c>
      <c r="H18" s="184">
        <v>82</v>
      </c>
      <c r="I18" s="184">
        <v>148</v>
      </c>
      <c r="J18" s="182">
        <v>86</v>
      </c>
      <c r="K18" s="185">
        <v>318</v>
      </c>
      <c r="L18" s="186">
        <v>318</v>
      </c>
      <c r="M18" s="181">
        <v>0</v>
      </c>
      <c r="N18" s="182">
        <v>0</v>
      </c>
      <c r="O18" s="185">
        <v>0</v>
      </c>
      <c r="P18" s="183">
        <v>1</v>
      </c>
      <c r="Q18" s="184">
        <v>1</v>
      </c>
      <c r="R18" s="184">
        <v>82</v>
      </c>
      <c r="S18" s="184">
        <v>146</v>
      </c>
      <c r="T18" s="182">
        <v>84</v>
      </c>
      <c r="U18" s="185">
        <v>314</v>
      </c>
      <c r="V18" s="187">
        <v>314</v>
      </c>
      <c r="W18" s="188">
        <v>0</v>
      </c>
      <c r="X18" s="182">
        <v>0</v>
      </c>
      <c r="Y18" s="185">
        <v>0</v>
      </c>
      <c r="Z18" s="188">
        <v>0</v>
      </c>
      <c r="AA18" s="184">
        <v>0</v>
      </c>
      <c r="AB18" s="184">
        <v>0</v>
      </c>
      <c r="AC18" s="184">
        <v>2</v>
      </c>
      <c r="AD18" s="182">
        <v>2</v>
      </c>
      <c r="AE18" s="185">
        <v>4</v>
      </c>
      <c r="AF18" s="189">
        <v>4</v>
      </c>
      <c r="AG18" s="188">
        <v>0</v>
      </c>
      <c r="AH18" s="182">
        <v>0</v>
      </c>
      <c r="AI18" s="185">
        <v>0</v>
      </c>
      <c r="AJ18" s="188">
        <v>16</v>
      </c>
      <c r="AK18" s="184">
        <v>34</v>
      </c>
      <c r="AL18" s="184">
        <v>47</v>
      </c>
      <c r="AM18" s="184">
        <v>55</v>
      </c>
      <c r="AN18" s="182">
        <v>25</v>
      </c>
      <c r="AO18" s="185">
        <v>177</v>
      </c>
      <c r="AP18" s="189">
        <v>177</v>
      </c>
      <c r="AQ18" s="188">
        <v>0</v>
      </c>
      <c r="AR18" s="182">
        <v>0</v>
      </c>
      <c r="AS18" s="185">
        <v>0</v>
      </c>
      <c r="AT18" s="183">
        <v>15</v>
      </c>
      <c r="AU18" s="184">
        <v>34</v>
      </c>
      <c r="AV18" s="184">
        <v>47</v>
      </c>
      <c r="AW18" s="184">
        <v>54</v>
      </c>
      <c r="AX18" s="182">
        <v>24</v>
      </c>
      <c r="AY18" s="185">
        <v>174</v>
      </c>
      <c r="AZ18" s="186">
        <v>174</v>
      </c>
      <c r="BA18" s="181">
        <v>0</v>
      </c>
      <c r="BB18" s="182">
        <v>0</v>
      </c>
      <c r="BC18" s="182">
        <v>0</v>
      </c>
      <c r="BD18" s="183">
        <v>1</v>
      </c>
      <c r="BE18" s="184">
        <v>0</v>
      </c>
      <c r="BF18" s="184">
        <v>0</v>
      </c>
      <c r="BG18" s="184">
        <v>1</v>
      </c>
      <c r="BH18" s="182">
        <v>1</v>
      </c>
      <c r="BI18" s="185">
        <v>3</v>
      </c>
      <c r="BJ18" s="187">
        <v>3</v>
      </c>
      <c r="BK18" s="188">
        <v>0</v>
      </c>
      <c r="BL18" s="182">
        <v>0</v>
      </c>
      <c r="BM18" s="182">
        <v>0</v>
      </c>
      <c r="BN18" s="183">
        <v>0</v>
      </c>
      <c r="BO18" s="184">
        <v>0</v>
      </c>
      <c r="BP18" s="184">
        <v>0</v>
      </c>
      <c r="BQ18" s="184">
        <v>0</v>
      </c>
      <c r="BR18" s="182">
        <v>0</v>
      </c>
      <c r="BS18" s="185">
        <v>0</v>
      </c>
      <c r="BT18" s="186">
        <v>0</v>
      </c>
      <c r="BU18" s="181">
        <v>0</v>
      </c>
      <c r="BV18" s="182">
        <v>0</v>
      </c>
      <c r="BW18" s="182">
        <v>0</v>
      </c>
      <c r="BX18" s="183">
        <v>0</v>
      </c>
      <c r="BY18" s="184">
        <v>0</v>
      </c>
      <c r="BZ18" s="184">
        <v>0</v>
      </c>
      <c r="CA18" s="184">
        <v>0</v>
      </c>
      <c r="CB18" s="182">
        <v>0</v>
      </c>
      <c r="CC18" s="185">
        <v>0</v>
      </c>
      <c r="CD18" s="187">
        <v>0</v>
      </c>
      <c r="CE18" s="188">
        <v>0</v>
      </c>
      <c r="CF18" s="182">
        <v>0</v>
      </c>
      <c r="CG18" s="182">
        <v>0</v>
      </c>
      <c r="CH18" s="183">
        <v>0</v>
      </c>
      <c r="CI18" s="184">
        <v>0</v>
      </c>
      <c r="CJ18" s="184">
        <v>0</v>
      </c>
      <c r="CK18" s="184">
        <v>0</v>
      </c>
      <c r="CL18" s="182">
        <v>0</v>
      </c>
      <c r="CM18" s="185">
        <v>0</v>
      </c>
      <c r="CN18" s="187">
        <v>0</v>
      </c>
      <c r="CO18" s="188">
        <v>0</v>
      </c>
      <c r="CP18" s="182">
        <v>0</v>
      </c>
      <c r="CQ18" s="182">
        <v>0</v>
      </c>
      <c r="CR18" s="183">
        <v>0</v>
      </c>
      <c r="CS18" s="184">
        <v>0</v>
      </c>
      <c r="CT18" s="184">
        <v>0</v>
      </c>
      <c r="CU18" s="184">
        <v>0</v>
      </c>
      <c r="CV18" s="182">
        <v>0</v>
      </c>
      <c r="CW18" s="185">
        <v>0</v>
      </c>
      <c r="CX18" s="186">
        <v>0</v>
      </c>
      <c r="CY18" s="181">
        <v>0</v>
      </c>
      <c r="CZ18" s="182">
        <v>0</v>
      </c>
      <c r="DA18" s="182">
        <v>0</v>
      </c>
      <c r="DB18" s="183">
        <v>0</v>
      </c>
      <c r="DC18" s="184">
        <v>0</v>
      </c>
      <c r="DD18" s="184">
        <v>0</v>
      </c>
      <c r="DE18" s="184">
        <v>0</v>
      </c>
      <c r="DF18" s="182">
        <v>0</v>
      </c>
      <c r="DG18" s="185">
        <v>0</v>
      </c>
      <c r="DH18" s="187">
        <v>0</v>
      </c>
      <c r="DI18" s="188">
        <v>0</v>
      </c>
      <c r="DJ18" s="182">
        <v>0</v>
      </c>
      <c r="DK18" s="182">
        <v>0</v>
      </c>
      <c r="DL18" s="183">
        <v>0</v>
      </c>
      <c r="DM18" s="184">
        <v>0</v>
      </c>
      <c r="DN18" s="184">
        <v>0</v>
      </c>
      <c r="DO18" s="184">
        <v>0</v>
      </c>
      <c r="DP18" s="182">
        <v>0</v>
      </c>
      <c r="DQ18" s="185">
        <v>0</v>
      </c>
      <c r="DR18" s="187">
        <v>0</v>
      </c>
      <c r="DS18" s="188">
        <v>0</v>
      </c>
      <c r="DT18" s="182">
        <v>0</v>
      </c>
      <c r="DU18" s="182">
        <v>0</v>
      </c>
      <c r="DV18" s="183">
        <v>17</v>
      </c>
      <c r="DW18" s="184">
        <v>35</v>
      </c>
      <c r="DX18" s="184">
        <v>129</v>
      </c>
      <c r="DY18" s="184">
        <v>203</v>
      </c>
      <c r="DZ18" s="182">
        <v>111</v>
      </c>
      <c r="EA18" s="185">
        <v>495</v>
      </c>
      <c r="EB18" s="187">
        <v>495</v>
      </c>
      <c r="EC18" s="32"/>
    </row>
    <row r="19" spans="2:133" ht="21" customHeight="1" x14ac:dyDescent="0.2">
      <c r="B19" s="472" t="s">
        <v>16</v>
      </c>
      <c r="C19" s="181">
        <v>0</v>
      </c>
      <c r="D19" s="182">
        <v>0</v>
      </c>
      <c r="E19" s="182">
        <v>0</v>
      </c>
      <c r="F19" s="183">
        <v>6</v>
      </c>
      <c r="G19" s="184">
        <v>17</v>
      </c>
      <c r="H19" s="184">
        <v>196</v>
      </c>
      <c r="I19" s="184">
        <v>308</v>
      </c>
      <c r="J19" s="182">
        <v>201</v>
      </c>
      <c r="K19" s="185">
        <v>728</v>
      </c>
      <c r="L19" s="186">
        <v>728</v>
      </c>
      <c r="M19" s="181">
        <v>0</v>
      </c>
      <c r="N19" s="182">
        <v>0</v>
      </c>
      <c r="O19" s="185">
        <v>0</v>
      </c>
      <c r="P19" s="183">
        <v>6</v>
      </c>
      <c r="Q19" s="184">
        <v>16</v>
      </c>
      <c r="R19" s="184">
        <v>196</v>
      </c>
      <c r="S19" s="184">
        <v>307</v>
      </c>
      <c r="T19" s="182">
        <v>197</v>
      </c>
      <c r="U19" s="185">
        <v>722</v>
      </c>
      <c r="V19" s="187">
        <v>722</v>
      </c>
      <c r="W19" s="188">
        <v>0</v>
      </c>
      <c r="X19" s="182">
        <v>0</v>
      </c>
      <c r="Y19" s="185">
        <v>0</v>
      </c>
      <c r="Z19" s="188">
        <v>0</v>
      </c>
      <c r="AA19" s="184">
        <v>1</v>
      </c>
      <c r="AB19" s="184">
        <v>0</v>
      </c>
      <c r="AC19" s="184">
        <v>1</v>
      </c>
      <c r="AD19" s="182">
        <v>4</v>
      </c>
      <c r="AE19" s="185">
        <v>6</v>
      </c>
      <c r="AF19" s="189">
        <v>6</v>
      </c>
      <c r="AG19" s="188">
        <v>0</v>
      </c>
      <c r="AH19" s="182">
        <v>0</v>
      </c>
      <c r="AI19" s="185">
        <v>0</v>
      </c>
      <c r="AJ19" s="188">
        <v>48</v>
      </c>
      <c r="AK19" s="184">
        <v>93</v>
      </c>
      <c r="AL19" s="184">
        <v>144</v>
      </c>
      <c r="AM19" s="184">
        <v>133</v>
      </c>
      <c r="AN19" s="182">
        <v>69</v>
      </c>
      <c r="AO19" s="185">
        <v>487</v>
      </c>
      <c r="AP19" s="189">
        <v>487</v>
      </c>
      <c r="AQ19" s="188">
        <v>0</v>
      </c>
      <c r="AR19" s="182">
        <v>0</v>
      </c>
      <c r="AS19" s="185">
        <v>0</v>
      </c>
      <c r="AT19" s="183">
        <v>48</v>
      </c>
      <c r="AU19" s="184">
        <v>93</v>
      </c>
      <c r="AV19" s="184">
        <v>142</v>
      </c>
      <c r="AW19" s="184">
        <v>133</v>
      </c>
      <c r="AX19" s="182">
        <v>68</v>
      </c>
      <c r="AY19" s="185">
        <v>484</v>
      </c>
      <c r="AZ19" s="186">
        <v>484</v>
      </c>
      <c r="BA19" s="181">
        <v>0</v>
      </c>
      <c r="BB19" s="182">
        <v>0</v>
      </c>
      <c r="BC19" s="182">
        <v>0</v>
      </c>
      <c r="BD19" s="183">
        <v>0</v>
      </c>
      <c r="BE19" s="184">
        <v>0</v>
      </c>
      <c r="BF19" s="184">
        <v>2</v>
      </c>
      <c r="BG19" s="184">
        <v>0</v>
      </c>
      <c r="BH19" s="182">
        <v>1</v>
      </c>
      <c r="BI19" s="185">
        <v>3</v>
      </c>
      <c r="BJ19" s="187">
        <v>3</v>
      </c>
      <c r="BK19" s="188">
        <v>0</v>
      </c>
      <c r="BL19" s="182">
        <v>0</v>
      </c>
      <c r="BM19" s="182">
        <v>0</v>
      </c>
      <c r="BN19" s="183">
        <v>0</v>
      </c>
      <c r="BO19" s="184">
        <v>0</v>
      </c>
      <c r="BP19" s="184">
        <v>0</v>
      </c>
      <c r="BQ19" s="184">
        <v>1</v>
      </c>
      <c r="BR19" s="182">
        <v>0</v>
      </c>
      <c r="BS19" s="185">
        <v>1</v>
      </c>
      <c r="BT19" s="186">
        <v>1</v>
      </c>
      <c r="BU19" s="181">
        <v>0</v>
      </c>
      <c r="BV19" s="182">
        <v>0</v>
      </c>
      <c r="BW19" s="182">
        <v>0</v>
      </c>
      <c r="BX19" s="183">
        <v>0</v>
      </c>
      <c r="BY19" s="184">
        <v>0</v>
      </c>
      <c r="BZ19" s="184">
        <v>0</v>
      </c>
      <c r="CA19" s="184">
        <v>1</v>
      </c>
      <c r="CB19" s="182">
        <v>0</v>
      </c>
      <c r="CC19" s="185">
        <v>1</v>
      </c>
      <c r="CD19" s="187">
        <v>1</v>
      </c>
      <c r="CE19" s="188">
        <v>0</v>
      </c>
      <c r="CF19" s="182">
        <v>0</v>
      </c>
      <c r="CG19" s="182">
        <v>0</v>
      </c>
      <c r="CH19" s="183">
        <v>0</v>
      </c>
      <c r="CI19" s="184">
        <v>0</v>
      </c>
      <c r="CJ19" s="184">
        <v>0</v>
      </c>
      <c r="CK19" s="184">
        <v>0</v>
      </c>
      <c r="CL19" s="182">
        <v>0</v>
      </c>
      <c r="CM19" s="185">
        <v>0</v>
      </c>
      <c r="CN19" s="187">
        <v>0</v>
      </c>
      <c r="CO19" s="188">
        <v>0</v>
      </c>
      <c r="CP19" s="182">
        <v>0</v>
      </c>
      <c r="CQ19" s="182">
        <v>0</v>
      </c>
      <c r="CR19" s="183">
        <v>0</v>
      </c>
      <c r="CS19" s="184">
        <v>0</v>
      </c>
      <c r="CT19" s="184">
        <v>2</v>
      </c>
      <c r="CU19" s="184">
        <v>10</v>
      </c>
      <c r="CV19" s="182">
        <v>18</v>
      </c>
      <c r="CW19" s="185">
        <v>30</v>
      </c>
      <c r="CX19" s="186">
        <v>30</v>
      </c>
      <c r="CY19" s="181">
        <v>0</v>
      </c>
      <c r="CZ19" s="182">
        <v>0</v>
      </c>
      <c r="DA19" s="182">
        <v>0</v>
      </c>
      <c r="DB19" s="183">
        <v>0</v>
      </c>
      <c r="DC19" s="184">
        <v>0</v>
      </c>
      <c r="DD19" s="184">
        <v>2</v>
      </c>
      <c r="DE19" s="184">
        <v>10</v>
      </c>
      <c r="DF19" s="182">
        <v>18</v>
      </c>
      <c r="DG19" s="185">
        <v>30</v>
      </c>
      <c r="DH19" s="187">
        <v>30</v>
      </c>
      <c r="DI19" s="188">
        <v>0</v>
      </c>
      <c r="DJ19" s="182">
        <v>0</v>
      </c>
      <c r="DK19" s="182">
        <v>0</v>
      </c>
      <c r="DL19" s="183">
        <v>0</v>
      </c>
      <c r="DM19" s="184">
        <v>0</v>
      </c>
      <c r="DN19" s="184">
        <v>0</v>
      </c>
      <c r="DO19" s="184">
        <v>0</v>
      </c>
      <c r="DP19" s="182">
        <v>0</v>
      </c>
      <c r="DQ19" s="185">
        <v>0</v>
      </c>
      <c r="DR19" s="187">
        <v>0</v>
      </c>
      <c r="DS19" s="188">
        <v>0</v>
      </c>
      <c r="DT19" s="182">
        <v>0</v>
      </c>
      <c r="DU19" s="182">
        <v>0</v>
      </c>
      <c r="DV19" s="183">
        <v>54</v>
      </c>
      <c r="DW19" s="184">
        <v>110</v>
      </c>
      <c r="DX19" s="184">
        <v>339</v>
      </c>
      <c r="DY19" s="184">
        <v>452</v>
      </c>
      <c r="DZ19" s="182">
        <v>288</v>
      </c>
      <c r="EA19" s="185">
        <v>1243</v>
      </c>
      <c r="EB19" s="187">
        <v>1243</v>
      </c>
      <c r="EC19" s="32"/>
    </row>
    <row r="20" spans="2:133" ht="21" customHeight="1" x14ac:dyDescent="0.2">
      <c r="B20" s="472" t="s">
        <v>17</v>
      </c>
      <c r="C20" s="181">
        <v>0</v>
      </c>
      <c r="D20" s="182">
        <v>0</v>
      </c>
      <c r="E20" s="182">
        <v>0</v>
      </c>
      <c r="F20" s="183">
        <v>4</v>
      </c>
      <c r="G20" s="184">
        <v>17</v>
      </c>
      <c r="H20" s="184">
        <v>204</v>
      </c>
      <c r="I20" s="184">
        <v>298</v>
      </c>
      <c r="J20" s="182">
        <v>232</v>
      </c>
      <c r="K20" s="185">
        <v>755</v>
      </c>
      <c r="L20" s="186">
        <v>755</v>
      </c>
      <c r="M20" s="181">
        <v>0</v>
      </c>
      <c r="N20" s="182">
        <v>0</v>
      </c>
      <c r="O20" s="185">
        <v>0</v>
      </c>
      <c r="P20" s="183">
        <v>4</v>
      </c>
      <c r="Q20" s="184">
        <v>17</v>
      </c>
      <c r="R20" s="184">
        <v>204</v>
      </c>
      <c r="S20" s="184">
        <v>297</v>
      </c>
      <c r="T20" s="182">
        <v>229</v>
      </c>
      <c r="U20" s="185">
        <v>751</v>
      </c>
      <c r="V20" s="187">
        <v>751</v>
      </c>
      <c r="W20" s="188">
        <v>0</v>
      </c>
      <c r="X20" s="182">
        <v>0</v>
      </c>
      <c r="Y20" s="185">
        <v>0</v>
      </c>
      <c r="Z20" s="188">
        <v>0</v>
      </c>
      <c r="AA20" s="184">
        <v>0</v>
      </c>
      <c r="AB20" s="184">
        <v>0</v>
      </c>
      <c r="AC20" s="184">
        <v>1</v>
      </c>
      <c r="AD20" s="182">
        <v>3</v>
      </c>
      <c r="AE20" s="185">
        <v>4</v>
      </c>
      <c r="AF20" s="189">
        <v>4</v>
      </c>
      <c r="AG20" s="188">
        <v>0</v>
      </c>
      <c r="AH20" s="182">
        <v>0</v>
      </c>
      <c r="AI20" s="185">
        <v>0</v>
      </c>
      <c r="AJ20" s="188">
        <v>27</v>
      </c>
      <c r="AK20" s="184">
        <v>103</v>
      </c>
      <c r="AL20" s="184">
        <v>135</v>
      </c>
      <c r="AM20" s="184">
        <v>115</v>
      </c>
      <c r="AN20" s="182">
        <v>74</v>
      </c>
      <c r="AO20" s="185">
        <v>454</v>
      </c>
      <c r="AP20" s="189">
        <v>454</v>
      </c>
      <c r="AQ20" s="188">
        <v>0</v>
      </c>
      <c r="AR20" s="182">
        <v>0</v>
      </c>
      <c r="AS20" s="185">
        <v>0</v>
      </c>
      <c r="AT20" s="183">
        <v>26</v>
      </c>
      <c r="AU20" s="184">
        <v>102</v>
      </c>
      <c r="AV20" s="184">
        <v>132</v>
      </c>
      <c r="AW20" s="184">
        <v>114</v>
      </c>
      <c r="AX20" s="182">
        <v>72</v>
      </c>
      <c r="AY20" s="185">
        <v>446</v>
      </c>
      <c r="AZ20" s="186">
        <v>446</v>
      </c>
      <c r="BA20" s="181">
        <v>0</v>
      </c>
      <c r="BB20" s="182">
        <v>0</v>
      </c>
      <c r="BC20" s="182">
        <v>0</v>
      </c>
      <c r="BD20" s="183">
        <v>1</v>
      </c>
      <c r="BE20" s="184">
        <v>1</v>
      </c>
      <c r="BF20" s="184">
        <v>3</v>
      </c>
      <c r="BG20" s="184">
        <v>1</v>
      </c>
      <c r="BH20" s="182">
        <v>2</v>
      </c>
      <c r="BI20" s="185">
        <v>8</v>
      </c>
      <c r="BJ20" s="187">
        <v>8</v>
      </c>
      <c r="BK20" s="188">
        <v>0</v>
      </c>
      <c r="BL20" s="182">
        <v>0</v>
      </c>
      <c r="BM20" s="182">
        <v>0</v>
      </c>
      <c r="BN20" s="183">
        <v>0</v>
      </c>
      <c r="BO20" s="184">
        <v>0</v>
      </c>
      <c r="BP20" s="184">
        <v>0</v>
      </c>
      <c r="BQ20" s="184">
        <v>1</v>
      </c>
      <c r="BR20" s="182">
        <v>4</v>
      </c>
      <c r="BS20" s="185">
        <v>5</v>
      </c>
      <c r="BT20" s="186">
        <v>5</v>
      </c>
      <c r="BU20" s="181">
        <v>0</v>
      </c>
      <c r="BV20" s="182">
        <v>0</v>
      </c>
      <c r="BW20" s="182">
        <v>0</v>
      </c>
      <c r="BX20" s="183">
        <v>0</v>
      </c>
      <c r="BY20" s="184">
        <v>0</v>
      </c>
      <c r="BZ20" s="184">
        <v>0</v>
      </c>
      <c r="CA20" s="184">
        <v>1</v>
      </c>
      <c r="CB20" s="182">
        <v>4</v>
      </c>
      <c r="CC20" s="185">
        <v>5</v>
      </c>
      <c r="CD20" s="187">
        <v>5</v>
      </c>
      <c r="CE20" s="188">
        <v>0</v>
      </c>
      <c r="CF20" s="182">
        <v>0</v>
      </c>
      <c r="CG20" s="182">
        <v>0</v>
      </c>
      <c r="CH20" s="183">
        <v>0</v>
      </c>
      <c r="CI20" s="184">
        <v>0</v>
      </c>
      <c r="CJ20" s="184">
        <v>0</v>
      </c>
      <c r="CK20" s="184">
        <v>0</v>
      </c>
      <c r="CL20" s="182">
        <v>0</v>
      </c>
      <c r="CM20" s="185">
        <v>0</v>
      </c>
      <c r="CN20" s="187">
        <v>0</v>
      </c>
      <c r="CO20" s="188">
        <v>0</v>
      </c>
      <c r="CP20" s="182">
        <v>0</v>
      </c>
      <c r="CQ20" s="182">
        <v>0</v>
      </c>
      <c r="CR20" s="183">
        <v>0</v>
      </c>
      <c r="CS20" s="184">
        <v>0</v>
      </c>
      <c r="CT20" s="184">
        <v>1</v>
      </c>
      <c r="CU20" s="184">
        <v>3</v>
      </c>
      <c r="CV20" s="182">
        <v>11</v>
      </c>
      <c r="CW20" s="185">
        <v>15</v>
      </c>
      <c r="CX20" s="186">
        <v>15</v>
      </c>
      <c r="CY20" s="181">
        <v>0</v>
      </c>
      <c r="CZ20" s="182">
        <v>0</v>
      </c>
      <c r="DA20" s="182">
        <v>0</v>
      </c>
      <c r="DB20" s="183">
        <v>0</v>
      </c>
      <c r="DC20" s="184">
        <v>0</v>
      </c>
      <c r="DD20" s="184">
        <v>1</v>
      </c>
      <c r="DE20" s="184">
        <v>3</v>
      </c>
      <c r="DF20" s="182">
        <v>10</v>
      </c>
      <c r="DG20" s="185">
        <v>14</v>
      </c>
      <c r="DH20" s="187">
        <v>14</v>
      </c>
      <c r="DI20" s="188">
        <v>0</v>
      </c>
      <c r="DJ20" s="182">
        <v>0</v>
      </c>
      <c r="DK20" s="182">
        <v>0</v>
      </c>
      <c r="DL20" s="183">
        <v>0</v>
      </c>
      <c r="DM20" s="184">
        <v>0</v>
      </c>
      <c r="DN20" s="184">
        <v>0</v>
      </c>
      <c r="DO20" s="184">
        <v>0</v>
      </c>
      <c r="DP20" s="182">
        <v>1</v>
      </c>
      <c r="DQ20" s="185">
        <v>1</v>
      </c>
      <c r="DR20" s="187">
        <v>1</v>
      </c>
      <c r="DS20" s="188">
        <v>0</v>
      </c>
      <c r="DT20" s="182">
        <v>0</v>
      </c>
      <c r="DU20" s="182">
        <v>0</v>
      </c>
      <c r="DV20" s="183">
        <v>31</v>
      </c>
      <c r="DW20" s="184">
        <v>120</v>
      </c>
      <c r="DX20" s="184">
        <v>340</v>
      </c>
      <c r="DY20" s="184">
        <v>417</v>
      </c>
      <c r="DZ20" s="182">
        <v>321</v>
      </c>
      <c r="EA20" s="185">
        <v>1229</v>
      </c>
      <c r="EB20" s="187">
        <v>1229</v>
      </c>
      <c r="EC20" s="32"/>
    </row>
    <row r="21" spans="2:133" ht="21" customHeight="1" x14ac:dyDescent="0.2">
      <c r="B21" s="472" t="s">
        <v>18</v>
      </c>
      <c r="C21" s="181">
        <v>0</v>
      </c>
      <c r="D21" s="182">
        <v>0</v>
      </c>
      <c r="E21" s="182">
        <v>0</v>
      </c>
      <c r="F21" s="183">
        <v>6</v>
      </c>
      <c r="G21" s="184">
        <v>10</v>
      </c>
      <c r="H21" s="184">
        <v>175</v>
      </c>
      <c r="I21" s="184">
        <v>424</v>
      </c>
      <c r="J21" s="182">
        <v>249</v>
      </c>
      <c r="K21" s="185">
        <v>864</v>
      </c>
      <c r="L21" s="186">
        <v>864</v>
      </c>
      <c r="M21" s="181">
        <v>0</v>
      </c>
      <c r="N21" s="182">
        <v>0</v>
      </c>
      <c r="O21" s="185">
        <v>0</v>
      </c>
      <c r="P21" s="183">
        <v>6</v>
      </c>
      <c r="Q21" s="184">
        <v>10</v>
      </c>
      <c r="R21" s="184">
        <v>172</v>
      </c>
      <c r="S21" s="184">
        <v>420</v>
      </c>
      <c r="T21" s="182">
        <v>246</v>
      </c>
      <c r="U21" s="185">
        <v>854</v>
      </c>
      <c r="V21" s="187">
        <v>854</v>
      </c>
      <c r="W21" s="188">
        <v>0</v>
      </c>
      <c r="X21" s="182">
        <v>0</v>
      </c>
      <c r="Y21" s="185">
        <v>0</v>
      </c>
      <c r="Z21" s="188">
        <v>0</v>
      </c>
      <c r="AA21" s="184">
        <v>0</v>
      </c>
      <c r="AB21" s="184">
        <v>3</v>
      </c>
      <c r="AC21" s="184">
        <v>4</v>
      </c>
      <c r="AD21" s="182">
        <v>3</v>
      </c>
      <c r="AE21" s="185">
        <v>10</v>
      </c>
      <c r="AF21" s="189">
        <v>10</v>
      </c>
      <c r="AG21" s="188">
        <v>0</v>
      </c>
      <c r="AH21" s="182">
        <v>0</v>
      </c>
      <c r="AI21" s="185">
        <v>0</v>
      </c>
      <c r="AJ21" s="188">
        <v>32</v>
      </c>
      <c r="AK21" s="184">
        <v>82</v>
      </c>
      <c r="AL21" s="184">
        <v>108</v>
      </c>
      <c r="AM21" s="184">
        <v>125</v>
      </c>
      <c r="AN21" s="182">
        <v>72</v>
      </c>
      <c r="AO21" s="185">
        <v>419</v>
      </c>
      <c r="AP21" s="189">
        <v>419</v>
      </c>
      <c r="AQ21" s="188">
        <v>0</v>
      </c>
      <c r="AR21" s="182">
        <v>0</v>
      </c>
      <c r="AS21" s="185">
        <v>0</v>
      </c>
      <c r="AT21" s="183">
        <v>32</v>
      </c>
      <c r="AU21" s="184">
        <v>79</v>
      </c>
      <c r="AV21" s="184">
        <v>106</v>
      </c>
      <c r="AW21" s="184">
        <v>124</v>
      </c>
      <c r="AX21" s="182">
        <v>68</v>
      </c>
      <c r="AY21" s="185">
        <v>409</v>
      </c>
      <c r="AZ21" s="186">
        <v>409</v>
      </c>
      <c r="BA21" s="181">
        <v>0</v>
      </c>
      <c r="BB21" s="182">
        <v>0</v>
      </c>
      <c r="BC21" s="182">
        <v>0</v>
      </c>
      <c r="BD21" s="183">
        <v>0</v>
      </c>
      <c r="BE21" s="184">
        <v>3</v>
      </c>
      <c r="BF21" s="184">
        <v>2</v>
      </c>
      <c r="BG21" s="184">
        <v>1</v>
      </c>
      <c r="BH21" s="182">
        <v>4</v>
      </c>
      <c r="BI21" s="185">
        <v>10</v>
      </c>
      <c r="BJ21" s="187">
        <v>10</v>
      </c>
      <c r="BK21" s="188">
        <v>0</v>
      </c>
      <c r="BL21" s="182">
        <v>0</v>
      </c>
      <c r="BM21" s="182">
        <v>0</v>
      </c>
      <c r="BN21" s="183">
        <v>0</v>
      </c>
      <c r="BO21" s="184">
        <v>0</v>
      </c>
      <c r="BP21" s="184">
        <v>0</v>
      </c>
      <c r="BQ21" s="184">
        <v>1</v>
      </c>
      <c r="BR21" s="182">
        <v>5</v>
      </c>
      <c r="BS21" s="185">
        <v>6</v>
      </c>
      <c r="BT21" s="186">
        <v>6</v>
      </c>
      <c r="BU21" s="181">
        <v>0</v>
      </c>
      <c r="BV21" s="182">
        <v>0</v>
      </c>
      <c r="BW21" s="182">
        <v>0</v>
      </c>
      <c r="BX21" s="183">
        <v>0</v>
      </c>
      <c r="BY21" s="184">
        <v>0</v>
      </c>
      <c r="BZ21" s="184">
        <v>0</v>
      </c>
      <c r="CA21" s="184">
        <v>1</v>
      </c>
      <c r="CB21" s="182">
        <v>5</v>
      </c>
      <c r="CC21" s="185">
        <v>6</v>
      </c>
      <c r="CD21" s="187">
        <v>6</v>
      </c>
      <c r="CE21" s="188">
        <v>0</v>
      </c>
      <c r="CF21" s="182">
        <v>0</v>
      </c>
      <c r="CG21" s="182">
        <v>0</v>
      </c>
      <c r="CH21" s="183">
        <v>0</v>
      </c>
      <c r="CI21" s="184">
        <v>0</v>
      </c>
      <c r="CJ21" s="184">
        <v>0</v>
      </c>
      <c r="CK21" s="184">
        <v>0</v>
      </c>
      <c r="CL21" s="182">
        <v>0</v>
      </c>
      <c r="CM21" s="185">
        <v>0</v>
      </c>
      <c r="CN21" s="187">
        <v>0</v>
      </c>
      <c r="CO21" s="188">
        <v>0</v>
      </c>
      <c r="CP21" s="182">
        <v>0</v>
      </c>
      <c r="CQ21" s="182">
        <v>0</v>
      </c>
      <c r="CR21" s="183">
        <v>0</v>
      </c>
      <c r="CS21" s="184">
        <v>0</v>
      </c>
      <c r="CT21" s="184">
        <v>1</v>
      </c>
      <c r="CU21" s="184">
        <v>12</v>
      </c>
      <c r="CV21" s="182">
        <v>16</v>
      </c>
      <c r="CW21" s="185">
        <v>29</v>
      </c>
      <c r="CX21" s="186">
        <v>29</v>
      </c>
      <c r="CY21" s="181">
        <v>0</v>
      </c>
      <c r="CZ21" s="182">
        <v>0</v>
      </c>
      <c r="DA21" s="182">
        <v>0</v>
      </c>
      <c r="DB21" s="183">
        <v>0</v>
      </c>
      <c r="DC21" s="184">
        <v>0</v>
      </c>
      <c r="DD21" s="184">
        <v>1</v>
      </c>
      <c r="DE21" s="184">
        <v>11</v>
      </c>
      <c r="DF21" s="182">
        <v>16</v>
      </c>
      <c r="DG21" s="185">
        <v>28</v>
      </c>
      <c r="DH21" s="187">
        <v>28</v>
      </c>
      <c r="DI21" s="188">
        <v>0</v>
      </c>
      <c r="DJ21" s="182">
        <v>0</v>
      </c>
      <c r="DK21" s="182">
        <v>0</v>
      </c>
      <c r="DL21" s="183">
        <v>0</v>
      </c>
      <c r="DM21" s="184">
        <v>0</v>
      </c>
      <c r="DN21" s="184">
        <v>0</v>
      </c>
      <c r="DO21" s="184">
        <v>1</v>
      </c>
      <c r="DP21" s="182">
        <v>0</v>
      </c>
      <c r="DQ21" s="185">
        <v>1</v>
      </c>
      <c r="DR21" s="187">
        <v>1</v>
      </c>
      <c r="DS21" s="188">
        <v>0</v>
      </c>
      <c r="DT21" s="182">
        <v>0</v>
      </c>
      <c r="DU21" s="182">
        <v>0</v>
      </c>
      <c r="DV21" s="183">
        <v>38</v>
      </c>
      <c r="DW21" s="184">
        <v>92</v>
      </c>
      <c r="DX21" s="184">
        <v>284</v>
      </c>
      <c r="DY21" s="184">
        <v>557</v>
      </c>
      <c r="DZ21" s="182">
        <v>342</v>
      </c>
      <c r="EA21" s="185">
        <v>1313</v>
      </c>
      <c r="EB21" s="187">
        <v>1313</v>
      </c>
      <c r="EC21" s="32"/>
    </row>
    <row r="22" spans="2:133" ht="21" customHeight="1" x14ac:dyDescent="0.2">
      <c r="B22" s="472" t="s">
        <v>19</v>
      </c>
      <c r="C22" s="181">
        <v>0</v>
      </c>
      <c r="D22" s="182">
        <v>0</v>
      </c>
      <c r="E22" s="182">
        <v>0</v>
      </c>
      <c r="F22" s="183">
        <v>0</v>
      </c>
      <c r="G22" s="184">
        <v>5</v>
      </c>
      <c r="H22" s="184">
        <v>120</v>
      </c>
      <c r="I22" s="184">
        <v>123</v>
      </c>
      <c r="J22" s="182">
        <v>109</v>
      </c>
      <c r="K22" s="185">
        <v>357</v>
      </c>
      <c r="L22" s="186">
        <v>357</v>
      </c>
      <c r="M22" s="181">
        <v>0</v>
      </c>
      <c r="N22" s="182">
        <v>0</v>
      </c>
      <c r="O22" s="185">
        <v>0</v>
      </c>
      <c r="P22" s="183">
        <v>0</v>
      </c>
      <c r="Q22" s="184">
        <v>5</v>
      </c>
      <c r="R22" s="184">
        <v>119</v>
      </c>
      <c r="S22" s="184">
        <v>123</v>
      </c>
      <c r="T22" s="182">
        <v>109</v>
      </c>
      <c r="U22" s="185">
        <v>356</v>
      </c>
      <c r="V22" s="187">
        <v>356</v>
      </c>
      <c r="W22" s="188">
        <v>0</v>
      </c>
      <c r="X22" s="182">
        <v>0</v>
      </c>
      <c r="Y22" s="185">
        <v>0</v>
      </c>
      <c r="Z22" s="188">
        <v>0</v>
      </c>
      <c r="AA22" s="184">
        <v>0</v>
      </c>
      <c r="AB22" s="184">
        <v>1</v>
      </c>
      <c r="AC22" s="184">
        <v>0</v>
      </c>
      <c r="AD22" s="182">
        <v>0</v>
      </c>
      <c r="AE22" s="185">
        <v>1</v>
      </c>
      <c r="AF22" s="189">
        <v>1</v>
      </c>
      <c r="AG22" s="188">
        <v>0</v>
      </c>
      <c r="AH22" s="182">
        <v>0</v>
      </c>
      <c r="AI22" s="185">
        <v>0</v>
      </c>
      <c r="AJ22" s="188">
        <v>22</v>
      </c>
      <c r="AK22" s="184">
        <v>48</v>
      </c>
      <c r="AL22" s="184">
        <v>73</v>
      </c>
      <c r="AM22" s="184">
        <v>68</v>
      </c>
      <c r="AN22" s="182">
        <v>33</v>
      </c>
      <c r="AO22" s="185">
        <v>244</v>
      </c>
      <c r="AP22" s="189">
        <v>244</v>
      </c>
      <c r="AQ22" s="188">
        <v>0</v>
      </c>
      <c r="AR22" s="182">
        <v>0</v>
      </c>
      <c r="AS22" s="185">
        <v>0</v>
      </c>
      <c r="AT22" s="183">
        <v>22</v>
      </c>
      <c r="AU22" s="184">
        <v>48</v>
      </c>
      <c r="AV22" s="184">
        <v>71</v>
      </c>
      <c r="AW22" s="184">
        <v>65</v>
      </c>
      <c r="AX22" s="182">
        <v>32</v>
      </c>
      <c r="AY22" s="185">
        <v>238</v>
      </c>
      <c r="AZ22" s="186">
        <v>238</v>
      </c>
      <c r="BA22" s="181">
        <v>0</v>
      </c>
      <c r="BB22" s="182">
        <v>0</v>
      </c>
      <c r="BC22" s="182">
        <v>0</v>
      </c>
      <c r="BD22" s="183">
        <v>0</v>
      </c>
      <c r="BE22" s="184">
        <v>0</v>
      </c>
      <c r="BF22" s="184">
        <v>2</v>
      </c>
      <c r="BG22" s="184">
        <v>3</v>
      </c>
      <c r="BH22" s="182">
        <v>1</v>
      </c>
      <c r="BI22" s="185">
        <v>6</v>
      </c>
      <c r="BJ22" s="187">
        <v>6</v>
      </c>
      <c r="BK22" s="188">
        <v>0</v>
      </c>
      <c r="BL22" s="182">
        <v>0</v>
      </c>
      <c r="BM22" s="182">
        <v>0</v>
      </c>
      <c r="BN22" s="183">
        <v>0</v>
      </c>
      <c r="BO22" s="184">
        <v>0</v>
      </c>
      <c r="BP22" s="184">
        <v>0</v>
      </c>
      <c r="BQ22" s="184">
        <v>0</v>
      </c>
      <c r="BR22" s="182">
        <v>0</v>
      </c>
      <c r="BS22" s="185">
        <v>0</v>
      </c>
      <c r="BT22" s="186">
        <v>0</v>
      </c>
      <c r="BU22" s="181">
        <v>0</v>
      </c>
      <c r="BV22" s="182">
        <v>0</v>
      </c>
      <c r="BW22" s="182">
        <v>0</v>
      </c>
      <c r="BX22" s="183">
        <v>0</v>
      </c>
      <c r="BY22" s="184">
        <v>0</v>
      </c>
      <c r="BZ22" s="184">
        <v>0</v>
      </c>
      <c r="CA22" s="184">
        <v>0</v>
      </c>
      <c r="CB22" s="182">
        <v>0</v>
      </c>
      <c r="CC22" s="185">
        <v>0</v>
      </c>
      <c r="CD22" s="187">
        <v>0</v>
      </c>
      <c r="CE22" s="188">
        <v>0</v>
      </c>
      <c r="CF22" s="182">
        <v>0</v>
      </c>
      <c r="CG22" s="182">
        <v>0</v>
      </c>
      <c r="CH22" s="183">
        <v>0</v>
      </c>
      <c r="CI22" s="184">
        <v>0</v>
      </c>
      <c r="CJ22" s="184">
        <v>0</v>
      </c>
      <c r="CK22" s="184">
        <v>0</v>
      </c>
      <c r="CL22" s="182">
        <v>0</v>
      </c>
      <c r="CM22" s="185">
        <v>0</v>
      </c>
      <c r="CN22" s="187">
        <v>0</v>
      </c>
      <c r="CO22" s="188">
        <v>0</v>
      </c>
      <c r="CP22" s="182">
        <v>0</v>
      </c>
      <c r="CQ22" s="182">
        <v>0</v>
      </c>
      <c r="CR22" s="183">
        <v>0</v>
      </c>
      <c r="CS22" s="184">
        <v>0</v>
      </c>
      <c r="CT22" s="184">
        <v>0</v>
      </c>
      <c r="CU22" s="184">
        <v>4</v>
      </c>
      <c r="CV22" s="182">
        <v>7</v>
      </c>
      <c r="CW22" s="185">
        <v>11</v>
      </c>
      <c r="CX22" s="186">
        <v>11</v>
      </c>
      <c r="CY22" s="181">
        <v>0</v>
      </c>
      <c r="CZ22" s="182">
        <v>0</v>
      </c>
      <c r="DA22" s="182">
        <v>0</v>
      </c>
      <c r="DB22" s="183">
        <v>0</v>
      </c>
      <c r="DC22" s="184">
        <v>0</v>
      </c>
      <c r="DD22" s="184">
        <v>0</v>
      </c>
      <c r="DE22" s="184">
        <v>4</v>
      </c>
      <c r="DF22" s="182">
        <v>6</v>
      </c>
      <c r="DG22" s="185">
        <v>10</v>
      </c>
      <c r="DH22" s="187">
        <v>10</v>
      </c>
      <c r="DI22" s="188">
        <v>0</v>
      </c>
      <c r="DJ22" s="182">
        <v>0</v>
      </c>
      <c r="DK22" s="182">
        <v>0</v>
      </c>
      <c r="DL22" s="183">
        <v>0</v>
      </c>
      <c r="DM22" s="184">
        <v>0</v>
      </c>
      <c r="DN22" s="184">
        <v>0</v>
      </c>
      <c r="DO22" s="184">
        <v>0</v>
      </c>
      <c r="DP22" s="182">
        <v>1</v>
      </c>
      <c r="DQ22" s="185">
        <v>1</v>
      </c>
      <c r="DR22" s="187">
        <v>1</v>
      </c>
      <c r="DS22" s="188">
        <v>0</v>
      </c>
      <c r="DT22" s="182">
        <v>0</v>
      </c>
      <c r="DU22" s="182">
        <v>0</v>
      </c>
      <c r="DV22" s="183">
        <v>22</v>
      </c>
      <c r="DW22" s="184">
        <v>53</v>
      </c>
      <c r="DX22" s="184">
        <v>192</v>
      </c>
      <c r="DY22" s="184">
        <v>192</v>
      </c>
      <c r="DZ22" s="182">
        <v>148</v>
      </c>
      <c r="EA22" s="185">
        <v>607</v>
      </c>
      <c r="EB22" s="187">
        <v>607</v>
      </c>
      <c r="EC22" s="32"/>
    </row>
    <row r="23" spans="2:133" ht="21" customHeight="1" x14ac:dyDescent="0.2">
      <c r="B23" s="472" t="s">
        <v>20</v>
      </c>
      <c r="C23" s="181">
        <v>0</v>
      </c>
      <c r="D23" s="182">
        <v>0</v>
      </c>
      <c r="E23" s="182">
        <v>0</v>
      </c>
      <c r="F23" s="183">
        <v>4</v>
      </c>
      <c r="G23" s="184">
        <v>28</v>
      </c>
      <c r="H23" s="184">
        <v>129</v>
      </c>
      <c r="I23" s="184">
        <v>209</v>
      </c>
      <c r="J23" s="182">
        <v>105</v>
      </c>
      <c r="K23" s="185">
        <v>475</v>
      </c>
      <c r="L23" s="186">
        <v>475</v>
      </c>
      <c r="M23" s="181">
        <v>0</v>
      </c>
      <c r="N23" s="182">
        <v>0</v>
      </c>
      <c r="O23" s="185">
        <v>0</v>
      </c>
      <c r="P23" s="183">
        <v>4</v>
      </c>
      <c r="Q23" s="184">
        <v>28</v>
      </c>
      <c r="R23" s="184">
        <v>128</v>
      </c>
      <c r="S23" s="184">
        <v>207</v>
      </c>
      <c r="T23" s="182">
        <v>103</v>
      </c>
      <c r="U23" s="185">
        <v>470</v>
      </c>
      <c r="V23" s="187">
        <v>470</v>
      </c>
      <c r="W23" s="188">
        <v>0</v>
      </c>
      <c r="X23" s="182">
        <v>0</v>
      </c>
      <c r="Y23" s="185">
        <v>0</v>
      </c>
      <c r="Z23" s="188">
        <v>0</v>
      </c>
      <c r="AA23" s="184">
        <v>0</v>
      </c>
      <c r="AB23" s="184">
        <v>1</v>
      </c>
      <c r="AC23" s="184">
        <v>2</v>
      </c>
      <c r="AD23" s="182">
        <v>2</v>
      </c>
      <c r="AE23" s="185">
        <v>5</v>
      </c>
      <c r="AF23" s="189">
        <v>5</v>
      </c>
      <c r="AG23" s="188">
        <v>0</v>
      </c>
      <c r="AH23" s="182">
        <v>0</v>
      </c>
      <c r="AI23" s="185">
        <v>0</v>
      </c>
      <c r="AJ23" s="188">
        <v>18</v>
      </c>
      <c r="AK23" s="184">
        <v>35</v>
      </c>
      <c r="AL23" s="184">
        <v>40</v>
      </c>
      <c r="AM23" s="184">
        <v>54</v>
      </c>
      <c r="AN23" s="182">
        <v>23</v>
      </c>
      <c r="AO23" s="185">
        <v>170</v>
      </c>
      <c r="AP23" s="189">
        <v>170</v>
      </c>
      <c r="AQ23" s="188">
        <v>0</v>
      </c>
      <c r="AR23" s="182">
        <v>0</v>
      </c>
      <c r="AS23" s="185">
        <v>0</v>
      </c>
      <c r="AT23" s="183">
        <v>17</v>
      </c>
      <c r="AU23" s="184">
        <v>35</v>
      </c>
      <c r="AV23" s="184">
        <v>40</v>
      </c>
      <c r="AW23" s="184">
        <v>53</v>
      </c>
      <c r="AX23" s="182">
        <v>23</v>
      </c>
      <c r="AY23" s="185">
        <v>168</v>
      </c>
      <c r="AZ23" s="186">
        <v>168</v>
      </c>
      <c r="BA23" s="181">
        <v>0</v>
      </c>
      <c r="BB23" s="182">
        <v>0</v>
      </c>
      <c r="BC23" s="182">
        <v>0</v>
      </c>
      <c r="BD23" s="183">
        <v>1</v>
      </c>
      <c r="BE23" s="184">
        <v>0</v>
      </c>
      <c r="BF23" s="184">
        <v>0</v>
      </c>
      <c r="BG23" s="184">
        <v>1</v>
      </c>
      <c r="BH23" s="182">
        <v>0</v>
      </c>
      <c r="BI23" s="185">
        <v>2</v>
      </c>
      <c r="BJ23" s="187">
        <v>2</v>
      </c>
      <c r="BK23" s="188">
        <v>0</v>
      </c>
      <c r="BL23" s="182">
        <v>0</v>
      </c>
      <c r="BM23" s="182">
        <v>0</v>
      </c>
      <c r="BN23" s="183">
        <v>0</v>
      </c>
      <c r="BO23" s="184">
        <v>0</v>
      </c>
      <c r="BP23" s="184">
        <v>0</v>
      </c>
      <c r="BQ23" s="184">
        <v>1</v>
      </c>
      <c r="BR23" s="182">
        <v>0</v>
      </c>
      <c r="BS23" s="185">
        <v>1</v>
      </c>
      <c r="BT23" s="186">
        <v>1</v>
      </c>
      <c r="BU23" s="181">
        <v>0</v>
      </c>
      <c r="BV23" s="182">
        <v>0</v>
      </c>
      <c r="BW23" s="182">
        <v>0</v>
      </c>
      <c r="BX23" s="183">
        <v>0</v>
      </c>
      <c r="BY23" s="184">
        <v>0</v>
      </c>
      <c r="BZ23" s="184">
        <v>0</v>
      </c>
      <c r="CA23" s="184">
        <v>1</v>
      </c>
      <c r="CB23" s="182">
        <v>0</v>
      </c>
      <c r="CC23" s="185">
        <v>1</v>
      </c>
      <c r="CD23" s="187">
        <v>1</v>
      </c>
      <c r="CE23" s="188">
        <v>0</v>
      </c>
      <c r="CF23" s="182">
        <v>0</v>
      </c>
      <c r="CG23" s="182">
        <v>0</v>
      </c>
      <c r="CH23" s="183">
        <v>0</v>
      </c>
      <c r="CI23" s="184">
        <v>0</v>
      </c>
      <c r="CJ23" s="184">
        <v>0</v>
      </c>
      <c r="CK23" s="184">
        <v>0</v>
      </c>
      <c r="CL23" s="182">
        <v>0</v>
      </c>
      <c r="CM23" s="185">
        <v>0</v>
      </c>
      <c r="CN23" s="187">
        <v>0</v>
      </c>
      <c r="CO23" s="188">
        <v>0</v>
      </c>
      <c r="CP23" s="182">
        <v>0</v>
      </c>
      <c r="CQ23" s="182">
        <v>0</v>
      </c>
      <c r="CR23" s="183">
        <v>0</v>
      </c>
      <c r="CS23" s="184">
        <v>0</v>
      </c>
      <c r="CT23" s="184">
        <v>0</v>
      </c>
      <c r="CU23" s="184">
        <v>3</v>
      </c>
      <c r="CV23" s="182">
        <v>3</v>
      </c>
      <c r="CW23" s="185">
        <v>6</v>
      </c>
      <c r="CX23" s="186">
        <v>6</v>
      </c>
      <c r="CY23" s="181">
        <v>0</v>
      </c>
      <c r="CZ23" s="182">
        <v>0</v>
      </c>
      <c r="DA23" s="182">
        <v>0</v>
      </c>
      <c r="DB23" s="183">
        <v>0</v>
      </c>
      <c r="DC23" s="184">
        <v>0</v>
      </c>
      <c r="DD23" s="184">
        <v>0</v>
      </c>
      <c r="DE23" s="184">
        <v>3</v>
      </c>
      <c r="DF23" s="182">
        <v>3</v>
      </c>
      <c r="DG23" s="185">
        <v>6</v>
      </c>
      <c r="DH23" s="187">
        <v>6</v>
      </c>
      <c r="DI23" s="188">
        <v>0</v>
      </c>
      <c r="DJ23" s="182">
        <v>0</v>
      </c>
      <c r="DK23" s="182">
        <v>0</v>
      </c>
      <c r="DL23" s="183">
        <v>0</v>
      </c>
      <c r="DM23" s="184">
        <v>0</v>
      </c>
      <c r="DN23" s="184">
        <v>0</v>
      </c>
      <c r="DO23" s="184">
        <v>0</v>
      </c>
      <c r="DP23" s="182">
        <v>0</v>
      </c>
      <c r="DQ23" s="185">
        <v>0</v>
      </c>
      <c r="DR23" s="187">
        <v>0</v>
      </c>
      <c r="DS23" s="188">
        <v>0</v>
      </c>
      <c r="DT23" s="182">
        <v>0</v>
      </c>
      <c r="DU23" s="182">
        <v>0</v>
      </c>
      <c r="DV23" s="183">
        <v>22</v>
      </c>
      <c r="DW23" s="184">
        <v>63</v>
      </c>
      <c r="DX23" s="184">
        <v>168</v>
      </c>
      <c r="DY23" s="184">
        <v>266</v>
      </c>
      <c r="DZ23" s="182">
        <v>131</v>
      </c>
      <c r="EA23" s="185">
        <v>650</v>
      </c>
      <c r="EB23" s="187">
        <v>650</v>
      </c>
      <c r="EC23" s="32"/>
    </row>
    <row r="24" spans="2:133" ht="21" customHeight="1" x14ac:dyDescent="0.2">
      <c r="B24" s="472" t="s">
        <v>21</v>
      </c>
      <c r="C24" s="181">
        <v>0</v>
      </c>
      <c r="D24" s="182">
        <v>0</v>
      </c>
      <c r="E24" s="182">
        <v>0</v>
      </c>
      <c r="F24" s="183">
        <v>4</v>
      </c>
      <c r="G24" s="184">
        <v>16</v>
      </c>
      <c r="H24" s="184">
        <v>164</v>
      </c>
      <c r="I24" s="184">
        <v>194</v>
      </c>
      <c r="J24" s="182">
        <v>149</v>
      </c>
      <c r="K24" s="185">
        <v>527</v>
      </c>
      <c r="L24" s="186">
        <v>527</v>
      </c>
      <c r="M24" s="181">
        <v>0</v>
      </c>
      <c r="N24" s="182">
        <v>0</v>
      </c>
      <c r="O24" s="185">
        <v>0</v>
      </c>
      <c r="P24" s="183">
        <v>3</v>
      </c>
      <c r="Q24" s="184">
        <v>16</v>
      </c>
      <c r="R24" s="184">
        <v>163</v>
      </c>
      <c r="S24" s="184">
        <v>194</v>
      </c>
      <c r="T24" s="182">
        <v>147</v>
      </c>
      <c r="U24" s="185">
        <v>523</v>
      </c>
      <c r="V24" s="187">
        <v>523</v>
      </c>
      <c r="W24" s="188">
        <v>0</v>
      </c>
      <c r="X24" s="182">
        <v>0</v>
      </c>
      <c r="Y24" s="185">
        <v>0</v>
      </c>
      <c r="Z24" s="188">
        <v>1</v>
      </c>
      <c r="AA24" s="184">
        <v>0</v>
      </c>
      <c r="AB24" s="184">
        <v>1</v>
      </c>
      <c r="AC24" s="184">
        <v>0</v>
      </c>
      <c r="AD24" s="182">
        <v>2</v>
      </c>
      <c r="AE24" s="185">
        <v>4</v>
      </c>
      <c r="AF24" s="189">
        <v>4</v>
      </c>
      <c r="AG24" s="188">
        <v>0</v>
      </c>
      <c r="AH24" s="182">
        <v>0</v>
      </c>
      <c r="AI24" s="185">
        <v>0</v>
      </c>
      <c r="AJ24" s="188">
        <v>18</v>
      </c>
      <c r="AK24" s="184">
        <v>29</v>
      </c>
      <c r="AL24" s="184">
        <v>37</v>
      </c>
      <c r="AM24" s="184">
        <v>53</v>
      </c>
      <c r="AN24" s="182">
        <v>22</v>
      </c>
      <c r="AO24" s="185">
        <v>159</v>
      </c>
      <c r="AP24" s="189">
        <v>159</v>
      </c>
      <c r="AQ24" s="188">
        <v>0</v>
      </c>
      <c r="AR24" s="182">
        <v>0</v>
      </c>
      <c r="AS24" s="185">
        <v>0</v>
      </c>
      <c r="AT24" s="183">
        <v>18</v>
      </c>
      <c r="AU24" s="184">
        <v>29</v>
      </c>
      <c r="AV24" s="184">
        <v>36</v>
      </c>
      <c r="AW24" s="184">
        <v>49</v>
      </c>
      <c r="AX24" s="182">
        <v>21</v>
      </c>
      <c r="AY24" s="185">
        <v>153</v>
      </c>
      <c r="AZ24" s="186">
        <v>153</v>
      </c>
      <c r="BA24" s="181">
        <v>0</v>
      </c>
      <c r="BB24" s="182">
        <v>0</v>
      </c>
      <c r="BC24" s="182">
        <v>0</v>
      </c>
      <c r="BD24" s="183">
        <v>0</v>
      </c>
      <c r="BE24" s="184">
        <v>0</v>
      </c>
      <c r="BF24" s="184">
        <v>1</v>
      </c>
      <c r="BG24" s="184">
        <v>4</v>
      </c>
      <c r="BH24" s="182">
        <v>1</v>
      </c>
      <c r="BI24" s="185">
        <v>6</v>
      </c>
      <c r="BJ24" s="187">
        <v>6</v>
      </c>
      <c r="BK24" s="188">
        <v>0</v>
      </c>
      <c r="BL24" s="182">
        <v>0</v>
      </c>
      <c r="BM24" s="182">
        <v>0</v>
      </c>
      <c r="BN24" s="183">
        <v>0</v>
      </c>
      <c r="BO24" s="184">
        <v>0</v>
      </c>
      <c r="BP24" s="184">
        <v>0</v>
      </c>
      <c r="BQ24" s="184">
        <v>1</v>
      </c>
      <c r="BR24" s="182">
        <v>3</v>
      </c>
      <c r="BS24" s="185">
        <v>4</v>
      </c>
      <c r="BT24" s="186">
        <v>4</v>
      </c>
      <c r="BU24" s="181">
        <v>0</v>
      </c>
      <c r="BV24" s="182">
        <v>0</v>
      </c>
      <c r="BW24" s="182">
        <v>0</v>
      </c>
      <c r="BX24" s="183">
        <v>0</v>
      </c>
      <c r="BY24" s="184">
        <v>0</v>
      </c>
      <c r="BZ24" s="184">
        <v>0</v>
      </c>
      <c r="CA24" s="184">
        <v>1</v>
      </c>
      <c r="CB24" s="182">
        <v>3</v>
      </c>
      <c r="CC24" s="185">
        <v>4</v>
      </c>
      <c r="CD24" s="187">
        <v>4</v>
      </c>
      <c r="CE24" s="188">
        <v>0</v>
      </c>
      <c r="CF24" s="182">
        <v>0</v>
      </c>
      <c r="CG24" s="182">
        <v>0</v>
      </c>
      <c r="CH24" s="183">
        <v>0</v>
      </c>
      <c r="CI24" s="184">
        <v>0</v>
      </c>
      <c r="CJ24" s="184">
        <v>0</v>
      </c>
      <c r="CK24" s="184">
        <v>0</v>
      </c>
      <c r="CL24" s="182">
        <v>0</v>
      </c>
      <c r="CM24" s="185">
        <v>0</v>
      </c>
      <c r="CN24" s="187">
        <v>0</v>
      </c>
      <c r="CO24" s="188">
        <v>0</v>
      </c>
      <c r="CP24" s="182">
        <v>0</v>
      </c>
      <c r="CQ24" s="182">
        <v>0</v>
      </c>
      <c r="CR24" s="183">
        <v>0</v>
      </c>
      <c r="CS24" s="184">
        <v>0</v>
      </c>
      <c r="CT24" s="184">
        <v>1</v>
      </c>
      <c r="CU24" s="184">
        <v>9</v>
      </c>
      <c r="CV24" s="182">
        <v>18</v>
      </c>
      <c r="CW24" s="185">
        <v>28</v>
      </c>
      <c r="CX24" s="186">
        <v>28</v>
      </c>
      <c r="CY24" s="181">
        <v>0</v>
      </c>
      <c r="CZ24" s="182">
        <v>0</v>
      </c>
      <c r="DA24" s="182">
        <v>0</v>
      </c>
      <c r="DB24" s="183">
        <v>0</v>
      </c>
      <c r="DC24" s="184">
        <v>0</v>
      </c>
      <c r="DD24" s="184">
        <v>1</v>
      </c>
      <c r="DE24" s="184">
        <v>9</v>
      </c>
      <c r="DF24" s="182">
        <v>18</v>
      </c>
      <c r="DG24" s="185">
        <v>28</v>
      </c>
      <c r="DH24" s="187">
        <v>28</v>
      </c>
      <c r="DI24" s="188">
        <v>0</v>
      </c>
      <c r="DJ24" s="182">
        <v>0</v>
      </c>
      <c r="DK24" s="182">
        <v>0</v>
      </c>
      <c r="DL24" s="183">
        <v>0</v>
      </c>
      <c r="DM24" s="184">
        <v>0</v>
      </c>
      <c r="DN24" s="184">
        <v>0</v>
      </c>
      <c r="DO24" s="184">
        <v>0</v>
      </c>
      <c r="DP24" s="182">
        <v>0</v>
      </c>
      <c r="DQ24" s="185">
        <v>0</v>
      </c>
      <c r="DR24" s="187">
        <v>0</v>
      </c>
      <c r="DS24" s="188">
        <v>0</v>
      </c>
      <c r="DT24" s="182">
        <v>0</v>
      </c>
      <c r="DU24" s="182">
        <v>0</v>
      </c>
      <c r="DV24" s="183">
        <v>22</v>
      </c>
      <c r="DW24" s="184">
        <v>45</v>
      </c>
      <c r="DX24" s="184">
        <v>202</v>
      </c>
      <c r="DY24" s="184">
        <v>257</v>
      </c>
      <c r="DZ24" s="182">
        <v>192</v>
      </c>
      <c r="EA24" s="185">
        <v>718</v>
      </c>
      <c r="EB24" s="187">
        <v>718</v>
      </c>
      <c r="EC24" s="32"/>
    </row>
    <row r="25" spans="2:133" ht="21" customHeight="1" x14ac:dyDescent="0.2">
      <c r="B25" s="472" t="s">
        <v>22</v>
      </c>
      <c r="C25" s="181">
        <v>0</v>
      </c>
      <c r="D25" s="182">
        <v>0</v>
      </c>
      <c r="E25" s="182">
        <v>0</v>
      </c>
      <c r="F25" s="183">
        <v>3</v>
      </c>
      <c r="G25" s="184">
        <v>3</v>
      </c>
      <c r="H25" s="184">
        <v>62</v>
      </c>
      <c r="I25" s="184">
        <v>60</v>
      </c>
      <c r="J25" s="182">
        <v>36</v>
      </c>
      <c r="K25" s="185">
        <v>164</v>
      </c>
      <c r="L25" s="186">
        <v>164</v>
      </c>
      <c r="M25" s="181">
        <v>0</v>
      </c>
      <c r="N25" s="182">
        <v>0</v>
      </c>
      <c r="O25" s="185">
        <v>0</v>
      </c>
      <c r="P25" s="183">
        <v>3</v>
      </c>
      <c r="Q25" s="184">
        <v>3</v>
      </c>
      <c r="R25" s="184">
        <v>62</v>
      </c>
      <c r="S25" s="184">
        <v>60</v>
      </c>
      <c r="T25" s="182">
        <v>35</v>
      </c>
      <c r="U25" s="185">
        <v>163</v>
      </c>
      <c r="V25" s="187">
        <v>163</v>
      </c>
      <c r="W25" s="188">
        <v>0</v>
      </c>
      <c r="X25" s="182">
        <v>0</v>
      </c>
      <c r="Y25" s="185">
        <v>0</v>
      </c>
      <c r="Z25" s="188">
        <v>0</v>
      </c>
      <c r="AA25" s="184">
        <v>0</v>
      </c>
      <c r="AB25" s="184">
        <v>0</v>
      </c>
      <c r="AC25" s="184">
        <v>0</v>
      </c>
      <c r="AD25" s="182">
        <v>1</v>
      </c>
      <c r="AE25" s="185">
        <v>1</v>
      </c>
      <c r="AF25" s="189">
        <v>1</v>
      </c>
      <c r="AG25" s="188">
        <v>0</v>
      </c>
      <c r="AH25" s="182">
        <v>0</v>
      </c>
      <c r="AI25" s="185">
        <v>0</v>
      </c>
      <c r="AJ25" s="188">
        <v>12</v>
      </c>
      <c r="AK25" s="184">
        <v>22</v>
      </c>
      <c r="AL25" s="184">
        <v>28</v>
      </c>
      <c r="AM25" s="184">
        <v>38</v>
      </c>
      <c r="AN25" s="182">
        <v>14</v>
      </c>
      <c r="AO25" s="185">
        <v>114</v>
      </c>
      <c r="AP25" s="189">
        <v>114</v>
      </c>
      <c r="AQ25" s="188">
        <v>0</v>
      </c>
      <c r="AR25" s="182">
        <v>0</v>
      </c>
      <c r="AS25" s="185">
        <v>0</v>
      </c>
      <c r="AT25" s="183">
        <v>12</v>
      </c>
      <c r="AU25" s="184">
        <v>22</v>
      </c>
      <c r="AV25" s="184">
        <v>28</v>
      </c>
      <c r="AW25" s="184">
        <v>37</v>
      </c>
      <c r="AX25" s="182">
        <v>14</v>
      </c>
      <c r="AY25" s="185">
        <v>113</v>
      </c>
      <c r="AZ25" s="186">
        <v>113</v>
      </c>
      <c r="BA25" s="181">
        <v>0</v>
      </c>
      <c r="BB25" s="182">
        <v>0</v>
      </c>
      <c r="BC25" s="182">
        <v>0</v>
      </c>
      <c r="BD25" s="183">
        <v>0</v>
      </c>
      <c r="BE25" s="184">
        <v>0</v>
      </c>
      <c r="BF25" s="184">
        <v>0</v>
      </c>
      <c r="BG25" s="184">
        <v>1</v>
      </c>
      <c r="BH25" s="182">
        <v>0</v>
      </c>
      <c r="BI25" s="185">
        <v>1</v>
      </c>
      <c r="BJ25" s="187">
        <v>1</v>
      </c>
      <c r="BK25" s="188">
        <v>0</v>
      </c>
      <c r="BL25" s="182">
        <v>0</v>
      </c>
      <c r="BM25" s="182">
        <v>0</v>
      </c>
      <c r="BN25" s="183">
        <v>0</v>
      </c>
      <c r="BO25" s="184">
        <v>0</v>
      </c>
      <c r="BP25" s="184">
        <v>0</v>
      </c>
      <c r="BQ25" s="184">
        <v>0</v>
      </c>
      <c r="BR25" s="182">
        <v>0</v>
      </c>
      <c r="BS25" s="185">
        <v>0</v>
      </c>
      <c r="BT25" s="186">
        <v>0</v>
      </c>
      <c r="BU25" s="181">
        <v>0</v>
      </c>
      <c r="BV25" s="182">
        <v>0</v>
      </c>
      <c r="BW25" s="182">
        <v>0</v>
      </c>
      <c r="BX25" s="183">
        <v>0</v>
      </c>
      <c r="BY25" s="184">
        <v>0</v>
      </c>
      <c r="BZ25" s="184">
        <v>0</v>
      </c>
      <c r="CA25" s="184">
        <v>0</v>
      </c>
      <c r="CB25" s="182">
        <v>0</v>
      </c>
      <c r="CC25" s="185">
        <v>0</v>
      </c>
      <c r="CD25" s="187">
        <v>0</v>
      </c>
      <c r="CE25" s="188">
        <v>0</v>
      </c>
      <c r="CF25" s="182">
        <v>0</v>
      </c>
      <c r="CG25" s="182">
        <v>0</v>
      </c>
      <c r="CH25" s="183">
        <v>0</v>
      </c>
      <c r="CI25" s="184">
        <v>0</v>
      </c>
      <c r="CJ25" s="184">
        <v>0</v>
      </c>
      <c r="CK25" s="184">
        <v>0</v>
      </c>
      <c r="CL25" s="182">
        <v>0</v>
      </c>
      <c r="CM25" s="185">
        <v>0</v>
      </c>
      <c r="CN25" s="187">
        <v>0</v>
      </c>
      <c r="CO25" s="188">
        <v>0</v>
      </c>
      <c r="CP25" s="182">
        <v>0</v>
      </c>
      <c r="CQ25" s="182">
        <v>0</v>
      </c>
      <c r="CR25" s="183">
        <v>0</v>
      </c>
      <c r="CS25" s="184">
        <v>0</v>
      </c>
      <c r="CT25" s="184">
        <v>0</v>
      </c>
      <c r="CU25" s="184">
        <v>9</v>
      </c>
      <c r="CV25" s="182">
        <v>4</v>
      </c>
      <c r="CW25" s="185">
        <v>13</v>
      </c>
      <c r="CX25" s="186">
        <v>13</v>
      </c>
      <c r="CY25" s="181">
        <v>0</v>
      </c>
      <c r="CZ25" s="182">
        <v>0</v>
      </c>
      <c r="DA25" s="182">
        <v>0</v>
      </c>
      <c r="DB25" s="183">
        <v>0</v>
      </c>
      <c r="DC25" s="184">
        <v>0</v>
      </c>
      <c r="DD25" s="184">
        <v>0</v>
      </c>
      <c r="DE25" s="184">
        <v>8</v>
      </c>
      <c r="DF25" s="182">
        <v>3</v>
      </c>
      <c r="DG25" s="185">
        <v>11</v>
      </c>
      <c r="DH25" s="187">
        <v>11</v>
      </c>
      <c r="DI25" s="188">
        <v>0</v>
      </c>
      <c r="DJ25" s="182">
        <v>0</v>
      </c>
      <c r="DK25" s="182">
        <v>0</v>
      </c>
      <c r="DL25" s="183">
        <v>0</v>
      </c>
      <c r="DM25" s="184">
        <v>0</v>
      </c>
      <c r="DN25" s="184">
        <v>0</v>
      </c>
      <c r="DO25" s="184">
        <v>1</v>
      </c>
      <c r="DP25" s="182">
        <v>1</v>
      </c>
      <c r="DQ25" s="185">
        <v>2</v>
      </c>
      <c r="DR25" s="187">
        <v>2</v>
      </c>
      <c r="DS25" s="188">
        <v>0</v>
      </c>
      <c r="DT25" s="182">
        <v>0</v>
      </c>
      <c r="DU25" s="182">
        <v>0</v>
      </c>
      <c r="DV25" s="183">
        <v>15</v>
      </c>
      <c r="DW25" s="184">
        <v>25</v>
      </c>
      <c r="DX25" s="184">
        <v>90</v>
      </c>
      <c r="DY25" s="184">
        <v>107</v>
      </c>
      <c r="DZ25" s="182">
        <v>54</v>
      </c>
      <c r="EA25" s="185">
        <v>291</v>
      </c>
      <c r="EB25" s="187">
        <v>291</v>
      </c>
      <c r="EC25" s="32"/>
    </row>
    <row r="26" spans="2:133" ht="21" customHeight="1" x14ac:dyDescent="0.2">
      <c r="B26" s="472" t="s">
        <v>23</v>
      </c>
      <c r="C26" s="181">
        <v>0</v>
      </c>
      <c r="D26" s="182">
        <v>0</v>
      </c>
      <c r="E26" s="182">
        <v>0</v>
      </c>
      <c r="F26" s="183">
        <v>2</v>
      </c>
      <c r="G26" s="184">
        <v>9</v>
      </c>
      <c r="H26" s="184">
        <v>87</v>
      </c>
      <c r="I26" s="184">
        <v>127</v>
      </c>
      <c r="J26" s="182">
        <v>95</v>
      </c>
      <c r="K26" s="185">
        <v>320</v>
      </c>
      <c r="L26" s="186">
        <v>320</v>
      </c>
      <c r="M26" s="181">
        <v>0</v>
      </c>
      <c r="N26" s="182">
        <v>0</v>
      </c>
      <c r="O26" s="185">
        <v>0</v>
      </c>
      <c r="P26" s="183">
        <v>2</v>
      </c>
      <c r="Q26" s="184">
        <v>9</v>
      </c>
      <c r="R26" s="184">
        <v>87</v>
      </c>
      <c r="S26" s="184">
        <v>125</v>
      </c>
      <c r="T26" s="182">
        <v>95</v>
      </c>
      <c r="U26" s="185">
        <v>318</v>
      </c>
      <c r="V26" s="187">
        <v>318</v>
      </c>
      <c r="W26" s="188">
        <v>0</v>
      </c>
      <c r="X26" s="182">
        <v>0</v>
      </c>
      <c r="Y26" s="185">
        <v>0</v>
      </c>
      <c r="Z26" s="188">
        <v>0</v>
      </c>
      <c r="AA26" s="184">
        <v>0</v>
      </c>
      <c r="AB26" s="184">
        <v>0</v>
      </c>
      <c r="AC26" s="184">
        <v>2</v>
      </c>
      <c r="AD26" s="182">
        <v>0</v>
      </c>
      <c r="AE26" s="185">
        <v>2</v>
      </c>
      <c r="AF26" s="189">
        <v>2</v>
      </c>
      <c r="AG26" s="188">
        <v>0</v>
      </c>
      <c r="AH26" s="182">
        <v>0</v>
      </c>
      <c r="AI26" s="185">
        <v>0</v>
      </c>
      <c r="AJ26" s="188">
        <v>12</v>
      </c>
      <c r="AK26" s="184">
        <v>27</v>
      </c>
      <c r="AL26" s="184">
        <v>38</v>
      </c>
      <c r="AM26" s="184">
        <v>61</v>
      </c>
      <c r="AN26" s="182">
        <v>37</v>
      </c>
      <c r="AO26" s="185">
        <v>175</v>
      </c>
      <c r="AP26" s="189">
        <v>175</v>
      </c>
      <c r="AQ26" s="188">
        <v>0</v>
      </c>
      <c r="AR26" s="182">
        <v>0</v>
      </c>
      <c r="AS26" s="185">
        <v>0</v>
      </c>
      <c r="AT26" s="183">
        <v>12</v>
      </c>
      <c r="AU26" s="184">
        <v>27</v>
      </c>
      <c r="AV26" s="184">
        <v>38</v>
      </c>
      <c r="AW26" s="184">
        <v>61</v>
      </c>
      <c r="AX26" s="182">
        <v>35</v>
      </c>
      <c r="AY26" s="185">
        <v>173</v>
      </c>
      <c r="AZ26" s="186">
        <v>173</v>
      </c>
      <c r="BA26" s="181">
        <v>0</v>
      </c>
      <c r="BB26" s="182">
        <v>0</v>
      </c>
      <c r="BC26" s="182">
        <v>0</v>
      </c>
      <c r="BD26" s="183">
        <v>0</v>
      </c>
      <c r="BE26" s="184">
        <v>0</v>
      </c>
      <c r="BF26" s="184">
        <v>0</v>
      </c>
      <c r="BG26" s="184">
        <v>0</v>
      </c>
      <c r="BH26" s="182">
        <v>2</v>
      </c>
      <c r="BI26" s="185">
        <v>2</v>
      </c>
      <c r="BJ26" s="187">
        <v>2</v>
      </c>
      <c r="BK26" s="188">
        <v>0</v>
      </c>
      <c r="BL26" s="182">
        <v>0</v>
      </c>
      <c r="BM26" s="182">
        <v>0</v>
      </c>
      <c r="BN26" s="183">
        <v>0</v>
      </c>
      <c r="BO26" s="184">
        <v>0</v>
      </c>
      <c r="BP26" s="184">
        <v>0</v>
      </c>
      <c r="BQ26" s="184">
        <v>1</v>
      </c>
      <c r="BR26" s="182">
        <v>2</v>
      </c>
      <c r="BS26" s="185">
        <v>3</v>
      </c>
      <c r="BT26" s="186">
        <v>3</v>
      </c>
      <c r="BU26" s="181">
        <v>0</v>
      </c>
      <c r="BV26" s="182">
        <v>0</v>
      </c>
      <c r="BW26" s="182">
        <v>0</v>
      </c>
      <c r="BX26" s="183">
        <v>0</v>
      </c>
      <c r="BY26" s="184">
        <v>0</v>
      </c>
      <c r="BZ26" s="184">
        <v>0</v>
      </c>
      <c r="CA26" s="184">
        <v>1</v>
      </c>
      <c r="CB26" s="182">
        <v>2</v>
      </c>
      <c r="CC26" s="185">
        <v>3</v>
      </c>
      <c r="CD26" s="187">
        <v>3</v>
      </c>
      <c r="CE26" s="188">
        <v>0</v>
      </c>
      <c r="CF26" s="182">
        <v>0</v>
      </c>
      <c r="CG26" s="182">
        <v>0</v>
      </c>
      <c r="CH26" s="183">
        <v>0</v>
      </c>
      <c r="CI26" s="184">
        <v>0</v>
      </c>
      <c r="CJ26" s="184">
        <v>0</v>
      </c>
      <c r="CK26" s="184">
        <v>0</v>
      </c>
      <c r="CL26" s="182">
        <v>0</v>
      </c>
      <c r="CM26" s="185">
        <v>0</v>
      </c>
      <c r="CN26" s="187">
        <v>0</v>
      </c>
      <c r="CO26" s="188">
        <v>0</v>
      </c>
      <c r="CP26" s="182">
        <v>0</v>
      </c>
      <c r="CQ26" s="182">
        <v>0</v>
      </c>
      <c r="CR26" s="183">
        <v>0</v>
      </c>
      <c r="CS26" s="184">
        <v>0</v>
      </c>
      <c r="CT26" s="184">
        <v>0</v>
      </c>
      <c r="CU26" s="184">
        <v>3</v>
      </c>
      <c r="CV26" s="182">
        <v>8</v>
      </c>
      <c r="CW26" s="185">
        <v>11</v>
      </c>
      <c r="CX26" s="186">
        <v>11</v>
      </c>
      <c r="CY26" s="181">
        <v>0</v>
      </c>
      <c r="CZ26" s="182">
        <v>0</v>
      </c>
      <c r="DA26" s="182">
        <v>0</v>
      </c>
      <c r="DB26" s="183">
        <v>0</v>
      </c>
      <c r="DC26" s="184">
        <v>0</v>
      </c>
      <c r="DD26" s="184">
        <v>0</v>
      </c>
      <c r="DE26" s="184">
        <v>3</v>
      </c>
      <c r="DF26" s="182">
        <v>8</v>
      </c>
      <c r="DG26" s="185">
        <v>11</v>
      </c>
      <c r="DH26" s="187">
        <v>11</v>
      </c>
      <c r="DI26" s="188">
        <v>0</v>
      </c>
      <c r="DJ26" s="182">
        <v>0</v>
      </c>
      <c r="DK26" s="182">
        <v>0</v>
      </c>
      <c r="DL26" s="183">
        <v>0</v>
      </c>
      <c r="DM26" s="184">
        <v>0</v>
      </c>
      <c r="DN26" s="184">
        <v>0</v>
      </c>
      <c r="DO26" s="184">
        <v>0</v>
      </c>
      <c r="DP26" s="182">
        <v>0</v>
      </c>
      <c r="DQ26" s="185">
        <v>0</v>
      </c>
      <c r="DR26" s="187">
        <v>0</v>
      </c>
      <c r="DS26" s="188">
        <v>0</v>
      </c>
      <c r="DT26" s="182">
        <v>0</v>
      </c>
      <c r="DU26" s="182">
        <v>0</v>
      </c>
      <c r="DV26" s="183">
        <v>14</v>
      </c>
      <c r="DW26" s="184">
        <v>36</v>
      </c>
      <c r="DX26" s="184">
        <v>125</v>
      </c>
      <c r="DY26" s="184">
        <v>192</v>
      </c>
      <c r="DZ26" s="182">
        <v>141</v>
      </c>
      <c r="EA26" s="185">
        <v>508</v>
      </c>
      <c r="EB26" s="187">
        <v>508</v>
      </c>
      <c r="EC26" s="32"/>
    </row>
    <row r="27" spans="2:133" ht="21" customHeight="1" x14ac:dyDescent="0.2">
      <c r="B27" s="472" t="s">
        <v>24</v>
      </c>
      <c r="C27" s="181">
        <v>0</v>
      </c>
      <c r="D27" s="182">
        <v>0</v>
      </c>
      <c r="E27" s="182">
        <v>0</v>
      </c>
      <c r="F27" s="183">
        <v>0</v>
      </c>
      <c r="G27" s="184">
        <v>0</v>
      </c>
      <c r="H27" s="184">
        <v>28</v>
      </c>
      <c r="I27" s="184">
        <v>81</v>
      </c>
      <c r="J27" s="182">
        <v>59</v>
      </c>
      <c r="K27" s="185">
        <v>168</v>
      </c>
      <c r="L27" s="186">
        <v>168</v>
      </c>
      <c r="M27" s="181">
        <v>0</v>
      </c>
      <c r="N27" s="182">
        <v>0</v>
      </c>
      <c r="O27" s="185">
        <v>0</v>
      </c>
      <c r="P27" s="183">
        <v>0</v>
      </c>
      <c r="Q27" s="184">
        <v>0</v>
      </c>
      <c r="R27" s="184">
        <v>28</v>
      </c>
      <c r="S27" s="184">
        <v>81</v>
      </c>
      <c r="T27" s="182">
        <v>59</v>
      </c>
      <c r="U27" s="185">
        <v>168</v>
      </c>
      <c r="V27" s="187">
        <v>168</v>
      </c>
      <c r="W27" s="188">
        <v>0</v>
      </c>
      <c r="X27" s="182">
        <v>0</v>
      </c>
      <c r="Y27" s="185">
        <v>0</v>
      </c>
      <c r="Z27" s="188">
        <v>0</v>
      </c>
      <c r="AA27" s="184">
        <v>0</v>
      </c>
      <c r="AB27" s="184">
        <v>0</v>
      </c>
      <c r="AC27" s="184">
        <v>0</v>
      </c>
      <c r="AD27" s="182">
        <v>0</v>
      </c>
      <c r="AE27" s="185">
        <v>0</v>
      </c>
      <c r="AF27" s="189">
        <v>0</v>
      </c>
      <c r="AG27" s="188">
        <v>0</v>
      </c>
      <c r="AH27" s="182">
        <v>0</v>
      </c>
      <c r="AI27" s="185">
        <v>0</v>
      </c>
      <c r="AJ27" s="188">
        <v>9</v>
      </c>
      <c r="AK27" s="184">
        <v>8</v>
      </c>
      <c r="AL27" s="184">
        <v>26</v>
      </c>
      <c r="AM27" s="184">
        <v>31</v>
      </c>
      <c r="AN27" s="182">
        <v>16</v>
      </c>
      <c r="AO27" s="185">
        <v>90</v>
      </c>
      <c r="AP27" s="189">
        <v>90</v>
      </c>
      <c r="AQ27" s="188">
        <v>0</v>
      </c>
      <c r="AR27" s="182">
        <v>0</v>
      </c>
      <c r="AS27" s="185">
        <v>0</v>
      </c>
      <c r="AT27" s="183">
        <v>9</v>
      </c>
      <c r="AU27" s="184">
        <v>8</v>
      </c>
      <c r="AV27" s="184">
        <v>26</v>
      </c>
      <c r="AW27" s="184">
        <v>29</v>
      </c>
      <c r="AX27" s="182">
        <v>16</v>
      </c>
      <c r="AY27" s="185">
        <v>88</v>
      </c>
      <c r="AZ27" s="186">
        <v>88</v>
      </c>
      <c r="BA27" s="181">
        <v>0</v>
      </c>
      <c r="BB27" s="182">
        <v>0</v>
      </c>
      <c r="BC27" s="182">
        <v>0</v>
      </c>
      <c r="BD27" s="183">
        <v>0</v>
      </c>
      <c r="BE27" s="184">
        <v>0</v>
      </c>
      <c r="BF27" s="184">
        <v>0</v>
      </c>
      <c r="BG27" s="184">
        <v>2</v>
      </c>
      <c r="BH27" s="182">
        <v>0</v>
      </c>
      <c r="BI27" s="185">
        <v>2</v>
      </c>
      <c r="BJ27" s="187">
        <v>2</v>
      </c>
      <c r="BK27" s="188">
        <v>0</v>
      </c>
      <c r="BL27" s="182">
        <v>0</v>
      </c>
      <c r="BM27" s="182">
        <v>0</v>
      </c>
      <c r="BN27" s="183">
        <v>0</v>
      </c>
      <c r="BO27" s="184">
        <v>0</v>
      </c>
      <c r="BP27" s="184">
        <v>0</v>
      </c>
      <c r="BQ27" s="184">
        <v>0</v>
      </c>
      <c r="BR27" s="182">
        <v>0</v>
      </c>
      <c r="BS27" s="185">
        <v>0</v>
      </c>
      <c r="BT27" s="186">
        <v>0</v>
      </c>
      <c r="BU27" s="181">
        <v>0</v>
      </c>
      <c r="BV27" s="182">
        <v>0</v>
      </c>
      <c r="BW27" s="182">
        <v>0</v>
      </c>
      <c r="BX27" s="183">
        <v>0</v>
      </c>
      <c r="BY27" s="184">
        <v>0</v>
      </c>
      <c r="BZ27" s="184">
        <v>0</v>
      </c>
      <c r="CA27" s="184">
        <v>0</v>
      </c>
      <c r="CB27" s="182">
        <v>0</v>
      </c>
      <c r="CC27" s="185">
        <v>0</v>
      </c>
      <c r="CD27" s="187">
        <v>0</v>
      </c>
      <c r="CE27" s="188">
        <v>0</v>
      </c>
      <c r="CF27" s="182">
        <v>0</v>
      </c>
      <c r="CG27" s="182">
        <v>0</v>
      </c>
      <c r="CH27" s="183">
        <v>0</v>
      </c>
      <c r="CI27" s="184">
        <v>0</v>
      </c>
      <c r="CJ27" s="184">
        <v>0</v>
      </c>
      <c r="CK27" s="184">
        <v>0</v>
      </c>
      <c r="CL27" s="182">
        <v>0</v>
      </c>
      <c r="CM27" s="185">
        <v>0</v>
      </c>
      <c r="CN27" s="187">
        <v>0</v>
      </c>
      <c r="CO27" s="188">
        <v>0</v>
      </c>
      <c r="CP27" s="182">
        <v>0</v>
      </c>
      <c r="CQ27" s="182">
        <v>0</v>
      </c>
      <c r="CR27" s="183">
        <v>0</v>
      </c>
      <c r="CS27" s="184">
        <v>0</v>
      </c>
      <c r="CT27" s="184">
        <v>0</v>
      </c>
      <c r="CU27" s="184">
        <v>0</v>
      </c>
      <c r="CV27" s="182">
        <v>0</v>
      </c>
      <c r="CW27" s="185">
        <v>0</v>
      </c>
      <c r="CX27" s="186">
        <v>0</v>
      </c>
      <c r="CY27" s="181">
        <v>0</v>
      </c>
      <c r="CZ27" s="182">
        <v>0</v>
      </c>
      <c r="DA27" s="182">
        <v>0</v>
      </c>
      <c r="DB27" s="183">
        <v>0</v>
      </c>
      <c r="DC27" s="184">
        <v>0</v>
      </c>
      <c r="DD27" s="184">
        <v>0</v>
      </c>
      <c r="DE27" s="184">
        <v>0</v>
      </c>
      <c r="DF27" s="182">
        <v>0</v>
      </c>
      <c r="DG27" s="185">
        <v>0</v>
      </c>
      <c r="DH27" s="187">
        <v>0</v>
      </c>
      <c r="DI27" s="188">
        <v>0</v>
      </c>
      <c r="DJ27" s="182">
        <v>0</v>
      </c>
      <c r="DK27" s="182">
        <v>0</v>
      </c>
      <c r="DL27" s="183">
        <v>0</v>
      </c>
      <c r="DM27" s="184">
        <v>0</v>
      </c>
      <c r="DN27" s="184">
        <v>0</v>
      </c>
      <c r="DO27" s="184">
        <v>0</v>
      </c>
      <c r="DP27" s="182">
        <v>0</v>
      </c>
      <c r="DQ27" s="185">
        <v>0</v>
      </c>
      <c r="DR27" s="187">
        <v>0</v>
      </c>
      <c r="DS27" s="188">
        <v>0</v>
      </c>
      <c r="DT27" s="182">
        <v>0</v>
      </c>
      <c r="DU27" s="182">
        <v>0</v>
      </c>
      <c r="DV27" s="183">
        <v>9</v>
      </c>
      <c r="DW27" s="184">
        <v>8</v>
      </c>
      <c r="DX27" s="184">
        <v>54</v>
      </c>
      <c r="DY27" s="184">
        <v>111</v>
      </c>
      <c r="DZ27" s="182">
        <v>75</v>
      </c>
      <c r="EA27" s="185">
        <v>257</v>
      </c>
      <c r="EB27" s="187">
        <v>257</v>
      </c>
      <c r="EC27" s="32"/>
    </row>
    <row r="28" spans="2:133" ht="21" customHeight="1" x14ac:dyDescent="0.2">
      <c r="B28" s="472" t="s">
        <v>25</v>
      </c>
      <c r="C28" s="181">
        <v>0</v>
      </c>
      <c r="D28" s="182">
        <v>0</v>
      </c>
      <c r="E28" s="182">
        <v>0</v>
      </c>
      <c r="F28" s="183">
        <v>1</v>
      </c>
      <c r="G28" s="184">
        <v>6</v>
      </c>
      <c r="H28" s="184">
        <v>60</v>
      </c>
      <c r="I28" s="184">
        <v>75</v>
      </c>
      <c r="J28" s="182">
        <v>56</v>
      </c>
      <c r="K28" s="185">
        <v>198</v>
      </c>
      <c r="L28" s="186">
        <v>198</v>
      </c>
      <c r="M28" s="181">
        <v>0</v>
      </c>
      <c r="N28" s="182">
        <v>0</v>
      </c>
      <c r="O28" s="185">
        <v>0</v>
      </c>
      <c r="P28" s="183">
        <v>1</v>
      </c>
      <c r="Q28" s="184">
        <v>6</v>
      </c>
      <c r="R28" s="184">
        <v>60</v>
      </c>
      <c r="S28" s="184">
        <v>74</v>
      </c>
      <c r="T28" s="182">
        <v>51</v>
      </c>
      <c r="U28" s="185">
        <v>192</v>
      </c>
      <c r="V28" s="187">
        <v>192</v>
      </c>
      <c r="W28" s="188">
        <v>0</v>
      </c>
      <c r="X28" s="182">
        <v>0</v>
      </c>
      <c r="Y28" s="185">
        <v>0</v>
      </c>
      <c r="Z28" s="188">
        <v>0</v>
      </c>
      <c r="AA28" s="184">
        <v>0</v>
      </c>
      <c r="AB28" s="184">
        <v>0</v>
      </c>
      <c r="AC28" s="184">
        <v>1</v>
      </c>
      <c r="AD28" s="182">
        <v>5</v>
      </c>
      <c r="AE28" s="185">
        <v>6</v>
      </c>
      <c r="AF28" s="189">
        <v>6</v>
      </c>
      <c r="AG28" s="188">
        <v>0</v>
      </c>
      <c r="AH28" s="182">
        <v>0</v>
      </c>
      <c r="AI28" s="185">
        <v>0</v>
      </c>
      <c r="AJ28" s="188">
        <v>10</v>
      </c>
      <c r="AK28" s="184">
        <v>17</v>
      </c>
      <c r="AL28" s="184">
        <v>17</v>
      </c>
      <c r="AM28" s="184">
        <v>54</v>
      </c>
      <c r="AN28" s="182">
        <v>18</v>
      </c>
      <c r="AO28" s="185">
        <v>116</v>
      </c>
      <c r="AP28" s="189">
        <v>116</v>
      </c>
      <c r="AQ28" s="188">
        <v>0</v>
      </c>
      <c r="AR28" s="182">
        <v>0</v>
      </c>
      <c r="AS28" s="185">
        <v>0</v>
      </c>
      <c r="AT28" s="183">
        <v>10</v>
      </c>
      <c r="AU28" s="184">
        <v>17</v>
      </c>
      <c r="AV28" s="184">
        <v>17</v>
      </c>
      <c r="AW28" s="184">
        <v>53</v>
      </c>
      <c r="AX28" s="182">
        <v>18</v>
      </c>
      <c r="AY28" s="185">
        <v>115</v>
      </c>
      <c r="AZ28" s="186">
        <v>115</v>
      </c>
      <c r="BA28" s="181">
        <v>0</v>
      </c>
      <c r="BB28" s="182">
        <v>0</v>
      </c>
      <c r="BC28" s="182">
        <v>0</v>
      </c>
      <c r="BD28" s="183">
        <v>0</v>
      </c>
      <c r="BE28" s="184">
        <v>0</v>
      </c>
      <c r="BF28" s="184">
        <v>0</v>
      </c>
      <c r="BG28" s="184">
        <v>1</v>
      </c>
      <c r="BH28" s="182">
        <v>0</v>
      </c>
      <c r="BI28" s="185">
        <v>1</v>
      </c>
      <c r="BJ28" s="187">
        <v>1</v>
      </c>
      <c r="BK28" s="188">
        <v>0</v>
      </c>
      <c r="BL28" s="182">
        <v>0</v>
      </c>
      <c r="BM28" s="182">
        <v>0</v>
      </c>
      <c r="BN28" s="183">
        <v>0</v>
      </c>
      <c r="BO28" s="184">
        <v>0</v>
      </c>
      <c r="BP28" s="184">
        <v>0</v>
      </c>
      <c r="BQ28" s="184">
        <v>0</v>
      </c>
      <c r="BR28" s="182">
        <v>0</v>
      </c>
      <c r="BS28" s="185">
        <v>0</v>
      </c>
      <c r="BT28" s="186">
        <v>0</v>
      </c>
      <c r="BU28" s="181">
        <v>0</v>
      </c>
      <c r="BV28" s="182">
        <v>0</v>
      </c>
      <c r="BW28" s="182">
        <v>0</v>
      </c>
      <c r="BX28" s="183">
        <v>0</v>
      </c>
      <c r="BY28" s="184">
        <v>0</v>
      </c>
      <c r="BZ28" s="184">
        <v>0</v>
      </c>
      <c r="CA28" s="184">
        <v>0</v>
      </c>
      <c r="CB28" s="182">
        <v>0</v>
      </c>
      <c r="CC28" s="185">
        <v>0</v>
      </c>
      <c r="CD28" s="187">
        <v>0</v>
      </c>
      <c r="CE28" s="188">
        <v>0</v>
      </c>
      <c r="CF28" s="182">
        <v>0</v>
      </c>
      <c r="CG28" s="182">
        <v>0</v>
      </c>
      <c r="CH28" s="183">
        <v>0</v>
      </c>
      <c r="CI28" s="184">
        <v>0</v>
      </c>
      <c r="CJ28" s="184">
        <v>0</v>
      </c>
      <c r="CK28" s="184">
        <v>0</v>
      </c>
      <c r="CL28" s="182">
        <v>0</v>
      </c>
      <c r="CM28" s="185">
        <v>0</v>
      </c>
      <c r="CN28" s="187">
        <v>0</v>
      </c>
      <c r="CO28" s="188">
        <v>0</v>
      </c>
      <c r="CP28" s="182">
        <v>0</v>
      </c>
      <c r="CQ28" s="182">
        <v>0</v>
      </c>
      <c r="CR28" s="183">
        <v>0</v>
      </c>
      <c r="CS28" s="184">
        <v>0</v>
      </c>
      <c r="CT28" s="184">
        <v>0</v>
      </c>
      <c r="CU28" s="184">
        <v>1</v>
      </c>
      <c r="CV28" s="182">
        <v>2</v>
      </c>
      <c r="CW28" s="185">
        <v>3</v>
      </c>
      <c r="CX28" s="186">
        <v>3</v>
      </c>
      <c r="CY28" s="181">
        <v>0</v>
      </c>
      <c r="CZ28" s="182">
        <v>0</v>
      </c>
      <c r="DA28" s="182">
        <v>0</v>
      </c>
      <c r="DB28" s="183">
        <v>0</v>
      </c>
      <c r="DC28" s="184">
        <v>0</v>
      </c>
      <c r="DD28" s="184">
        <v>0</v>
      </c>
      <c r="DE28" s="184">
        <v>1</v>
      </c>
      <c r="DF28" s="182">
        <v>2</v>
      </c>
      <c r="DG28" s="185">
        <v>3</v>
      </c>
      <c r="DH28" s="187">
        <v>3</v>
      </c>
      <c r="DI28" s="188">
        <v>0</v>
      </c>
      <c r="DJ28" s="182">
        <v>0</v>
      </c>
      <c r="DK28" s="182">
        <v>0</v>
      </c>
      <c r="DL28" s="183">
        <v>0</v>
      </c>
      <c r="DM28" s="184">
        <v>0</v>
      </c>
      <c r="DN28" s="184">
        <v>0</v>
      </c>
      <c r="DO28" s="184">
        <v>0</v>
      </c>
      <c r="DP28" s="182">
        <v>0</v>
      </c>
      <c r="DQ28" s="185">
        <v>0</v>
      </c>
      <c r="DR28" s="187">
        <v>0</v>
      </c>
      <c r="DS28" s="188">
        <v>0</v>
      </c>
      <c r="DT28" s="182">
        <v>0</v>
      </c>
      <c r="DU28" s="182">
        <v>0</v>
      </c>
      <c r="DV28" s="183">
        <v>11</v>
      </c>
      <c r="DW28" s="184">
        <v>23</v>
      </c>
      <c r="DX28" s="184">
        <v>77</v>
      </c>
      <c r="DY28" s="184">
        <v>130</v>
      </c>
      <c r="DZ28" s="182">
        <v>76</v>
      </c>
      <c r="EA28" s="185">
        <v>317</v>
      </c>
      <c r="EB28" s="187">
        <v>317</v>
      </c>
      <c r="EC28" s="32"/>
    </row>
    <row r="29" spans="2:133" ht="21" customHeight="1" x14ac:dyDescent="0.2">
      <c r="B29" s="472" t="s">
        <v>26</v>
      </c>
      <c r="C29" s="181">
        <v>0</v>
      </c>
      <c r="D29" s="182">
        <v>0</v>
      </c>
      <c r="E29" s="182">
        <v>0</v>
      </c>
      <c r="F29" s="183">
        <v>1</v>
      </c>
      <c r="G29" s="184">
        <v>11</v>
      </c>
      <c r="H29" s="184">
        <v>40</v>
      </c>
      <c r="I29" s="184">
        <v>74</v>
      </c>
      <c r="J29" s="182">
        <v>52</v>
      </c>
      <c r="K29" s="185">
        <v>178</v>
      </c>
      <c r="L29" s="186">
        <v>178</v>
      </c>
      <c r="M29" s="181">
        <v>0</v>
      </c>
      <c r="N29" s="182">
        <v>0</v>
      </c>
      <c r="O29" s="185">
        <v>0</v>
      </c>
      <c r="P29" s="183">
        <v>1</v>
      </c>
      <c r="Q29" s="184">
        <v>11</v>
      </c>
      <c r="R29" s="184">
        <v>39</v>
      </c>
      <c r="S29" s="184">
        <v>73</v>
      </c>
      <c r="T29" s="182">
        <v>51</v>
      </c>
      <c r="U29" s="185">
        <v>175</v>
      </c>
      <c r="V29" s="187">
        <v>175</v>
      </c>
      <c r="W29" s="188">
        <v>0</v>
      </c>
      <c r="X29" s="182">
        <v>0</v>
      </c>
      <c r="Y29" s="185">
        <v>0</v>
      </c>
      <c r="Z29" s="188">
        <v>0</v>
      </c>
      <c r="AA29" s="184">
        <v>0</v>
      </c>
      <c r="AB29" s="184">
        <v>1</v>
      </c>
      <c r="AC29" s="184">
        <v>1</v>
      </c>
      <c r="AD29" s="182">
        <v>1</v>
      </c>
      <c r="AE29" s="185">
        <v>3</v>
      </c>
      <c r="AF29" s="189">
        <v>3</v>
      </c>
      <c r="AG29" s="188">
        <v>0</v>
      </c>
      <c r="AH29" s="182">
        <v>0</v>
      </c>
      <c r="AI29" s="185">
        <v>0</v>
      </c>
      <c r="AJ29" s="188">
        <v>7</v>
      </c>
      <c r="AK29" s="184">
        <v>26</v>
      </c>
      <c r="AL29" s="184">
        <v>20</v>
      </c>
      <c r="AM29" s="184">
        <v>19</v>
      </c>
      <c r="AN29" s="182">
        <v>18</v>
      </c>
      <c r="AO29" s="185">
        <v>90</v>
      </c>
      <c r="AP29" s="189">
        <v>90</v>
      </c>
      <c r="AQ29" s="188">
        <v>0</v>
      </c>
      <c r="AR29" s="182">
        <v>0</v>
      </c>
      <c r="AS29" s="185">
        <v>0</v>
      </c>
      <c r="AT29" s="183">
        <v>7</v>
      </c>
      <c r="AU29" s="184">
        <v>25</v>
      </c>
      <c r="AV29" s="184">
        <v>20</v>
      </c>
      <c r="AW29" s="184">
        <v>19</v>
      </c>
      <c r="AX29" s="182">
        <v>18</v>
      </c>
      <c r="AY29" s="185">
        <v>89</v>
      </c>
      <c r="AZ29" s="186">
        <v>89</v>
      </c>
      <c r="BA29" s="181">
        <v>0</v>
      </c>
      <c r="BB29" s="182">
        <v>0</v>
      </c>
      <c r="BC29" s="182">
        <v>0</v>
      </c>
      <c r="BD29" s="183">
        <v>0</v>
      </c>
      <c r="BE29" s="184">
        <v>1</v>
      </c>
      <c r="BF29" s="184">
        <v>0</v>
      </c>
      <c r="BG29" s="184">
        <v>0</v>
      </c>
      <c r="BH29" s="182">
        <v>0</v>
      </c>
      <c r="BI29" s="185">
        <v>1</v>
      </c>
      <c r="BJ29" s="187">
        <v>1</v>
      </c>
      <c r="BK29" s="188">
        <v>0</v>
      </c>
      <c r="BL29" s="182">
        <v>0</v>
      </c>
      <c r="BM29" s="182">
        <v>0</v>
      </c>
      <c r="BN29" s="183">
        <v>0</v>
      </c>
      <c r="BO29" s="184">
        <v>0</v>
      </c>
      <c r="BP29" s="184">
        <v>0</v>
      </c>
      <c r="BQ29" s="184">
        <v>0</v>
      </c>
      <c r="BR29" s="182">
        <v>0</v>
      </c>
      <c r="BS29" s="185">
        <v>0</v>
      </c>
      <c r="BT29" s="186">
        <v>0</v>
      </c>
      <c r="BU29" s="181">
        <v>0</v>
      </c>
      <c r="BV29" s="182">
        <v>0</v>
      </c>
      <c r="BW29" s="182">
        <v>0</v>
      </c>
      <c r="BX29" s="183">
        <v>0</v>
      </c>
      <c r="BY29" s="184">
        <v>0</v>
      </c>
      <c r="BZ29" s="184">
        <v>0</v>
      </c>
      <c r="CA29" s="184">
        <v>0</v>
      </c>
      <c r="CB29" s="182">
        <v>0</v>
      </c>
      <c r="CC29" s="185">
        <v>0</v>
      </c>
      <c r="CD29" s="187">
        <v>0</v>
      </c>
      <c r="CE29" s="188">
        <v>0</v>
      </c>
      <c r="CF29" s="182">
        <v>0</v>
      </c>
      <c r="CG29" s="182">
        <v>0</v>
      </c>
      <c r="CH29" s="183">
        <v>0</v>
      </c>
      <c r="CI29" s="184">
        <v>0</v>
      </c>
      <c r="CJ29" s="184">
        <v>0</v>
      </c>
      <c r="CK29" s="184">
        <v>0</v>
      </c>
      <c r="CL29" s="182">
        <v>0</v>
      </c>
      <c r="CM29" s="185">
        <v>0</v>
      </c>
      <c r="CN29" s="187">
        <v>0</v>
      </c>
      <c r="CO29" s="188">
        <v>0</v>
      </c>
      <c r="CP29" s="182">
        <v>0</v>
      </c>
      <c r="CQ29" s="182">
        <v>0</v>
      </c>
      <c r="CR29" s="183">
        <v>0</v>
      </c>
      <c r="CS29" s="184">
        <v>0</v>
      </c>
      <c r="CT29" s="184">
        <v>1</v>
      </c>
      <c r="CU29" s="184">
        <v>1</v>
      </c>
      <c r="CV29" s="182">
        <v>2</v>
      </c>
      <c r="CW29" s="185">
        <v>4</v>
      </c>
      <c r="CX29" s="186">
        <v>4</v>
      </c>
      <c r="CY29" s="181">
        <v>0</v>
      </c>
      <c r="CZ29" s="182">
        <v>0</v>
      </c>
      <c r="DA29" s="182">
        <v>0</v>
      </c>
      <c r="DB29" s="183">
        <v>0</v>
      </c>
      <c r="DC29" s="184">
        <v>0</v>
      </c>
      <c r="DD29" s="184">
        <v>1</v>
      </c>
      <c r="DE29" s="184">
        <v>1</v>
      </c>
      <c r="DF29" s="182">
        <v>2</v>
      </c>
      <c r="DG29" s="185">
        <v>4</v>
      </c>
      <c r="DH29" s="187">
        <v>4</v>
      </c>
      <c r="DI29" s="188">
        <v>0</v>
      </c>
      <c r="DJ29" s="182">
        <v>0</v>
      </c>
      <c r="DK29" s="182">
        <v>0</v>
      </c>
      <c r="DL29" s="183">
        <v>0</v>
      </c>
      <c r="DM29" s="184">
        <v>0</v>
      </c>
      <c r="DN29" s="184">
        <v>0</v>
      </c>
      <c r="DO29" s="184">
        <v>0</v>
      </c>
      <c r="DP29" s="182">
        <v>0</v>
      </c>
      <c r="DQ29" s="185">
        <v>0</v>
      </c>
      <c r="DR29" s="187">
        <v>0</v>
      </c>
      <c r="DS29" s="188">
        <v>0</v>
      </c>
      <c r="DT29" s="182">
        <v>0</v>
      </c>
      <c r="DU29" s="182">
        <v>0</v>
      </c>
      <c r="DV29" s="183">
        <v>8</v>
      </c>
      <c r="DW29" s="184">
        <v>37</v>
      </c>
      <c r="DX29" s="184">
        <v>61</v>
      </c>
      <c r="DY29" s="184">
        <v>93</v>
      </c>
      <c r="DZ29" s="182">
        <v>72</v>
      </c>
      <c r="EA29" s="185">
        <v>271</v>
      </c>
      <c r="EB29" s="187">
        <v>271</v>
      </c>
      <c r="EC29" s="32"/>
    </row>
    <row r="30" spans="2:133" ht="21" customHeight="1" x14ac:dyDescent="0.2">
      <c r="B30" s="472" t="s">
        <v>27</v>
      </c>
      <c r="C30" s="181">
        <v>0</v>
      </c>
      <c r="D30" s="182">
        <v>0</v>
      </c>
      <c r="E30" s="182">
        <v>0</v>
      </c>
      <c r="F30" s="183">
        <v>3</v>
      </c>
      <c r="G30" s="184">
        <v>2</v>
      </c>
      <c r="H30" s="184">
        <v>32</v>
      </c>
      <c r="I30" s="184">
        <v>66</v>
      </c>
      <c r="J30" s="182">
        <v>40</v>
      </c>
      <c r="K30" s="185">
        <v>143</v>
      </c>
      <c r="L30" s="186">
        <v>143</v>
      </c>
      <c r="M30" s="181">
        <v>0</v>
      </c>
      <c r="N30" s="182">
        <v>0</v>
      </c>
      <c r="O30" s="185">
        <v>0</v>
      </c>
      <c r="P30" s="183">
        <v>3</v>
      </c>
      <c r="Q30" s="184">
        <v>2</v>
      </c>
      <c r="R30" s="184">
        <v>30</v>
      </c>
      <c r="S30" s="184">
        <v>66</v>
      </c>
      <c r="T30" s="182">
        <v>40</v>
      </c>
      <c r="U30" s="185">
        <v>141</v>
      </c>
      <c r="V30" s="187">
        <v>141</v>
      </c>
      <c r="W30" s="188">
        <v>0</v>
      </c>
      <c r="X30" s="182">
        <v>0</v>
      </c>
      <c r="Y30" s="185">
        <v>0</v>
      </c>
      <c r="Z30" s="188">
        <v>0</v>
      </c>
      <c r="AA30" s="184">
        <v>0</v>
      </c>
      <c r="AB30" s="184">
        <v>2</v>
      </c>
      <c r="AC30" s="184">
        <v>0</v>
      </c>
      <c r="AD30" s="182">
        <v>0</v>
      </c>
      <c r="AE30" s="185">
        <v>2</v>
      </c>
      <c r="AF30" s="189">
        <v>2</v>
      </c>
      <c r="AG30" s="188">
        <v>0</v>
      </c>
      <c r="AH30" s="182">
        <v>0</v>
      </c>
      <c r="AI30" s="185">
        <v>0</v>
      </c>
      <c r="AJ30" s="188">
        <v>10</v>
      </c>
      <c r="AK30" s="184">
        <v>17</v>
      </c>
      <c r="AL30" s="184">
        <v>21</v>
      </c>
      <c r="AM30" s="184">
        <v>17</v>
      </c>
      <c r="AN30" s="182">
        <v>14</v>
      </c>
      <c r="AO30" s="185">
        <v>79</v>
      </c>
      <c r="AP30" s="189">
        <v>79</v>
      </c>
      <c r="AQ30" s="188">
        <v>0</v>
      </c>
      <c r="AR30" s="182">
        <v>0</v>
      </c>
      <c r="AS30" s="185">
        <v>0</v>
      </c>
      <c r="AT30" s="183">
        <v>10</v>
      </c>
      <c r="AU30" s="184">
        <v>15</v>
      </c>
      <c r="AV30" s="184">
        <v>19</v>
      </c>
      <c r="AW30" s="184">
        <v>16</v>
      </c>
      <c r="AX30" s="182">
        <v>14</v>
      </c>
      <c r="AY30" s="185">
        <v>74</v>
      </c>
      <c r="AZ30" s="186">
        <v>74</v>
      </c>
      <c r="BA30" s="181">
        <v>0</v>
      </c>
      <c r="BB30" s="182">
        <v>0</v>
      </c>
      <c r="BC30" s="182">
        <v>0</v>
      </c>
      <c r="BD30" s="183">
        <v>0</v>
      </c>
      <c r="BE30" s="184">
        <v>2</v>
      </c>
      <c r="BF30" s="184">
        <v>2</v>
      </c>
      <c r="BG30" s="184">
        <v>1</v>
      </c>
      <c r="BH30" s="182">
        <v>0</v>
      </c>
      <c r="BI30" s="185">
        <v>5</v>
      </c>
      <c r="BJ30" s="187">
        <v>5</v>
      </c>
      <c r="BK30" s="188">
        <v>0</v>
      </c>
      <c r="BL30" s="182">
        <v>0</v>
      </c>
      <c r="BM30" s="182">
        <v>0</v>
      </c>
      <c r="BN30" s="183">
        <v>0</v>
      </c>
      <c r="BO30" s="184">
        <v>0</v>
      </c>
      <c r="BP30" s="184">
        <v>0</v>
      </c>
      <c r="BQ30" s="184">
        <v>0</v>
      </c>
      <c r="BR30" s="182">
        <v>0</v>
      </c>
      <c r="BS30" s="185">
        <v>0</v>
      </c>
      <c r="BT30" s="186">
        <v>0</v>
      </c>
      <c r="BU30" s="181">
        <v>0</v>
      </c>
      <c r="BV30" s="182">
        <v>0</v>
      </c>
      <c r="BW30" s="182">
        <v>0</v>
      </c>
      <c r="BX30" s="183">
        <v>0</v>
      </c>
      <c r="BY30" s="184">
        <v>0</v>
      </c>
      <c r="BZ30" s="184">
        <v>0</v>
      </c>
      <c r="CA30" s="184">
        <v>0</v>
      </c>
      <c r="CB30" s="182">
        <v>0</v>
      </c>
      <c r="CC30" s="185">
        <v>0</v>
      </c>
      <c r="CD30" s="187">
        <v>0</v>
      </c>
      <c r="CE30" s="188">
        <v>0</v>
      </c>
      <c r="CF30" s="182">
        <v>0</v>
      </c>
      <c r="CG30" s="182">
        <v>0</v>
      </c>
      <c r="CH30" s="183">
        <v>0</v>
      </c>
      <c r="CI30" s="184">
        <v>0</v>
      </c>
      <c r="CJ30" s="184">
        <v>0</v>
      </c>
      <c r="CK30" s="184">
        <v>0</v>
      </c>
      <c r="CL30" s="182">
        <v>0</v>
      </c>
      <c r="CM30" s="185">
        <v>0</v>
      </c>
      <c r="CN30" s="187">
        <v>0</v>
      </c>
      <c r="CO30" s="188">
        <v>0</v>
      </c>
      <c r="CP30" s="182">
        <v>0</v>
      </c>
      <c r="CQ30" s="182">
        <v>0</v>
      </c>
      <c r="CR30" s="183">
        <v>0</v>
      </c>
      <c r="CS30" s="184">
        <v>0</v>
      </c>
      <c r="CT30" s="184">
        <v>0</v>
      </c>
      <c r="CU30" s="184">
        <v>4</v>
      </c>
      <c r="CV30" s="182">
        <v>1</v>
      </c>
      <c r="CW30" s="185">
        <v>5</v>
      </c>
      <c r="CX30" s="186">
        <v>5</v>
      </c>
      <c r="CY30" s="181">
        <v>0</v>
      </c>
      <c r="CZ30" s="182">
        <v>0</v>
      </c>
      <c r="DA30" s="182">
        <v>0</v>
      </c>
      <c r="DB30" s="183">
        <v>0</v>
      </c>
      <c r="DC30" s="184">
        <v>0</v>
      </c>
      <c r="DD30" s="184">
        <v>0</v>
      </c>
      <c r="DE30" s="184">
        <v>3</v>
      </c>
      <c r="DF30" s="182">
        <v>0</v>
      </c>
      <c r="DG30" s="185">
        <v>3</v>
      </c>
      <c r="DH30" s="187">
        <v>3</v>
      </c>
      <c r="DI30" s="188">
        <v>0</v>
      </c>
      <c r="DJ30" s="182">
        <v>0</v>
      </c>
      <c r="DK30" s="182">
        <v>0</v>
      </c>
      <c r="DL30" s="183">
        <v>0</v>
      </c>
      <c r="DM30" s="184">
        <v>0</v>
      </c>
      <c r="DN30" s="184">
        <v>0</v>
      </c>
      <c r="DO30" s="184">
        <v>1</v>
      </c>
      <c r="DP30" s="182">
        <v>1</v>
      </c>
      <c r="DQ30" s="185">
        <v>2</v>
      </c>
      <c r="DR30" s="187">
        <v>2</v>
      </c>
      <c r="DS30" s="188">
        <v>0</v>
      </c>
      <c r="DT30" s="182">
        <v>0</v>
      </c>
      <c r="DU30" s="182">
        <v>0</v>
      </c>
      <c r="DV30" s="183">
        <v>13</v>
      </c>
      <c r="DW30" s="184">
        <v>19</v>
      </c>
      <c r="DX30" s="184">
        <v>53</v>
      </c>
      <c r="DY30" s="184">
        <v>87</v>
      </c>
      <c r="DZ30" s="182">
        <v>54</v>
      </c>
      <c r="EA30" s="185">
        <v>226</v>
      </c>
      <c r="EB30" s="187">
        <v>226</v>
      </c>
      <c r="EC30" s="32"/>
    </row>
    <row r="31" spans="2:133" ht="21" customHeight="1" x14ac:dyDescent="0.2">
      <c r="B31" s="472" t="s">
        <v>28</v>
      </c>
      <c r="C31" s="181">
        <v>0</v>
      </c>
      <c r="D31" s="182">
        <v>0</v>
      </c>
      <c r="E31" s="182">
        <v>0</v>
      </c>
      <c r="F31" s="183">
        <v>0</v>
      </c>
      <c r="G31" s="184">
        <v>2</v>
      </c>
      <c r="H31" s="184">
        <v>18</v>
      </c>
      <c r="I31" s="184">
        <v>13</v>
      </c>
      <c r="J31" s="182">
        <v>18</v>
      </c>
      <c r="K31" s="185">
        <v>51</v>
      </c>
      <c r="L31" s="186">
        <v>51</v>
      </c>
      <c r="M31" s="181">
        <v>0</v>
      </c>
      <c r="N31" s="182">
        <v>0</v>
      </c>
      <c r="O31" s="185">
        <v>0</v>
      </c>
      <c r="P31" s="183">
        <v>0</v>
      </c>
      <c r="Q31" s="184">
        <v>2</v>
      </c>
      <c r="R31" s="184">
        <v>18</v>
      </c>
      <c r="S31" s="184">
        <v>13</v>
      </c>
      <c r="T31" s="182">
        <v>17</v>
      </c>
      <c r="U31" s="185">
        <v>50</v>
      </c>
      <c r="V31" s="187">
        <v>50</v>
      </c>
      <c r="W31" s="188">
        <v>0</v>
      </c>
      <c r="X31" s="182">
        <v>0</v>
      </c>
      <c r="Y31" s="185">
        <v>0</v>
      </c>
      <c r="Z31" s="188">
        <v>0</v>
      </c>
      <c r="AA31" s="184">
        <v>0</v>
      </c>
      <c r="AB31" s="184">
        <v>0</v>
      </c>
      <c r="AC31" s="184">
        <v>0</v>
      </c>
      <c r="AD31" s="182">
        <v>1</v>
      </c>
      <c r="AE31" s="185">
        <v>1</v>
      </c>
      <c r="AF31" s="189">
        <v>1</v>
      </c>
      <c r="AG31" s="188">
        <v>0</v>
      </c>
      <c r="AH31" s="182">
        <v>0</v>
      </c>
      <c r="AI31" s="185">
        <v>0</v>
      </c>
      <c r="AJ31" s="188">
        <v>4</v>
      </c>
      <c r="AK31" s="184">
        <v>8</v>
      </c>
      <c r="AL31" s="184">
        <v>9</v>
      </c>
      <c r="AM31" s="184">
        <v>6</v>
      </c>
      <c r="AN31" s="182">
        <v>5</v>
      </c>
      <c r="AO31" s="185">
        <v>32</v>
      </c>
      <c r="AP31" s="189">
        <v>32</v>
      </c>
      <c r="AQ31" s="188">
        <v>0</v>
      </c>
      <c r="AR31" s="182">
        <v>0</v>
      </c>
      <c r="AS31" s="185">
        <v>0</v>
      </c>
      <c r="AT31" s="183">
        <v>4</v>
      </c>
      <c r="AU31" s="184">
        <v>8</v>
      </c>
      <c r="AV31" s="184">
        <v>9</v>
      </c>
      <c r="AW31" s="184">
        <v>6</v>
      </c>
      <c r="AX31" s="182">
        <v>5</v>
      </c>
      <c r="AY31" s="185">
        <v>32</v>
      </c>
      <c r="AZ31" s="186">
        <v>32</v>
      </c>
      <c r="BA31" s="181">
        <v>0</v>
      </c>
      <c r="BB31" s="182">
        <v>0</v>
      </c>
      <c r="BC31" s="182">
        <v>0</v>
      </c>
      <c r="BD31" s="183">
        <v>0</v>
      </c>
      <c r="BE31" s="184">
        <v>0</v>
      </c>
      <c r="BF31" s="184">
        <v>0</v>
      </c>
      <c r="BG31" s="184">
        <v>0</v>
      </c>
      <c r="BH31" s="182">
        <v>0</v>
      </c>
      <c r="BI31" s="185">
        <v>0</v>
      </c>
      <c r="BJ31" s="187">
        <v>0</v>
      </c>
      <c r="BK31" s="188">
        <v>0</v>
      </c>
      <c r="BL31" s="182">
        <v>0</v>
      </c>
      <c r="BM31" s="182">
        <v>0</v>
      </c>
      <c r="BN31" s="183">
        <v>0</v>
      </c>
      <c r="BO31" s="184">
        <v>0</v>
      </c>
      <c r="BP31" s="184">
        <v>0</v>
      </c>
      <c r="BQ31" s="184">
        <v>0</v>
      </c>
      <c r="BR31" s="182">
        <v>0</v>
      </c>
      <c r="BS31" s="185">
        <v>0</v>
      </c>
      <c r="BT31" s="186">
        <v>0</v>
      </c>
      <c r="BU31" s="181">
        <v>0</v>
      </c>
      <c r="BV31" s="182">
        <v>0</v>
      </c>
      <c r="BW31" s="182">
        <v>0</v>
      </c>
      <c r="BX31" s="183">
        <v>0</v>
      </c>
      <c r="BY31" s="184">
        <v>0</v>
      </c>
      <c r="BZ31" s="184">
        <v>0</v>
      </c>
      <c r="CA31" s="184">
        <v>0</v>
      </c>
      <c r="CB31" s="182">
        <v>0</v>
      </c>
      <c r="CC31" s="185">
        <v>0</v>
      </c>
      <c r="CD31" s="187">
        <v>0</v>
      </c>
      <c r="CE31" s="188">
        <v>0</v>
      </c>
      <c r="CF31" s="182">
        <v>0</v>
      </c>
      <c r="CG31" s="182">
        <v>0</v>
      </c>
      <c r="CH31" s="183">
        <v>0</v>
      </c>
      <c r="CI31" s="184">
        <v>0</v>
      </c>
      <c r="CJ31" s="184">
        <v>0</v>
      </c>
      <c r="CK31" s="184">
        <v>0</v>
      </c>
      <c r="CL31" s="182">
        <v>0</v>
      </c>
      <c r="CM31" s="185">
        <v>0</v>
      </c>
      <c r="CN31" s="187">
        <v>0</v>
      </c>
      <c r="CO31" s="188">
        <v>0</v>
      </c>
      <c r="CP31" s="182">
        <v>0</v>
      </c>
      <c r="CQ31" s="182">
        <v>0</v>
      </c>
      <c r="CR31" s="183">
        <v>0</v>
      </c>
      <c r="CS31" s="184">
        <v>0</v>
      </c>
      <c r="CT31" s="184">
        <v>0</v>
      </c>
      <c r="CU31" s="184">
        <v>0</v>
      </c>
      <c r="CV31" s="182">
        <v>0</v>
      </c>
      <c r="CW31" s="185">
        <v>0</v>
      </c>
      <c r="CX31" s="186">
        <v>0</v>
      </c>
      <c r="CY31" s="181">
        <v>0</v>
      </c>
      <c r="CZ31" s="182">
        <v>0</v>
      </c>
      <c r="DA31" s="182">
        <v>0</v>
      </c>
      <c r="DB31" s="183">
        <v>0</v>
      </c>
      <c r="DC31" s="184">
        <v>0</v>
      </c>
      <c r="DD31" s="184">
        <v>0</v>
      </c>
      <c r="DE31" s="184">
        <v>0</v>
      </c>
      <c r="DF31" s="182">
        <v>0</v>
      </c>
      <c r="DG31" s="185">
        <v>0</v>
      </c>
      <c r="DH31" s="187">
        <v>0</v>
      </c>
      <c r="DI31" s="188">
        <v>0</v>
      </c>
      <c r="DJ31" s="182">
        <v>0</v>
      </c>
      <c r="DK31" s="182">
        <v>0</v>
      </c>
      <c r="DL31" s="183">
        <v>0</v>
      </c>
      <c r="DM31" s="184">
        <v>0</v>
      </c>
      <c r="DN31" s="184">
        <v>0</v>
      </c>
      <c r="DO31" s="184">
        <v>0</v>
      </c>
      <c r="DP31" s="182">
        <v>0</v>
      </c>
      <c r="DQ31" s="185">
        <v>0</v>
      </c>
      <c r="DR31" s="187">
        <v>0</v>
      </c>
      <c r="DS31" s="188">
        <v>0</v>
      </c>
      <c r="DT31" s="182">
        <v>0</v>
      </c>
      <c r="DU31" s="182">
        <v>0</v>
      </c>
      <c r="DV31" s="183">
        <v>4</v>
      </c>
      <c r="DW31" s="184">
        <v>10</v>
      </c>
      <c r="DX31" s="184">
        <v>27</v>
      </c>
      <c r="DY31" s="184">
        <v>19</v>
      </c>
      <c r="DZ31" s="182">
        <v>23</v>
      </c>
      <c r="EA31" s="185">
        <v>83</v>
      </c>
      <c r="EB31" s="187">
        <v>83</v>
      </c>
      <c r="EC31" s="32"/>
    </row>
    <row r="32" spans="2:133" ht="21" customHeight="1" x14ac:dyDescent="0.2">
      <c r="B32" s="472" t="s">
        <v>29</v>
      </c>
      <c r="C32" s="181">
        <v>0</v>
      </c>
      <c r="D32" s="182">
        <v>0</v>
      </c>
      <c r="E32" s="182">
        <v>0</v>
      </c>
      <c r="F32" s="183">
        <v>0</v>
      </c>
      <c r="G32" s="184">
        <v>2</v>
      </c>
      <c r="H32" s="184">
        <v>12</v>
      </c>
      <c r="I32" s="184">
        <v>30</v>
      </c>
      <c r="J32" s="182">
        <v>19</v>
      </c>
      <c r="K32" s="185">
        <v>63</v>
      </c>
      <c r="L32" s="186">
        <v>63</v>
      </c>
      <c r="M32" s="181">
        <v>0</v>
      </c>
      <c r="N32" s="182">
        <v>0</v>
      </c>
      <c r="O32" s="185">
        <v>0</v>
      </c>
      <c r="P32" s="183">
        <v>0</v>
      </c>
      <c r="Q32" s="184">
        <v>2</v>
      </c>
      <c r="R32" s="184">
        <v>12</v>
      </c>
      <c r="S32" s="184">
        <v>30</v>
      </c>
      <c r="T32" s="182">
        <v>19</v>
      </c>
      <c r="U32" s="185">
        <v>63</v>
      </c>
      <c r="V32" s="187">
        <v>63</v>
      </c>
      <c r="W32" s="188">
        <v>0</v>
      </c>
      <c r="X32" s="182">
        <v>0</v>
      </c>
      <c r="Y32" s="185">
        <v>0</v>
      </c>
      <c r="Z32" s="188">
        <v>0</v>
      </c>
      <c r="AA32" s="184">
        <v>0</v>
      </c>
      <c r="AB32" s="184">
        <v>0</v>
      </c>
      <c r="AC32" s="184">
        <v>0</v>
      </c>
      <c r="AD32" s="182">
        <v>0</v>
      </c>
      <c r="AE32" s="185">
        <v>0</v>
      </c>
      <c r="AF32" s="189">
        <v>0</v>
      </c>
      <c r="AG32" s="188">
        <v>0</v>
      </c>
      <c r="AH32" s="182">
        <v>0</v>
      </c>
      <c r="AI32" s="185">
        <v>0</v>
      </c>
      <c r="AJ32" s="188">
        <v>3</v>
      </c>
      <c r="AK32" s="184">
        <v>10</v>
      </c>
      <c r="AL32" s="184">
        <v>13</v>
      </c>
      <c r="AM32" s="184">
        <v>14</v>
      </c>
      <c r="AN32" s="182">
        <v>8</v>
      </c>
      <c r="AO32" s="185">
        <v>48</v>
      </c>
      <c r="AP32" s="189">
        <v>48</v>
      </c>
      <c r="AQ32" s="188">
        <v>0</v>
      </c>
      <c r="AR32" s="182">
        <v>0</v>
      </c>
      <c r="AS32" s="185">
        <v>0</v>
      </c>
      <c r="AT32" s="183">
        <v>3</v>
      </c>
      <c r="AU32" s="184">
        <v>10</v>
      </c>
      <c r="AV32" s="184">
        <v>13</v>
      </c>
      <c r="AW32" s="184">
        <v>14</v>
      </c>
      <c r="AX32" s="182">
        <v>8</v>
      </c>
      <c r="AY32" s="185">
        <v>48</v>
      </c>
      <c r="AZ32" s="186">
        <v>48</v>
      </c>
      <c r="BA32" s="181">
        <v>0</v>
      </c>
      <c r="BB32" s="182">
        <v>0</v>
      </c>
      <c r="BC32" s="182">
        <v>0</v>
      </c>
      <c r="BD32" s="183">
        <v>0</v>
      </c>
      <c r="BE32" s="184">
        <v>0</v>
      </c>
      <c r="BF32" s="184">
        <v>0</v>
      </c>
      <c r="BG32" s="184">
        <v>0</v>
      </c>
      <c r="BH32" s="182">
        <v>0</v>
      </c>
      <c r="BI32" s="185">
        <v>0</v>
      </c>
      <c r="BJ32" s="187">
        <v>0</v>
      </c>
      <c r="BK32" s="188">
        <v>0</v>
      </c>
      <c r="BL32" s="182">
        <v>0</v>
      </c>
      <c r="BM32" s="182">
        <v>0</v>
      </c>
      <c r="BN32" s="183">
        <v>0</v>
      </c>
      <c r="BO32" s="184">
        <v>0</v>
      </c>
      <c r="BP32" s="184">
        <v>0</v>
      </c>
      <c r="BQ32" s="184">
        <v>0</v>
      </c>
      <c r="BR32" s="182">
        <v>0</v>
      </c>
      <c r="BS32" s="185">
        <v>0</v>
      </c>
      <c r="BT32" s="186">
        <v>0</v>
      </c>
      <c r="BU32" s="181">
        <v>0</v>
      </c>
      <c r="BV32" s="182">
        <v>0</v>
      </c>
      <c r="BW32" s="182">
        <v>0</v>
      </c>
      <c r="BX32" s="183">
        <v>0</v>
      </c>
      <c r="BY32" s="184">
        <v>0</v>
      </c>
      <c r="BZ32" s="184">
        <v>0</v>
      </c>
      <c r="CA32" s="184">
        <v>0</v>
      </c>
      <c r="CB32" s="182">
        <v>0</v>
      </c>
      <c r="CC32" s="185">
        <v>0</v>
      </c>
      <c r="CD32" s="187">
        <v>0</v>
      </c>
      <c r="CE32" s="188">
        <v>0</v>
      </c>
      <c r="CF32" s="182">
        <v>0</v>
      </c>
      <c r="CG32" s="182">
        <v>0</v>
      </c>
      <c r="CH32" s="183">
        <v>0</v>
      </c>
      <c r="CI32" s="184">
        <v>0</v>
      </c>
      <c r="CJ32" s="184">
        <v>0</v>
      </c>
      <c r="CK32" s="184">
        <v>0</v>
      </c>
      <c r="CL32" s="182">
        <v>0</v>
      </c>
      <c r="CM32" s="185">
        <v>0</v>
      </c>
      <c r="CN32" s="187">
        <v>0</v>
      </c>
      <c r="CO32" s="188">
        <v>0</v>
      </c>
      <c r="CP32" s="182">
        <v>0</v>
      </c>
      <c r="CQ32" s="182">
        <v>0</v>
      </c>
      <c r="CR32" s="183">
        <v>0</v>
      </c>
      <c r="CS32" s="184">
        <v>0</v>
      </c>
      <c r="CT32" s="184">
        <v>0</v>
      </c>
      <c r="CU32" s="184">
        <v>0</v>
      </c>
      <c r="CV32" s="182">
        <v>0</v>
      </c>
      <c r="CW32" s="185">
        <v>0</v>
      </c>
      <c r="CX32" s="186">
        <v>0</v>
      </c>
      <c r="CY32" s="181">
        <v>0</v>
      </c>
      <c r="CZ32" s="182">
        <v>0</v>
      </c>
      <c r="DA32" s="182">
        <v>0</v>
      </c>
      <c r="DB32" s="183">
        <v>0</v>
      </c>
      <c r="DC32" s="184">
        <v>0</v>
      </c>
      <c r="DD32" s="184">
        <v>0</v>
      </c>
      <c r="DE32" s="184">
        <v>0</v>
      </c>
      <c r="DF32" s="182">
        <v>0</v>
      </c>
      <c r="DG32" s="185">
        <v>0</v>
      </c>
      <c r="DH32" s="187">
        <v>0</v>
      </c>
      <c r="DI32" s="188">
        <v>0</v>
      </c>
      <c r="DJ32" s="182">
        <v>0</v>
      </c>
      <c r="DK32" s="182">
        <v>0</v>
      </c>
      <c r="DL32" s="183">
        <v>0</v>
      </c>
      <c r="DM32" s="184">
        <v>0</v>
      </c>
      <c r="DN32" s="184">
        <v>0</v>
      </c>
      <c r="DO32" s="184">
        <v>0</v>
      </c>
      <c r="DP32" s="182">
        <v>0</v>
      </c>
      <c r="DQ32" s="185">
        <v>0</v>
      </c>
      <c r="DR32" s="187">
        <v>0</v>
      </c>
      <c r="DS32" s="188">
        <v>0</v>
      </c>
      <c r="DT32" s="182">
        <v>0</v>
      </c>
      <c r="DU32" s="182">
        <v>0</v>
      </c>
      <c r="DV32" s="183">
        <v>3</v>
      </c>
      <c r="DW32" s="184">
        <v>12</v>
      </c>
      <c r="DX32" s="184">
        <v>25</v>
      </c>
      <c r="DY32" s="184">
        <v>44</v>
      </c>
      <c r="DZ32" s="182">
        <v>27</v>
      </c>
      <c r="EA32" s="185">
        <v>111</v>
      </c>
      <c r="EB32" s="187">
        <v>111</v>
      </c>
      <c r="EC32" s="32"/>
    </row>
    <row r="33" spans="2:133" ht="21" customHeight="1" x14ac:dyDescent="0.2">
      <c r="B33" s="472" t="s">
        <v>30</v>
      </c>
      <c r="C33" s="181">
        <v>0</v>
      </c>
      <c r="D33" s="182">
        <v>0</v>
      </c>
      <c r="E33" s="182">
        <v>0</v>
      </c>
      <c r="F33" s="183">
        <v>0</v>
      </c>
      <c r="G33" s="184">
        <v>1</v>
      </c>
      <c r="H33" s="184">
        <v>27</v>
      </c>
      <c r="I33" s="184">
        <v>31</v>
      </c>
      <c r="J33" s="182">
        <v>15</v>
      </c>
      <c r="K33" s="185">
        <v>74</v>
      </c>
      <c r="L33" s="186">
        <v>74</v>
      </c>
      <c r="M33" s="181">
        <v>0</v>
      </c>
      <c r="N33" s="182">
        <v>0</v>
      </c>
      <c r="O33" s="185">
        <v>0</v>
      </c>
      <c r="P33" s="183">
        <v>0</v>
      </c>
      <c r="Q33" s="184">
        <v>1</v>
      </c>
      <c r="R33" s="184">
        <v>27</v>
      </c>
      <c r="S33" s="184">
        <v>31</v>
      </c>
      <c r="T33" s="182">
        <v>15</v>
      </c>
      <c r="U33" s="185">
        <v>74</v>
      </c>
      <c r="V33" s="187">
        <v>74</v>
      </c>
      <c r="W33" s="188">
        <v>0</v>
      </c>
      <c r="X33" s="182">
        <v>0</v>
      </c>
      <c r="Y33" s="185">
        <v>0</v>
      </c>
      <c r="Z33" s="188">
        <v>0</v>
      </c>
      <c r="AA33" s="184">
        <v>0</v>
      </c>
      <c r="AB33" s="184">
        <v>0</v>
      </c>
      <c r="AC33" s="184">
        <v>0</v>
      </c>
      <c r="AD33" s="182">
        <v>0</v>
      </c>
      <c r="AE33" s="185">
        <v>0</v>
      </c>
      <c r="AF33" s="189">
        <v>0</v>
      </c>
      <c r="AG33" s="188">
        <v>0</v>
      </c>
      <c r="AH33" s="182">
        <v>0</v>
      </c>
      <c r="AI33" s="185">
        <v>0</v>
      </c>
      <c r="AJ33" s="188">
        <v>11</v>
      </c>
      <c r="AK33" s="184">
        <v>2</v>
      </c>
      <c r="AL33" s="184">
        <v>12</v>
      </c>
      <c r="AM33" s="184">
        <v>16</v>
      </c>
      <c r="AN33" s="182">
        <v>6</v>
      </c>
      <c r="AO33" s="185">
        <v>47</v>
      </c>
      <c r="AP33" s="189">
        <v>47</v>
      </c>
      <c r="AQ33" s="188">
        <v>0</v>
      </c>
      <c r="AR33" s="182">
        <v>0</v>
      </c>
      <c r="AS33" s="185">
        <v>0</v>
      </c>
      <c r="AT33" s="183">
        <v>11</v>
      </c>
      <c r="AU33" s="184">
        <v>2</v>
      </c>
      <c r="AV33" s="184">
        <v>11</v>
      </c>
      <c r="AW33" s="184">
        <v>16</v>
      </c>
      <c r="AX33" s="182">
        <v>6</v>
      </c>
      <c r="AY33" s="185">
        <v>46</v>
      </c>
      <c r="AZ33" s="186">
        <v>46</v>
      </c>
      <c r="BA33" s="181">
        <v>0</v>
      </c>
      <c r="BB33" s="182">
        <v>0</v>
      </c>
      <c r="BC33" s="182">
        <v>0</v>
      </c>
      <c r="BD33" s="183">
        <v>0</v>
      </c>
      <c r="BE33" s="184">
        <v>0</v>
      </c>
      <c r="BF33" s="184">
        <v>1</v>
      </c>
      <c r="BG33" s="184">
        <v>0</v>
      </c>
      <c r="BH33" s="182">
        <v>0</v>
      </c>
      <c r="BI33" s="185">
        <v>1</v>
      </c>
      <c r="BJ33" s="187">
        <v>1</v>
      </c>
      <c r="BK33" s="188">
        <v>0</v>
      </c>
      <c r="BL33" s="182">
        <v>0</v>
      </c>
      <c r="BM33" s="182">
        <v>0</v>
      </c>
      <c r="BN33" s="183">
        <v>0</v>
      </c>
      <c r="BO33" s="184">
        <v>0</v>
      </c>
      <c r="BP33" s="184">
        <v>0</v>
      </c>
      <c r="BQ33" s="184">
        <v>0</v>
      </c>
      <c r="BR33" s="182">
        <v>0</v>
      </c>
      <c r="BS33" s="185">
        <v>0</v>
      </c>
      <c r="BT33" s="186">
        <v>0</v>
      </c>
      <c r="BU33" s="181">
        <v>0</v>
      </c>
      <c r="BV33" s="182">
        <v>0</v>
      </c>
      <c r="BW33" s="182">
        <v>0</v>
      </c>
      <c r="BX33" s="183">
        <v>0</v>
      </c>
      <c r="BY33" s="184">
        <v>0</v>
      </c>
      <c r="BZ33" s="184">
        <v>0</v>
      </c>
      <c r="CA33" s="184">
        <v>0</v>
      </c>
      <c r="CB33" s="182">
        <v>0</v>
      </c>
      <c r="CC33" s="185">
        <v>0</v>
      </c>
      <c r="CD33" s="187">
        <v>0</v>
      </c>
      <c r="CE33" s="188">
        <v>0</v>
      </c>
      <c r="CF33" s="182">
        <v>0</v>
      </c>
      <c r="CG33" s="182">
        <v>0</v>
      </c>
      <c r="CH33" s="183">
        <v>0</v>
      </c>
      <c r="CI33" s="184">
        <v>0</v>
      </c>
      <c r="CJ33" s="184">
        <v>0</v>
      </c>
      <c r="CK33" s="184">
        <v>0</v>
      </c>
      <c r="CL33" s="182">
        <v>0</v>
      </c>
      <c r="CM33" s="185">
        <v>0</v>
      </c>
      <c r="CN33" s="187">
        <v>0</v>
      </c>
      <c r="CO33" s="188">
        <v>0</v>
      </c>
      <c r="CP33" s="182">
        <v>0</v>
      </c>
      <c r="CQ33" s="182">
        <v>0</v>
      </c>
      <c r="CR33" s="183">
        <v>0</v>
      </c>
      <c r="CS33" s="184">
        <v>0</v>
      </c>
      <c r="CT33" s="184">
        <v>2</v>
      </c>
      <c r="CU33" s="184">
        <v>1</v>
      </c>
      <c r="CV33" s="182">
        <v>1</v>
      </c>
      <c r="CW33" s="185">
        <v>4</v>
      </c>
      <c r="CX33" s="186">
        <v>4</v>
      </c>
      <c r="CY33" s="181">
        <v>0</v>
      </c>
      <c r="CZ33" s="182">
        <v>0</v>
      </c>
      <c r="DA33" s="182">
        <v>0</v>
      </c>
      <c r="DB33" s="183">
        <v>0</v>
      </c>
      <c r="DC33" s="184">
        <v>0</v>
      </c>
      <c r="DD33" s="184">
        <v>2</v>
      </c>
      <c r="DE33" s="184">
        <v>1</v>
      </c>
      <c r="DF33" s="182">
        <v>0</v>
      </c>
      <c r="DG33" s="185">
        <v>3</v>
      </c>
      <c r="DH33" s="187">
        <v>3</v>
      </c>
      <c r="DI33" s="188">
        <v>0</v>
      </c>
      <c r="DJ33" s="182">
        <v>0</v>
      </c>
      <c r="DK33" s="182">
        <v>0</v>
      </c>
      <c r="DL33" s="183">
        <v>0</v>
      </c>
      <c r="DM33" s="184">
        <v>0</v>
      </c>
      <c r="DN33" s="184">
        <v>0</v>
      </c>
      <c r="DO33" s="184">
        <v>0</v>
      </c>
      <c r="DP33" s="182">
        <v>1</v>
      </c>
      <c r="DQ33" s="185">
        <v>1</v>
      </c>
      <c r="DR33" s="187">
        <v>1</v>
      </c>
      <c r="DS33" s="188">
        <v>0</v>
      </c>
      <c r="DT33" s="182">
        <v>0</v>
      </c>
      <c r="DU33" s="182">
        <v>0</v>
      </c>
      <c r="DV33" s="183">
        <v>11</v>
      </c>
      <c r="DW33" s="184">
        <v>3</v>
      </c>
      <c r="DX33" s="184">
        <v>41</v>
      </c>
      <c r="DY33" s="184">
        <v>47</v>
      </c>
      <c r="DZ33" s="182">
        <v>22</v>
      </c>
      <c r="EA33" s="185">
        <v>124</v>
      </c>
      <c r="EB33" s="187">
        <v>124</v>
      </c>
      <c r="EC33" s="32"/>
    </row>
    <row r="34" spans="2:133" ht="21" customHeight="1" x14ac:dyDescent="0.2">
      <c r="B34" s="472" t="s">
        <v>31</v>
      </c>
      <c r="C34" s="181">
        <v>0</v>
      </c>
      <c r="D34" s="182">
        <v>0</v>
      </c>
      <c r="E34" s="182">
        <v>0</v>
      </c>
      <c r="F34" s="183">
        <v>1</v>
      </c>
      <c r="G34" s="184">
        <v>2</v>
      </c>
      <c r="H34" s="184">
        <v>25</v>
      </c>
      <c r="I34" s="184">
        <v>32</v>
      </c>
      <c r="J34" s="182">
        <v>23</v>
      </c>
      <c r="K34" s="185">
        <v>83</v>
      </c>
      <c r="L34" s="186">
        <v>83</v>
      </c>
      <c r="M34" s="181">
        <v>0</v>
      </c>
      <c r="N34" s="182">
        <v>0</v>
      </c>
      <c r="O34" s="185">
        <v>0</v>
      </c>
      <c r="P34" s="183">
        <v>1</v>
      </c>
      <c r="Q34" s="184">
        <v>2</v>
      </c>
      <c r="R34" s="184">
        <v>25</v>
      </c>
      <c r="S34" s="184">
        <v>32</v>
      </c>
      <c r="T34" s="182">
        <v>23</v>
      </c>
      <c r="U34" s="185">
        <v>83</v>
      </c>
      <c r="V34" s="187">
        <v>83</v>
      </c>
      <c r="W34" s="188">
        <v>0</v>
      </c>
      <c r="X34" s="182">
        <v>0</v>
      </c>
      <c r="Y34" s="185">
        <v>0</v>
      </c>
      <c r="Z34" s="188">
        <v>0</v>
      </c>
      <c r="AA34" s="184">
        <v>0</v>
      </c>
      <c r="AB34" s="184">
        <v>0</v>
      </c>
      <c r="AC34" s="184">
        <v>0</v>
      </c>
      <c r="AD34" s="182">
        <v>0</v>
      </c>
      <c r="AE34" s="185">
        <v>0</v>
      </c>
      <c r="AF34" s="189">
        <v>0</v>
      </c>
      <c r="AG34" s="188">
        <v>0</v>
      </c>
      <c r="AH34" s="182">
        <v>0</v>
      </c>
      <c r="AI34" s="185">
        <v>0</v>
      </c>
      <c r="AJ34" s="188">
        <v>2</v>
      </c>
      <c r="AK34" s="184">
        <v>11</v>
      </c>
      <c r="AL34" s="184">
        <v>8</v>
      </c>
      <c r="AM34" s="184">
        <v>12</v>
      </c>
      <c r="AN34" s="182">
        <v>6</v>
      </c>
      <c r="AO34" s="185">
        <v>39</v>
      </c>
      <c r="AP34" s="189">
        <v>39</v>
      </c>
      <c r="AQ34" s="188">
        <v>0</v>
      </c>
      <c r="AR34" s="182">
        <v>0</v>
      </c>
      <c r="AS34" s="185">
        <v>0</v>
      </c>
      <c r="AT34" s="183">
        <v>2</v>
      </c>
      <c r="AU34" s="184">
        <v>11</v>
      </c>
      <c r="AV34" s="184">
        <v>8</v>
      </c>
      <c r="AW34" s="184">
        <v>12</v>
      </c>
      <c r="AX34" s="182">
        <v>6</v>
      </c>
      <c r="AY34" s="185">
        <v>39</v>
      </c>
      <c r="AZ34" s="186">
        <v>39</v>
      </c>
      <c r="BA34" s="181">
        <v>0</v>
      </c>
      <c r="BB34" s="182">
        <v>0</v>
      </c>
      <c r="BC34" s="182">
        <v>0</v>
      </c>
      <c r="BD34" s="183">
        <v>0</v>
      </c>
      <c r="BE34" s="184">
        <v>0</v>
      </c>
      <c r="BF34" s="184">
        <v>0</v>
      </c>
      <c r="BG34" s="184">
        <v>0</v>
      </c>
      <c r="BH34" s="182">
        <v>0</v>
      </c>
      <c r="BI34" s="185">
        <v>0</v>
      </c>
      <c r="BJ34" s="187">
        <v>0</v>
      </c>
      <c r="BK34" s="188">
        <v>0</v>
      </c>
      <c r="BL34" s="182">
        <v>0</v>
      </c>
      <c r="BM34" s="182">
        <v>0</v>
      </c>
      <c r="BN34" s="183">
        <v>0</v>
      </c>
      <c r="BO34" s="184">
        <v>0</v>
      </c>
      <c r="BP34" s="184">
        <v>0</v>
      </c>
      <c r="BQ34" s="184">
        <v>0</v>
      </c>
      <c r="BR34" s="182">
        <v>0</v>
      </c>
      <c r="BS34" s="185">
        <v>0</v>
      </c>
      <c r="BT34" s="186">
        <v>0</v>
      </c>
      <c r="BU34" s="181">
        <v>0</v>
      </c>
      <c r="BV34" s="182">
        <v>0</v>
      </c>
      <c r="BW34" s="182">
        <v>0</v>
      </c>
      <c r="BX34" s="183">
        <v>0</v>
      </c>
      <c r="BY34" s="184">
        <v>0</v>
      </c>
      <c r="BZ34" s="184">
        <v>0</v>
      </c>
      <c r="CA34" s="184">
        <v>0</v>
      </c>
      <c r="CB34" s="182">
        <v>0</v>
      </c>
      <c r="CC34" s="185">
        <v>0</v>
      </c>
      <c r="CD34" s="187">
        <v>0</v>
      </c>
      <c r="CE34" s="188">
        <v>0</v>
      </c>
      <c r="CF34" s="182">
        <v>0</v>
      </c>
      <c r="CG34" s="182">
        <v>0</v>
      </c>
      <c r="CH34" s="183">
        <v>0</v>
      </c>
      <c r="CI34" s="184">
        <v>0</v>
      </c>
      <c r="CJ34" s="184">
        <v>0</v>
      </c>
      <c r="CK34" s="184">
        <v>0</v>
      </c>
      <c r="CL34" s="182">
        <v>0</v>
      </c>
      <c r="CM34" s="185">
        <v>0</v>
      </c>
      <c r="CN34" s="187">
        <v>0</v>
      </c>
      <c r="CO34" s="188">
        <v>0</v>
      </c>
      <c r="CP34" s="182">
        <v>0</v>
      </c>
      <c r="CQ34" s="182">
        <v>0</v>
      </c>
      <c r="CR34" s="183">
        <v>1</v>
      </c>
      <c r="CS34" s="184">
        <v>1</v>
      </c>
      <c r="CT34" s="184">
        <v>0</v>
      </c>
      <c r="CU34" s="184">
        <v>3</v>
      </c>
      <c r="CV34" s="182">
        <v>0</v>
      </c>
      <c r="CW34" s="185">
        <v>5</v>
      </c>
      <c r="CX34" s="186">
        <v>5</v>
      </c>
      <c r="CY34" s="181">
        <v>0</v>
      </c>
      <c r="CZ34" s="182">
        <v>0</v>
      </c>
      <c r="DA34" s="182">
        <v>0</v>
      </c>
      <c r="DB34" s="183">
        <v>1</v>
      </c>
      <c r="DC34" s="184">
        <v>1</v>
      </c>
      <c r="DD34" s="184">
        <v>0</v>
      </c>
      <c r="DE34" s="184">
        <v>3</v>
      </c>
      <c r="DF34" s="182">
        <v>0</v>
      </c>
      <c r="DG34" s="185">
        <v>5</v>
      </c>
      <c r="DH34" s="187">
        <v>5</v>
      </c>
      <c r="DI34" s="188">
        <v>0</v>
      </c>
      <c r="DJ34" s="182">
        <v>0</v>
      </c>
      <c r="DK34" s="182">
        <v>0</v>
      </c>
      <c r="DL34" s="183">
        <v>0</v>
      </c>
      <c r="DM34" s="184">
        <v>0</v>
      </c>
      <c r="DN34" s="184">
        <v>0</v>
      </c>
      <c r="DO34" s="184">
        <v>0</v>
      </c>
      <c r="DP34" s="182">
        <v>0</v>
      </c>
      <c r="DQ34" s="185">
        <v>0</v>
      </c>
      <c r="DR34" s="187">
        <v>0</v>
      </c>
      <c r="DS34" s="188">
        <v>0</v>
      </c>
      <c r="DT34" s="182">
        <v>0</v>
      </c>
      <c r="DU34" s="182">
        <v>0</v>
      </c>
      <c r="DV34" s="183">
        <v>4</v>
      </c>
      <c r="DW34" s="184">
        <v>14</v>
      </c>
      <c r="DX34" s="184">
        <v>33</v>
      </c>
      <c r="DY34" s="184">
        <v>47</v>
      </c>
      <c r="DZ34" s="182">
        <v>29</v>
      </c>
      <c r="EA34" s="185">
        <v>127</v>
      </c>
      <c r="EB34" s="187">
        <v>127</v>
      </c>
      <c r="EC34" s="32"/>
    </row>
    <row r="35" spans="2:133" ht="21" customHeight="1" x14ac:dyDescent="0.2">
      <c r="B35" s="472" t="s">
        <v>32</v>
      </c>
      <c r="C35" s="181">
        <v>0</v>
      </c>
      <c r="D35" s="182">
        <v>0</v>
      </c>
      <c r="E35" s="182">
        <v>0</v>
      </c>
      <c r="F35" s="183">
        <v>2</v>
      </c>
      <c r="G35" s="184">
        <v>0</v>
      </c>
      <c r="H35" s="184">
        <v>12</v>
      </c>
      <c r="I35" s="184">
        <v>24</v>
      </c>
      <c r="J35" s="182">
        <v>18</v>
      </c>
      <c r="K35" s="185">
        <v>56</v>
      </c>
      <c r="L35" s="186">
        <v>56</v>
      </c>
      <c r="M35" s="181">
        <v>0</v>
      </c>
      <c r="N35" s="182">
        <v>0</v>
      </c>
      <c r="O35" s="185">
        <v>0</v>
      </c>
      <c r="P35" s="183">
        <v>2</v>
      </c>
      <c r="Q35" s="184">
        <v>0</v>
      </c>
      <c r="R35" s="184">
        <v>12</v>
      </c>
      <c r="S35" s="184">
        <v>24</v>
      </c>
      <c r="T35" s="182">
        <v>17</v>
      </c>
      <c r="U35" s="185">
        <v>55</v>
      </c>
      <c r="V35" s="187">
        <v>55</v>
      </c>
      <c r="W35" s="188">
        <v>0</v>
      </c>
      <c r="X35" s="182">
        <v>0</v>
      </c>
      <c r="Y35" s="185">
        <v>0</v>
      </c>
      <c r="Z35" s="188">
        <v>0</v>
      </c>
      <c r="AA35" s="184">
        <v>0</v>
      </c>
      <c r="AB35" s="184">
        <v>0</v>
      </c>
      <c r="AC35" s="184">
        <v>0</v>
      </c>
      <c r="AD35" s="182">
        <v>1</v>
      </c>
      <c r="AE35" s="185">
        <v>1</v>
      </c>
      <c r="AF35" s="189">
        <v>1</v>
      </c>
      <c r="AG35" s="188">
        <v>0</v>
      </c>
      <c r="AH35" s="182">
        <v>0</v>
      </c>
      <c r="AI35" s="185">
        <v>0</v>
      </c>
      <c r="AJ35" s="188">
        <v>4</v>
      </c>
      <c r="AK35" s="184">
        <v>7</v>
      </c>
      <c r="AL35" s="184">
        <v>14</v>
      </c>
      <c r="AM35" s="184">
        <v>19</v>
      </c>
      <c r="AN35" s="182">
        <v>5</v>
      </c>
      <c r="AO35" s="185">
        <v>49</v>
      </c>
      <c r="AP35" s="189">
        <v>49</v>
      </c>
      <c r="AQ35" s="188">
        <v>0</v>
      </c>
      <c r="AR35" s="182">
        <v>0</v>
      </c>
      <c r="AS35" s="185">
        <v>0</v>
      </c>
      <c r="AT35" s="183">
        <v>4</v>
      </c>
      <c r="AU35" s="184">
        <v>7</v>
      </c>
      <c r="AV35" s="184">
        <v>14</v>
      </c>
      <c r="AW35" s="184">
        <v>19</v>
      </c>
      <c r="AX35" s="182">
        <v>5</v>
      </c>
      <c r="AY35" s="185">
        <v>49</v>
      </c>
      <c r="AZ35" s="186">
        <v>49</v>
      </c>
      <c r="BA35" s="181">
        <v>0</v>
      </c>
      <c r="BB35" s="182">
        <v>0</v>
      </c>
      <c r="BC35" s="182">
        <v>0</v>
      </c>
      <c r="BD35" s="183">
        <v>0</v>
      </c>
      <c r="BE35" s="184">
        <v>0</v>
      </c>
      <c r="BF35" s="184">
        <v>0</v>
      </c>
      <c r="BG35" s="184">
        <v>0</v>
      </c>
      <c r="BH35" s="182">
        <v>0</v>
      </c>
      <c r="BI35" s="185">
        <v>0</v>
      </c>
      <c r="BJ35" s="187">
        <v>0</v>
      </c>
      <c r="BK35" s="188">
        <v>0</v>
      </c>
      <c r="BL35" s="182">
        <v>0</v>
      </c>
      <c r="BM35" s="182">
        <v>0</v>
      </c>
      <c r="BN35" s="183">
        <v>0</v>
      </c>
      <c r="BO35" s="184">
        <v>0</v>
      </c>
      <c r="BP35" s="184">
        <v>0</v>
      </c>
      <c r="BQ35" s="184">
        <v>0</v>
      </c>
      <c r="BR35" s="182">
        <v>0</v>
      </c>
      <c r="BS35" s="185">
        <v>0</v>
      </c>
      <c r="BT35" s="186">
        <v>0</v>
      </c>
      <c r="BU35" s="181">
        <v>0</v>
      </c>
      <c r="BV35" s="182">
        <v>0</v>
      </c>
      <c r="BW35" s="182">
        <v>0</v>
      </c>
      <c r="BX35" s="183">
        <v>0</v>
      </c>
      <c r="BY35" s="184">
        <v>0</v>
      </c>
      <c r="BZ35" s="184">
        <v>0</v>
      </c>
      <c r="CA35" s="184">
        <v>0</v>
      </c>
      <c r="CB35" s="182">
        <v>0</v>
      </c>
      <c r="CC35" s="185">
        <v>0</v>
      </c>
      <c r="CD35" s="187">
        <v>0</v>
      </c>
      <c r="CE35" s="188">
        <v>0</v>
      </c>
      <c r="CF35" s="182">
        <v>0</v>
      </c>
      <c r="CG35" s="182">
        <v>0</v>
      </c>
      <c r="CH35" s="183">
        <v>0</v>
      </c>
      <c r="CI35" s="184">
        <v>0</v>
      </c>
      <c r="CJ35" s="184">
        <v>0</v>
      </c>
      <c r="CK35" s="184">
        <v>0</v>
      </c>
      <c r="CL35" s="182">
        <v>0</v>
      </c>
      <c r="CM35" s="185">
        <v>0</v>
      </c>
      <c r="CN35" s="187">
        <v>0</v>
      </c>
      <c r="CO35" s="188">
        <v>0</v>
      </c>
      <c r="CP35" s="182">
        <v>0</v>
      </c>
      <c r="CQ35" s="182">
        <v>0</v>
      </c>
      <c r="CR35" s="183">
        <v>0</v>
      </c>
      <c r="CS35" s="184">
        <v>1</v>
      </c>
      <c r="CT35" s="184">
        <v>2</v>
      </c>
      <c r="CU35" s="184">
        <v>0</v>
      </c>
      <c r="CV35" s="182">
        <v>1</v>
      </c>
      <c r="CW35" s="185">
        <v>4</v>
      </c>
      <c r="CX35" s="186">
        <v>4</v>
      </c>
      <c r="CY35" s="181">
        <v>0</v>
      </c>
      <c r="CZ35" s="182">
        <v>0</v>
      </c>
      <c r="DA35" s="182">
        <v>0</v>
      </c>
      <c r="DB35" s="183">
        <v>0</v>
      </c>
      <c r="DC35" s="184">
        <v>1</v>
      </c>
      <c r="DD35" s="184">
        <v>2</v>
      </c>
      <c r="DE35" s="184">
        <v>0</v>
      </c>
      <c r="DF35" s="182">
        <v>1</v>
      </c>
      <c r="DG35" s="185">
        <v>4</v>
      </c>
      <c r="DH35" s="187">
        <v>4</v>
      </c>
      <c r="DI35" s="188">
        <v>0</v>
      </c>
      <c r="DJ35" s="182">
        <v>0</v>
      </c>
      <c r="DK35" s="182">
        <v>0</v>
      </c>
      <c r="DL35" s="183">
        <v>0</v>
      </c>
      <c r="DM35" s="184">
        <v>0</v>
      </c>
      <c r="DN35" s="184">
        <v>0</v>
      </c>
      <c r="DO35" s="184">
        <v>0</v>
      </c>
      <c r="DP35" s="182">
        <v>0</v>
      </c>
      <c r="DQ35" s="185">
        <v>0</v>
      </c>
      <c r="DR35" s="187">
        <v>0</v>
      </c>
      <c r="DS35" s="188">
        <v>0</v>
      </c>
      <c r="DT35" s="182">
        <v>0</v>
      </c>
      <c r="DU35" s="182">
        <v>0</v>
      </c>
      <c r="DV35" s="183">
        <v>6</v>
      </c>
      <c r="DW35" s="184">
        <v>8</v>
      </c>
      <c r="DX35" s="184">
        <v>28</v>
      </c>
      <c r="DY35" s="184">
        <v>43</v>
      </c>
      <c r="DZ35" s="182">
        <v>24</v>
      </c>
      <c r="EA35" s="185">
        <v>109</v>
      </c>
      <c r="EB35" s="187">
        <v>109</v>
      </c>
      <c r="EC35" s="32"/>
    </row>
    <row r="36" spans="2:133" ht="21" customHeight="1" x14ac:dyDescent="0.2">
      <c r="B36" s="472" t="s">
        <v>33</v>
      </c>
      <c r="C36" s="181">
        <v>0</v>
      </c>
      <c r="D36" s="182">
        <v>0</v>
      </c>
      <c r="E36" s="182">
        <v>0</v>
      </c>
      <c r="F36" s="183">
        <v>0</v>
      </c>
      <c r="G36" s="184">
        <v>6</v>
      </c>
      <c r="H36" s="184">
        <v>21</v>
      </c>
      <c r="I36" s="184">
        <v>33</v>
      </c>
      <c r="J36" s="182">
        <v>22</v>
      </c>
      <c r="K36" s="185">
        <v>82</v>
      </c>
      <c r="L36" s="186">
        <v>82</v>
      </c>
      <c r="M36" s="181">
        <v>0</v>
      </c>
      <c r="N36" s="182">
        <v>0</v>
      </c>
      <c r="O36" s="185">
        <v>0</v>
      </c>
      <c r="P36" s="183">
        <v>0</v>
      </c>
      <c r="Q36" s="184">
        <v>6</v>
      </c>
      <c r="R36" s="184">
        <v>21</v>
      </c>
      <c r="S36" s="184">
        <v>33</v>
      </c>
      <c r="T36" s="182">
        <v>22</v>
      </c>
      <c r="U36" s="185">
        <v>82</v>
      </c>
      <c r="V36" s="187">
        <v>82</v>
      </c>
      <c r="W36" s="188">
        <v>0</v>
      </c>
      <c r="X36" s="182">
        <v>0</v>
      </c>
      <c r="Y36" s="185">
        <v>0</v>
      </c>
      <c r="Z36" s="188">
        <v>0</v>
      </c>
      <c r="AA36" s="184">
        <v>0</v>
      </c>
      <c r="AB36" s="184">
        <v>0</v>
      </c>
      <c r="AC36" s="184">
        <v>0</v>
      </c>
      <c r="AD36" s="182">
        <v>0</v>
      </c>
      <c r="AE36" s="185">
        <v>0</v>
      </c>
      <c r="AF36" s="189">
        <v>0</v>
      </c>
      <c r="AG36" s="188">
        <v>0</v>
      </c>
      <c r="AH36" s="182">
        <v>0</v>
      </c>
      <c r="AI36" s="185">
        <v>0</v>
      </c>
      <c r="AJ36" s="188">
        <v>6</v>
      </c>
      <c r="AK36" s="184">
        <v>10</v>
      </c>
      <c r="AL36" s="184">
        <v>11</v>
      </c>
      <c r="AM36" s="184">
        <v>19</v>
      </c>
      <c r="AN36" s="182">
        <v>5</v>
      </c>
      <c r="AO36" s="185">
        <v>51</v>
      </c>
      <c r="AP36" s="189">
        <v>51</v>
      </c>
      <c r="AQ36" s="188">
        <v>0</v>
      </c>
      <c r="AR36" s="182">
        <v>0</v>
      </c>
      <c r="AS36" s="185">
        <v>0</v>
      </c>
      <c r="AT36" s="183">
        <v>6</v>
      </c>
      <c r="AU36" s="184">
        <v>10</v>
      </c>
      <c r="AV36" s="184">
        <v>11</v>
      </c>
      <c r="AW36" s="184">
        <v>19</v>
      </c>
      <c r="AX36" s="182">
        <v>5</v>
      </c>
      <c r="AY36" s="185">
        <v>51</v>
      </c>
      <c r="AZ36" s="186">
        <v>51</v>
      </c>
      <c r="BA36" s="181">
        <v>0</v>
      </c>
      <c r="BB36" s="182">
        <v>0</v>
      </c>
      <c r="BC36" s="182">
        <v>0</v>
      </c>
      <c r="BD36" s="183">
        <v>0</v>
      </c>
      <c r="BE36" s="184">
        <v>0</v>
      </c>
      <c r="BF36" s="184">
        <v>0</v>
      </c>
      <c r="BG36" s="184">
        <v>0</v>
      </c>
      <c r="BH36" s="182">
        <v>0</v>
      </c>
      <c r="BI36" s="185">
        <v>0</v>
      </c>
      <c r="BJ36" s="187">
        <v>0</v>
      </c>
      <c r="BK36" s="188">
        <v>0</v>
      </c>
      <c r="BL36" s="182">
        <v>0</v>
      </c>
      <c r="BM36" s="182">
        <v>0</v>
      </c>
      <c r="BN36" s="183">
        <v>0</v>
      </c>
      <c r="BO36" s="184">
        <v>0</v>
      </c>
      <c r="BP36" s="184">
        <v>0</v>
      </c>
      <c r="BQ36" s="184">
        <v>0</v>
      </c>
      <c r="BR36" s="182">
        <v>0</v>
      </c>
      <c r="BS36" s="185">
        <v>0</v>
      </c>
      <c r="BT36" s="186">
        <v>0</v>
      </c>
      <c r="BU36" s="181">
        <v>0</v>
      </c>
      <c r="BV36" s="182">
        <v>0</v>
      </c>
      <c r="BW36" s="182">
        <v>0</v>
      </c>
      <c r="BX36" s="183">
        <v>0</v>
      </c>
      <c r="BY36" s="184">
        <v>0</v>
      </c>
      <c r="BZ36" s="184">
        <v>0</v>
      </c>
      <c r="CA36" s="184">
        <v>0</v>
      </c>
      <c r="CB36" s="182">
        <v>0</v>
      </c>
      <c r="CC36" s="185">
        <v>0</v>
      </c>
      <c r="CD36" s="187">
        <v>0</v>
      </c>
      <c r="CE36" s="188">
        <v>0</v>
      </c>
      <c r="CF36" s="182">
        <v>0</v>
      </c>
      <c r="CG36" s="182">
        <v>0</v>
      </c>
      <c r="CH36" s="183">
        <v>0</v>
      </c>
      <c r="CI36" s="184">
        <v>0</v>
      </c>
      <c r="CJ36" s="184">
        <v>0</v>
      </c>
      <c r="CK36" s="184">
        <v>0</v>
      </c>
      <c r="CL36" s="182">
        <v>0</v>
      </c>
      <c r="CM36" s="185">
        <v>0</v>
      </c>
      <c r="CN36" s="187">
        <v>0</v>
      </c>
      <c r="CO36" s="188">
        <v>0</v>
      </c>
      <c r="CP36" s="182">
        <v>0</v>
      </c>
      <c r="CQ36" s="182">
        <v>0</v>
      </c>
      <c r="CR36" s="183">
        <v>3</v>
      </c>
      <c r="CS36" s="184">
        <v>6</v>
      </c>
      <c r="CT36" s="184">
        <v>5</v>
      </c>
      <c r="CU36" s="184">
        <v>9</v>
      </c>
      <c r="CV36" s="182">
        <v>14</v>
      </c>
      <c r="CW36" s="185">
        <v>37</v>
      </c>
      <c r="CX36" s="186">
        <v>37</v>
      </c>
      <c r="CY36" s="181">
        <v>0</v>
      </c>
      <c r="CZ36" s="182">
        <v>0</v>
      </c>
      <c r="DA36" s="182">
        <v>0</v>
      </c>
      <c r="DB36" s="183">
        <v>3</v>
      </c>
      <c r="DC36" s="184">
        <v>6</v>
      </c>
      <c r="DD36" s="184">
        <v>5</v>
      </c>
      <c r="DE36" s="184">
        <v>9</v>
      </c>
      <c r="DF36" s="182">
        <v>14</v>
      </c>
      <c r="DG36" s="185">
        <v>37</v>
      </c>
      <c r="DH36" s="187">
        <v>37</v>
      </c>
      <c r="DI36" s="188">
        <v>0</v>
      </c>
      <c r="DJ36" s="182">
        <v>0</v>
      </c>
      <c r="DK36" s="182">
        <v>0</v>
      </c>
      <c r="DL36" s="183">
        <v>0</v>
      </c>
      <c r="DM36" s="184">
        <v>0</v>
      </c>
      <c r="DN36" s="184">
        <v>0</v>
      </c>
      <c r="DO36" s="184">
        <v>0</v>
      </c>
      <c r="DP36" s="182">
        <v>0</v>
      </c>
      <c r="DQ36" s="185">
        <v>0</v>
      </c>
      <c r="DR36" s="187">
        <v>0</v>
      </c>
      <c r="DS36" s="188">
        <v>0</v>
      </c>
      <c r="DT36" s="182">
        <v>0</v>
      </c>
      <c r="DU36" s="182">
        <v>0</v>
      </c>
      <c r="DV36" s="183">
        <v>9</v>
      </c>
      <c r="DW36" s="184">
        <v>22</v>
      </c>
      <c r="DX36" s="184">
        <v>37</v>
      </c>
      <c r="DY36" s="184">
        <v>61</v>
      </c>
      <c r="DZ36" s="182">
        <v>41</v>
      </c>
      <c r="EA36" s="185">
        <v>170</v>
      </c>
      <c r="EB36" s="187">
        <v>170</v>
      </c>
      <c r="EC36" s="32"/>
    </row>
    <row r="37" spans="2:133" ht="21" customHeight="1" x14ac:dyDescent="0.2">
      <c r="B37" s="472" t="s">
        <v>34</v>
      </c>
      <c r="C37" s="181">
        <v>0</v>
      </c>
      <c r="D37" s="182">
        <v>0</v>
      </c>
      <c r="E37" s="182">
        <v>0</v>
      </c>
      <c r="F37" s="183">
        <v>0</v>
      </c>
      <c r="G37" s="184">
        <v>0</v>
      </c>
      <c r="H37" s="184">
        <v>9</v>
      </c>
      <c r="I37" s="184">
        <v>20</v>
      </c>
      <c r="J37" s="182">
        <v>14</v>
      </c>
      <c r="K37" s="185">
        <v>43</v>
      </c>
      <c r="L37" s="186">
        <v>43</v>
      </c>
      <c r="M37" s="181">
        <v>0</v>
      </c>
      <c r="N37" s="182">
        <v>0</v>
      </c>
      <c r="O37" s="185">
        <v>0</v>
      </c>
      <c r="P37" s="183">
        <v>0</v>
      </c>
      <c r="Q37" s="184">
        <v>0</v>
      </c>
      <c r="R37" s="184">
        <v>9</v>
      </c>
      <c r="S37" s="184">
        <v>20</v>
      </c>
      <c r="T37" s="182">
        <v>14</v>
      </c>
      <c r="U37" s="185">
        <v>43</v>
      </c>
      <c r="V37" s="187">
        <v>43</v>
      </c>
      <c r="W37" s="188">
        <v>0</v>
      </c>
      <c r="X37" s="182">
        <v>0</v>
      </c>
      <c r="Y37" s="185">
        <v>0</v>
      </c>
      <c r="Z37" s="188">
        <v>0</v>
      </c>
      <c r="AA37" s="184">
        <v>0</v>
      </c>
      <c r="AB37" s="184">
        <v>0</v>
      </c>
      <c r="AC37" s="184">
        <v>0</v>
      </c>
      <c r="AD37" s="182">
        <v>0</v>
      </c>
      <c r="AE37" s="185">
        <v>0</v>
      </c>
      <c r="AF37" s="189">
        <v>0</v>
      </c>
      <c r="AG37" s="188">
        <v>0</v>
      </c>
      <c r="AH37" s="182">
        <v>0</v>
      </c>
      <c r="AI37" s="185">
        <v>0</v>
      </c>
      <c r="AJ37" s="188">
        <v>3</v>
      </c>
      <c r="AK37" s="184">
        <v>14</v>
      </c>
      <c r="AL37" s="184">
        <v>7</v>
      </c>
      <c r="AM37" s="184">
        <v>8</v>
      </c>
      <c r="AN37" s="182">
        <v>4</v>
      </c>
      <c r="AO37" s="185">
        <v>36</v>
      </c>
      <c r="AP37" s="189">
        <v>36</v>
      </c>
      <c r="AQ37" s="188">
        <v>0</v>
      </c>
      <c r="AR37" s="182">
        <v>0</v>
      </c>
      <c r="AS37" s="185">
        <v>0</v>
      </c>
      <c r="AT37" s="183">
        <v>3</v>
      </c>
      <c r="AU37" s="184">
        <v>13</v>
      </c>
      <c r="AV37" s="184">
        <v>7</v>
      </c>
      <c r="AW37" s="184">
        <v>8</v>
      </c>
      <c r="AX37" s="182">
        <v>4</v>
      </c>
      <c r="AY37" s="185">
        <v>35</v>
      </c>
      <c r="AZ37" s="186">
        <v>35</v>
      </c>
      <c r="BA37" s="181">
        <v>0</v>
      </c>
      <c r="BB37" s="182">
        <v>0</v>
      </c>
      <c r="BC37" s="182">
        <v>0</v>
      </c>
      <c r="BD37" s="183">
        <v>0</v>
      </c>
      <c r="BE37" s="184">
        <v>1</v>
      </c>
      <c r="BF37" s="184">
        <v>0</v>
      </c>
      <c r="BG37" s="184">
        <v>0</v>
      </c>
      <c r="BH37" s="182">
        <v>0</v>
      </c>
      <c r="BI37" s="185">
        <v>1</v>
      </c>
      <c r="BJ37" s="187">
        <v>1</v>
      </c>
      <c r="BK37" s="188">
        <v>0</v>
      </c>
      <c r="BL37" s="182">
        <v>0</v>
      </c>
      <c r="BM37" s="182">
        <v>0</v>
      </c>
      <c r="BN37" s="183">
        <v>0</v>
      </c>
      <c r="BO37" s="184">
        <v>0</v>
      </c>
      <c r="BP37" s="184">
        <v>0</v>
      </c>
      <c r="BQ37" s="184">
        <v>0</v>
      </c>
      <c r="BR37" s="182">
        <v>0</v>
      </c>
      <c r="BS37" s="185">
        <v>0</v>
      </c>
      <c r="BT37" s="186">
        <v>0</v>
      </c>
      <c r="BU37" s="181">
        <v>0</v>
      </c>
      <c r="BV37" s="182">
        <v>0</v>
      </c>
      <c r="BW37" s="182">
        <v>0</v>
      </c>
      <c r="BX37" s="183">
        <v>0</v>
      </c>
      <c r="BY37" s="184">
        <v>0</v>
      </c>
      <c r="BZ37" s="184">
        <v>0</v>
      </c>
      <c r="CA37" s="184">
        <v>0</v>
      </c>
      <c r="CB37" s="182">
        <v>0</v>
      </c>
      <c r="CC37" s="185">
        <v>0</v>
      </c>
      <c r="CD37" s="187">
        <v>0</v>
      </c>
      <c r="CE37" s="188">
        <v>0</v>
      </c>
      <c r="CF37" s="182">
        <v>0</v>
      </c>
      <c r="CG37" s="182">
        <v>0</v>
      </c>
      <c r="CH37" s="183">
        <v>0</v>
      </c>
      <c r="CI37" s="184">
        <v>0</v>
      </c>
      <c r="CJ37" s="184">
        <v>0</v>
      </c>
      <c r="CK37" s="184">
        <v>0</v>
      </c>
      <c r="CL37" s="182">
        <v>0</v>
      </c>
      <c r="CM37" s="185">
        <v>0</v>
      </c>
      <c r="CN37" s="187">
        <v>0</v>
      </c>
      <c r="CO37" s="188">
        <v>0</v>
      </c>
      <c r="CP37" s="182">
        <v>0</v>
      </c>
      <c r="CQ37" s="182">
        <v>0</v>
      </c>
      <c r="CR37" s="183">
        <v>0</v>
      </c>
      <c r="CS37" s="184">
        <v>0</v>
      </c>
      <c r="CT37" s="184">
        <v>0</v>
      </c>
      <c r="CU37" s="184">
        <v>1</v>
      </c>
      <c r="CV37" s="182">
        <v>1</v>
      </c>
      <c r="CW37" s="185">
        <v>2</v>
      </c>
      <c r="CX37" s="186">
        <v>2</v>
      </c>
      <c r="CY37" s="181">
        <v>0</v>
      </c>
      <c r="CZ37" s="182">
        <v>0</v>
      </c>
      <c r="DA37" s="182">
        <v>0</v>
      </c>
      <c r="DB37" s="183">
        <v>0</v>
      </c>
      <c r="DC37" s="184">
        <v>0</v>
      </c>
      <c r="DD37" s="184">
        <v>0</v>
      </c>
      <c r="DE37" s="184">
        <v>1</v>
      </c>
      <c r="DF37" s="182">
        <v>1</v>
      </c>
      <c r="DG37" s="185">
        <v>2</v>
      </c>
      <c r="DH37" s="187">
        <v>2</v>
      </c>
      <c r="DI37" s="188">
        <v>0</v>
      </c>
      <c r="DJ37" s="182">
        <v>0</v>
      </c>
      <c r="DK37" s="182">
        <v>0</v>
      </c>
      <c r="DL37" s="183">
        <v>0</v>
      </c>
      <c r="DM37" s="184">
        <v>0</v>
      </c>
      <c r="DN37" s="184">
        <v>0</v>
      </c>
      <c r="DO37" s="184">
        <v>0</v>
      </c>
      <c r="DP37" s="182">
        <v>0</v>
      </c>
      <c r="DQ37" s="185">
        <v>0</v>
      </c>
      <c r="DR37" s="187">
        <v>0</v>
      </c>
      <c r="DS37" s="188">
        <v>0</v>
      </c>
      <c r="DT37" s="182">
        <v>0</v>
      </c>
      <c r="DU37" s="182">
        <v>0</v>
      </c>
      <c r="DV37" s="183">
        <v>3</v>
      </c>
      <c r="DW37" s="184">
        <v>14</v>
      </c>
      <c r="DX37" s="184">
        <v>16</v>
      </c>
      <c r="DY37" s="184">
        <v>29</v>
      </c>
      <c r="DZ37" s="182">
        <v>19</v>
      </c>
      <c r="EA37" s="185">
        <v>81</v>
      </c>
      <c r="EB37" s="187">
        <v>81</v>
      </c>
      <c r="EC37" s="32"/>
    </row>
    <row r="38" spans="2:133" ht="21" customHeight="1" x14ac:dyDescent="0.2">
      <c r="B38" s="472" t="s">
        <v>35</v>
      </c>
      <c r="C38" s="181">
        <v>0</v>
      </c>
      <c r="D38" s="182">
        <v>0</v>
      </c>
      <c r="E38" s="182">
        <v>0</v>
      </c>
      <c r="F38" s="183">
        <v>1</v>
      </c>
      <c r="G38" s="184">
        <v>2</v>
      </c>
      <c r="H38" s="184">
        <v>24</v>
      </c>
      <c r="I38" s="184">
        <v>48</v>
      </c>
      <c r="J38" s="182">
        <v>34</v>
      </c>
      <c r="K38" s="185">
        <v>109</v>
      </c>
      <c r="L38" s="186">
        <v>109</v>
      </c>
      <c r="M38" s="181">
        <v>0</v>
      </c>
      <c r="N38" s="182">
        <v>0</v>
      </c>
      <c r="O38" s="185">
        <v>0</v>
      </c>
      <c r="P38" s="183">
        <v>1</v>
      </c>
      <c r="Q38" s="184">
        <v>2</v>
      </c>
      <c r="R38" s="184">
        <v>24</v>
      </c>
      <c r="S38" s="184">
        <v>48</v>
      </c>
      <c r="T38" s="182">
        <v>34</v>
      </c>
      <c r="U38" s="185">
        <v>109</v>
      </c>
      <c r="V38" s="187">
        <v>109</v>
      </c>
      <c r="W38" s="188">
        <v>0</v>
      </c>
      <c r="X38" s="182">
        <v>0</v>
      </c>
      <c r="Y38" s="185">
        <v>0</v>
      </c>
      <c r="Z38" s="188">
        <v>0</v>
      </c>
      <c r="AA38" s="184">
        <v>0</v>
      </c>
      <c r="AB38" s="184">
        <v>0</v>
      </c>
      <c r="AC38" s="184">
        <v>0</v>
      </c>
      <c r="AD38" s="182">
        <v>0</v>
      </c>
      <c r="AE38" s="185">
        <v>0</v>
      </c>
      <c r="AF38" s="189">
        <v>0</v>
      </c>
      <c r="AG38" s="188">
        <v>0</v>
      </c>
      <c r="AH38" s="182">
        <v>0</v>
      </c>
      <c r="AI38" s="185">
        <v>0</v>
      </c>
      <c r="AJ38" s="188">
        <v>23</v>
      </c>
      <c r="AK38" s="184">
        <v>25</v>
      </c>
      <c r="AL38" s="184">
        <v>28</v>
      </c>
      <c r="AM38" s="184">
        <v>9</v>
      </c>
      <c r="AN38" s="182">
        <v>9</v>
      </c>
      <c r="AO38" s="185">
        <v>94</v>
      </c>
      <c r="AP38" s="189">
        <v>94</v>
      </c>
      <c r="AQ38" s="188">
        <v>0</v>
      </c>
      <c r="AR38" s="182">
        <v>0</v>
      </c>
      <c r="AS38" s="185">
        <v>0</v>
      </c>
      <c r="AT38" s="183">
        <v>23</v>
      </c>
      <c r="AU38" s="184">
        <v>25</v>
      </c>
      <c r="AV38" s="184">
        <v>28</v>
      </c>
      <c r="AW38" s="184">
        <v>9</v>
      </c>
      <c r="AX38" s="182">
        <v>9</v>
      </c>
      <c r="AY38" s="185">
        <v>94</v>
      </c>
      <c r="AZ38" s="186">
        <v>94</v>
      </c>
      <c r="BA38" s="181">
        <v>0</v>
      </c>
      <c r="BB38" s="182">
        <v>0</v>
      </c>
      <c r="BC38" s="182">
        <v>0</v>
      </c>
      <c r="BD38" s="183">
        <v>0</v>
      </c>
      <c r="BE38" s="184">
        <v>0</v>
      </c>
      <c r="BF38" s="184">
        <v>0</v>
      </c>
      <c r="BG38" s="184">
        <v>0</v>
      </c>
      <c r="BH38" s="182">
        <v>0</v>
      </c>
      <c r="BI38" s="185">
        <v>0</v>
      </c>
      <c r="BJ38" s="187">
        <v>0</v>
      </c>
      <c r="BK38" s="188">
        <v>0</v>
      </c>
      <c r="BL38" s="182">
        <v>0</v>
      </c>
      <c r="BM38" s="182">
        <v>0</v>
      </c>
      <c r="BN38" s="183">
        <v>0</v>
      </c>
      <c r="BO38" s="184">
        <v>0</v>
      </c>
      <c r="BP38" s="184">
        <v>0</v>
      </c>
      <c r="BQ38" s="184">
        <v>0</v>
      </c>
      <c r="BR38" s="182">
        <v>0</v>
      </c>
      <c r="BS38" s="185">
        <v>0</v>
      </c>
      <c r="BT38" s="186">
        <v>0</v>
      </c>
      <c r="BU38" s="181">
        <v>0</v>
      </c>
      <c r="BV38" s="182">
        <v>0</v>
      </c>
      <c r="BW38" s="182">
        <v>0</v>
      </c>
      <c r="BX38" s="183">
        <v>0</v>
      </c>
      <c r="BY38" s="184">
        <v>0</v>
      </c>
      <c r="BZ38" s="184">
        <v>0</v>
      </c>
      <c r="CA38" s="184">
        <v>0</v>
      </c>
      <c r="CB38" s="182">
        <v>0</v>
      </c>
      <c r="CC38" s="185">
        <v>0</v>
      </c>
      <c r="CD38" s="187">
        <v>0</v>
      </c>
      <c r="CE38" s="188">
        <v>0</v>
      </c>
      <c r="CF38" s="182">
        <v>0</v>
      </c>
      <c r="CG38" s="182">
        <v>0</v>
      </c>
      <c r="CH38" s="183">
        <v>0</v>
      </c>
      <c r="CI38" s="184">
        <v>0</v>
      </c>
      <c r="CJ38" s="184">
        <v>0</v>
      </c>
      <c r="CK38" s="184">
        <v>0</v>
      </c>
      <c r="CL38" s="182">
        <v>0</v>
      </c>
      <c r="CM38" s="185">
        <v>0</v>
      </c>
      <c r="CN38" s="187">
        <v>0</v>
      </c>
      <c r="CO38" s="188">
        <v>0</v>
      </c>
      <c r="CP38" s="182">
        <v>0</v>
      </c>
      <c r="CQ38" s="182">
        <v>0</v>
      </c>
      <c r="CR38" s="183">
        <v>4</v>
      </c>
      <c r="CS38" s="184">
        <v>1</v>
      </c>
      <c r="CT38" s="184">
        <v>4</v>
      </c>
      <c r="CU38" s="184">
        <v>8</v>
      </c>
      <c r="CV38" s="182">
        <v>7</v>
      </c>
      <c r="CW38" s="185">
        <v>24</v>
      </c>
      <c r="CX38" s="186">
        <v>24</v>
      </c>
      <c r="CY38" s="181">
        <v>0</v>
      </c>
      <c r="CZ38" s="182">
        <v>0</v>
      </c>
      <c r="DA38" s="182">
        <v>0</v>
      </c>
      <c r="DB38" s="183">
        <v>3</v>
      </c>
      <c r="DC38" s="184">
        <v>1</v>
      </c>
      <c r="DD38" s="184">
        <v>4</v>
      </c>
      <c r="DE38" s="184">
        <v>8</v>
      </c>
      <c r="DF38" s="182">
        <v>7</v>
      </c>
      <c r="DG38" s="185">
        <v>23</v>
      </c>
      <c r="DH38" s="187">
        <v>23</v>
      </c>
      <c r="DI38" s="188">
        <v>0</v>
      </c>
      <c r="DJ38" s="182">
        <v>0</v>
      </c>
      <c r="DK38" s="182">
        <v>0</v>
      </c>
      <c r="DL38" s="183">
        <v>1</v>
      </c>
      <c r="DM38" s="184">
        <v>0</v>
      </c>
      <c r="DN38" s="184">
        <v>0</v>
      </c>
      <c r="DO38" s="184">
        <v>0</v>
      </c>
      <c r="DP38" s="182">
        <v>0</v>
      </c>
      <c r="DQ38" s="185">
        <v>1</v>
      </c>
      <c r="DR38" s="187">
        <v>1</v>
      </c>
      <c r="DS38" s="188">
        <v>0</v>
      </c>
      <c r="DT38" s="182">
        <v>0</v>
      </c>
      <c r="DU38" s="182">
        <v>0</v>
      </c>
      <c r="DV38" s="183">
        <v>28</v>
      </c>
      <c r="DW38" s="184">
        <v>28</v>
      </c>
      <c r="DX38" s="184">
        <v>56</v>
      </c>
      <c r="DY38" s="184">
        <v>65</v>
      </c>
      <c r="DZ38" s="182">
        <v>50</v>
      </c>
      <c r="EA38" s="185">
        <v>227</v>
      </c>
      <c r="EB38" s="187">
        <v>227</v>
      </c>
      <c r="EC38" s="32"/>
    </row>
    <row r="39" spans="2:133" ht="21" customHeight="1" x14ac:dyDescent="0.2">
      <c r="B39" s="472" t="s">
        <v>36</v>
      </c>
      <c r="C39" s="181">
        <v>0</v>
      </c>
      <c r="D39" s="182">
        <v>0</v>
      </c>
      <c r="E39" s="182">
        <v>0</v>
      </c>
      <c r="F39" s="183">
        <v>0</v>
      </c>
      <c r="G39" s="184">
        <v>3</v>
      </c>
      <c r="H39" s="184">
        <v>57</v>
      </c>
      <c r="I39" s="184">
        <v>79</v>
      </c>
      <c r="J39" s="182">
        <v>76</v>
      </c>
      <c r="K39" s="185">
        <v>215</v>
      </c>
      <c r="L39" s="186">
        <v>215</v>
      </c>
      <c r="M39" s="181">
        <v>0</v>
      </c>
      <c r="N39" s="182">
        <v>0</v>
      </c>
      <c r="O39" s="185">
        <v>0</v>
      </c>
      <c r="P39" s="183">
        <v>0</v>
      </c>
      <c r="Q39" s="184">
        <v>3</v>
      </c>
      <c r="R39" s="184">
        <v>56</v>
      </c>
      <c r="S39" s="184">
        <v>75</v>
      </c>
      <c r="T39" s="182">
        <v>76</v>
      </c>
      <c r="U39" s="185">
        <v>210</v>
      </c>
      <c r="V39" s="187">
        <v>210</v>
      </c>
      <c r="W39" s="188">
        <v>0</v>
      </c>
      <c r="X39" s="182">
        <v>0</v>
      </c>
      <c r="Y39" s="185">
        <v>0</v>
      </c>
      <c r="Z39" s="188">
        <v>0</v>
      </c>
      <c r="AA39" s="184">
        <v>0</v>
      </c>
      <c r="AB39" s="184">
        <v>1</v>
      </c>
      <c r="AC39" s="184">
        <v>4</v>
      </c>
      <c r="AD39" s="182">
        <v>0</v>
      </c>
      <c r="AE39" s="185">
        <v>5</v>
      </c>
      <c r="AF39" s="189">
        <v>5</v>
      </c>
      <c r="AG39" s="188">
        <v>0</v>
      </c>
      <c r="AH39" s="182">
        <v>0</v>
      </c>
      <c r="AI39" s="185">
        <v>0</v>
      </c>
      <c r="AJ39" s="188">
        <v>15</v>
      </c>
      <c r="AK39" s="184">
        <v>19</v>
      </c>
      <c r="AL39" s="184">
        <v>42</v>
      </c>
      <c r="AM39" s="184">
        <v>54</v>
      </c>
      <c r="AN39" s="182">
        <v>26</v>
      </c>
      <c r="AO39" s="185">
        <v>156</v>
      </c>
      <c r="AP39" s="189">
        <v>156</v>
      </c>
      <c r="AQ39" s="188">
        <v>0</v>
      </c>
      <c r="AR39" s="182">
        <v>0</v>
      </c>
      <c r="AS39" s="185">
        <v>0</v>
      </c>
      <c r="AT39" s="183">
        <v>15</v>
      </c>
      <c r="AU39" s="184">
        <v>19</v>
      </c>
      <c r="AV39" s="184">
        <v>41</v>
      </c>
      <c r="AW39" s="184">
        <v>52</v>
      </c>
      <c r="AX39" s="182">
        <v>26</v>
      </c>
      <c r="AY39" s="185">
        <v>153</v>
      </c>
      <c r="AZ39" s="186">
        <v>153</v>
      </c>
      <c r="BA39" s="181">
        <v>0</v>
      </c>
      <c r="BB39" s="182">
        <v>0</v>
      </c>
      <c r="BC39" s="182">
        <v>0</v>
      </c>
      <c r="BD39" s="183">
        <v>0</v>
      </c>
      <c r="BE39" s="184">
        <v>0</v>
      </c>
      <c r="BF39" s="184">
        <v>1</v>
      </c>
      <c r="BG39" s="184">
        <v>2</v>
      </c>
      <c r="BH39" s="182">
        <v>0</v>
      </c>
      <c r="BI39" s="185">
        <v>3</v>
      </c>
      <c r="BJ39" s="187">
        <v>3</v>
      </c>
      <c r="BK39" s="188">
        <v>0</v>
      </c>
      <c r="BL39" s="182">
        <v>0</v>
      </c>
      <c r="BM39" s="182">
        <v>0</v>
      </c>
      <c r="BN39" s="183">
        <v>0</v>
      </c>
      <c r="BO39" s="184">
        <v>0</v>
      </c>
      <c r="BP39" s="184">
        <v>0</v>
      </c>
      <c r="BQ39" s="184">
        <v>3</v>
      </c>
      <c r="BR39" s="182">
        <v>1</v>
      </c>
      <c r="BS39" s="185">
        <v>4</v>
      </c>
      <c r="BT39" s="186">
        <v>4</v>
      </c>
      <c r="BU39" s="181">
        <v>0</v>
      </c>
      <c r="BV39" s="182">
        <v>0</v>
      </c>
      <c r="BW39" s="182">
        <v>0</v>
      </c>
      <c r="BX39" s="183">
        <v>0</v>
      </c>
      <c r="BY39" s="184">
        <v>0</v>
      </c>
      <c r="BZ39" s="184">
        <v>0</v>
      </c>
      <c r="CA39" s="184">
        <v>3</v>
      </c>
      <c r="CB39" s="182">
        <v>1</v>
      </c>
      <c r="CC39" s="185">
        <v>4</v>
      </c>
      <c r="CD39" s="187">
        <v>4</v>
      </c>
      <c r="CE39" s="188">
        <v>0</v>
      </c>
      <c r="CF39" s="182">
        <v>0</v>
      </c>
      <c r="CG39" s="182">
        <v>0</v>
      </c>
      <c r="CH39" s="183">
        <v>0</v>
      </c>
      <c r="CI39" s="184">
        <v>0</v>
      </c>
      <c r="CJ39" s="184">
        <v>0</v>
      </c>
      <c r="CK39" s="184">
        <v>0</v>
      </c>
      <c r="CL39" s="182">
        <v>0</v>
      </c>
      <c r="CM39" s="185">
        <v>0</v>
      </c>
      <c r="CN39" s="187">
        <v>0</v>
      </c>
      <c r="CO39" s="188">
        <v>0</v>
      </c>
      <c r="CP39" s="182">
        <v>0</v>
      </c>
      <c r="CQ39" s="182">
        <v>0</v>
      </c>
      <c r="CR39" s="183">
        <v>0</v>
      </c>
      <c r="CS39" s="184">
        <v>0</v>
      </c>
      <c r="CT39" s="184">
        <v>0</v>
      </c>
      <c r="CU39" s="184">
        <v>5</v>
      </c>
      <c r="CV39" s="182">
        <v>1</v>
      </c>
      <c r="CW39" s="185">
        <v>6</v>
      </c>
      <c r="CX39" s="186">
        <v>6</v>
      </c>
      <c r="CY39" s="181">
        <v>0</v>
      </c>
      <c r="CZ39" s="182">
        <v>0</v>
      </c>
      <c r="DA39" s="182">
        <v>0</v>
      </c>
      <c r="DB39" s="183">
        <v>0</v>
      </c>
      <c r="DC39" s="184">
        <v>0</v>
      </c>
      <c r="DD39" s="184">
        <v>0</v>
      </c>
      <c r="DE39" s="184">
        <v>4</v>
      </c>
      <c r="DF39" s="182">
        <v>1</v>
      </c>
      <c r="DG39" s="185">
        <v>5</v>
      </c>
      <c r="DH39" s="187">
        <v>5</v>
      </c>
      <c r="DI39" s="188">
        <v>0</v>
      </c>
      <c r="DJ39" s="182">
        <v>0</v>
      </c>
      <c r="DK39" s="182">
        <v>0</v>
      </c>
      <c r="DL39" s="183">
        <v>0</v>
      </c>
      <c r="DM39" s="184">
        <v>0</v>
      </c>
      <c r="DN39" s="184">
        <v>0</v>
      </c>
      <c r="DO39" s="184">
        <v>1</v>
      </c>
      <c r="DP39" s="182">
        <v>0</v>
      </c>
      <c r="DQ39" s="185">
        <v>1</v>
      </c>
      <c r="DR39" s="187">
        <v>1</v>
      </c>
      <c r="DS39" s="188">
        <v>0</v>
      </c>
      <c r="DT39" s="182">
        <v>0</v>
      </c>
      <c r="DU39" s="182">
        <v>0</v>
      </c>
      <c r="DV39" s="183">
        <v>15</v>
      </c>
      <c r="DW39" s="184">
        <v>22</v>
      </c>
      <c r="DX39" s="184">
        <v>99</v>
      </c>
      <c r="DY39" s="184">
        <v>141</v>
      </c>
      <c r="DZ39" s="182">
        <v>102</v>
      </c>
      <c r="EA39" s="185">
        <v>379</v>
      </c>
      <c r="EB39" s="187">
        <v>379</v>
      </c>
      <c r="EC39" s="32"/>
    </row>
    <row r="40" spans="2:133" ht="21" customHeight="1" thickBot="1" x14ac:dyDescent="0.25">
      <c r="B40" s="473" t="s">
        <v>37</v>
      </c>
      <c r="C40" s="190">
        <v>0</v>
      </c>
      <c r="D40" s="191">
        <v>0</v>
      </c>
      <c r="E40" s="191">
        <v>0</v>
      </c>
      <c r="F40" s="192">
        <v>0</v>
      </c>
      <c r="G40" s="193">
        <v>0</v>
      </c>
      <c r="H40" s="193">
        <v>11</v>
      </c>
      <c r="I40" s="193">
        <v>7</v>
      </c>
      <c r="J40" s="191">
        <v>5</v>
      </c>
      <c r="K40" s="194">
        <v>23</v>
      </c>
      <c r="L40" s="195">
        <v>23</v>
      </c>
      <c r="M40" s="190">
        <v>0</v>
      </c>
      <c r="N40" s="191">
        <v>0</v>
      </c>
      <c r="O40" s="194">
        <v>0</v>
      </c>
      <c r="P40" s="192">
        <v>0</v>
      </c>
      <c r="Q40" s="193">
        <v>0</v>
      </c>
      <c r="R40" s="193">
        <v>11</v>
      </c>
      <c r="S40" s="193">
        <v>7</v>
      </c>
      <c r="T40" s="191">
        <v>5</v>
      </c>
      <c r="U40" s="194">
        <v>23</v>
      </c>
      <c r="V40" s="196">
        <v>23</v>
      </c>
      <c r="W40" s="197">
        <v>0</v>
      </c>
      <c r="X40" s="191">
        <v>0</v>
      </c>
      <c r="Y40" s="194">
        <v>0</v>
      </c>
      <c r="Z40" s="197">
        <v>0</v>
      </c>
      <c r="AA40" s="193">
        <v>0</v>
      </c>
      <c r="AB40" s="193">
        <v>0</v>
      </c>
      <c r="AC40" s="193">
        <v>0</v>
      </c>
      <c r="AD40" s="191">
        <v>0</v>
      </c>
      <c r="AE40" s="194">
        <v>0</v>
      </c>
      <c r="AF40" s="198">
        <v>0</v>
      </c>
      <c r="AG40" s="197">
        <v>0</v>
      </c>
      <c r="AH40" s="191">
        <v>0</v>
      </c>
      <c r="AI40" s="194">
        <v>0</v>
      </c>
      <c r="AJ40" s="197">
        <v>3</v>
      </c>
      <c r="AK40" s="193">
        <v>0</v>
      </c>
      <c r="AL40" s="193">
        <v>7</v>
      </c>
      <c r="AM40" s="193">
        <v>1</v>
      </c>
      <c r="AN40" s="191">
        <v>1</v>
      </c>
      <c r="AO40" s="194">
        <v>12</v>
      </c>
      <c r="AP40" s="198">
        <v>12</v>
      </c>
      <c r="AQ40" s="197">
        <v>0</v>
      </c>
      <c r="AR40" s="191">
        <v>0</v>
      </c>
      <c r="AS40" s="194">
        <v>0</v>
      </c>
      <c r="AT40" s="192">
        <v>3</v>
      </c>
      <c r="AU40" s="193">
        <v>0</v>
      </c>
      <c r="AV40" s="193">
        <v>7</v>
      </c>
      <c r="AW40" s="193">
        <v>1</v>
      </c>
      <c r="AX40" s="191">
        <v>1</v>
      </c>
      <c r="AY40" s="194">
        <v>12</v>
      </c>
      <c r="AZ40" s="195">
        <v>12</v>
      </c>
      <c r="BA40" s="190">
        <v>0</v>
      </c>
      <c r="BB40" s="191">
        <v>0</v>
      </c>
      <c r="BC40" s="191">
        <v>0</v>
      </c>
      <c r="BD40" s="192">
        <v>0</v>
      </c>
      <c r="BE40" s="193">
        <v>0</v>
      </c>
      <c r="BF40" s="193">
        <v>0</v>
      </c>
      <c r="BG40" s="193">
        <v>0</v>
      </c>
      <c r="BH40" s="191">
        <v>0</v>
      </c>
      <c r="BI40" s="194">
        <v>0</v>
      </c>
      <c r="BJ40" s="196">
        <v>0</v>
      </c>
      <c r="BK40" s="197">
        <v>0</v>
      </c>
      <c r="BL40" s="191">
        <v>0</v>
      </c>
      <c r="BM40" s="191">
        <v>0</v>
      </c>
      <c r="BN40" s="192">
        <v>0</v>
      </c>
      <c r="BO40" s="193">
        <v>0</v>
      </c>
      <c r="BP40" s="193">
        <v>0</v>
      </c>
      <c r="BQ40" s="193">
        <v>0</v>
      </c>
      <c r="BR40" s="191">
        <v>0</v>
      </c>
      <c r="BS40" s="194">
        <v>0</v>
      </c>
      <c r="BT40" s="195">
        <v>0</v>
      </c>
      <c r="BU40" s="190">
        <v>0</v>
      </c>
      <c r="BV40" s="191">
        <v>0</v>
      </c>
      <c r="BW40" s="191">
        <v>0</v>
      </c>
      <c r="BX40" s="192">
        <v>0</v>
      </c>
      <c r="BY40" s="193">
        <v>0</v>
      </c>
      <c r="BZ40" s="193">
        <v>0</v>
      </c>
      <c r="CA40" s="193">
        <v>0</v>
      </c>
      <c r="CB40" s="191">
        <v>0</v>
      </c>
      <c r="CC40" s="194">
        <v>0</v>
      </c>
      <c r="CD40" s="196">
        <v>0</v>
      </c>
      <c r="CE40" s="197">
        <v>0</v>
      </c>
      <c r="CF40" s="191">
        <v>0</v>
      </c>
      <c r="CG40" s="191">
        <v>0</v>
      </c>
      <c r="CH40" s="192">
        <v>0</v>
      </c>
      <c r="CI40" s="193">
        <v>0</v>
      </c>
      <c r="CJ40" s="193">
        <v>0</v>
      </c>
      <c r="CK40" s="193">
        <v>0</v>
      </c>
      <c r="CL40" s="191">
        <v>0</v>
      </c>
      <c r="CM40" s="194">
        <v>0</v>
      </c>
      <c r="CN40" s="196">
        <v>0</v>
      </c>
      <c r="CO40" s="197">
        <v>0</v>
      </c>
      <c r="CP40" s="191">
        <v>0</v>
      </c>
      <c r="CQ40" s="191">
        <v>0</v>
      </c>
      <c r="CR40" s="192">
        <v>0</v>
      </c>
      <c r="CS40" s="193">
        <v>0</v>
      </c>
      <c r="CT40" s="193">
        <v>0</v>
      </c>
      <c r="CU40" s="193">
        <v>0</v>
      </c>
      <c r="CV40" s="191">
        <v>0</v>
      </c>
      <c r="CW40" s="194">
        <v>0</v>
      </c>
      <c r="CX40" s="195">
        <v>0</v>
      </c>
      <c r="CY40" s="190">
        <v>0</v>
      </c>
      <c r="CZ40" s="191">
        <v>0</v>
      </c>
      <c r="DA40" s="191">
        <v>0</v>
      </c>
      <c r="DB40" s="192">
        <v>0</v>
      </c>
      <c r="DC40" s="193">
        <v>0</v>
      </c>
      <c r="DD40" s="193">
        <v>0</v>
      </c>
      <c r="DE40" s="193">
        <v>0</v>
      </c>
      <c r="DF40" s="191">
        <v>0</v>
      </c>
      <c r="DG40" s="194">
        <v>0</v>
      </c>
      <c r="DH40" s="196">
        <v>0</v>
      </c>
      <c r="DI40" s="197">
        <v>0</v>
      </c>
      <c r="DJ40" s="191">
        <v>0</v>
      </c>
      <c r="DK40" s="191">
        <v>0</v>
      </c>
      <c r="DL40" s="192">
        <v>0</v>
      </c>
      <c r="DM40" s="193">
        <v>0</v>
      </c>
      <c r="DN40" s="193">
        <v>0</v>
      </c>
      <c r="DO40" s="193">
        <v>0</v>
      </c>
      <c r="DP40" s="191">
        <v>0</v>
      </c>
      <c r="DQ40" s="194">
        <v>0</v>
      </c>
      <c r="DR40" s="196">
        <v>0</v>
      </c>
      <c r="DS40" s="197">
        <v>0</v>
      </c>
      <c r="DT40" s="191">
        <v>0</v>
      </c>
      <c r="DU40" s="191">
        <v>0</v>
      </c>
      <c r="DV40" s="192">
        <v>3</v>
      </c>
      <c r="DW40" s="193">
        <v>0</v>
      </c>
      <c r="DX40" s="193">
        <v>18</v>
      </c>
      <c r="DY40" s="193">
        <v>8</v>
      </c>
      <c r="DZ40" s="191">
        <v>6</v>
      </c>
      <c r="EA40" s="194">
        <v>35</v>
      </c>
      <c r="EB40" s="196">
        <v>35</v>
      </c>
      <c r="EC40" s="32"/>
    </row>
    <row r="41" spans="2:133" x14ac:dyDescent="0.2">
      <c r="C41" s="33"/>
      <c r="D41" s="33"/>
      <c r="E41" s="33"/>
      <c r="F41" s="33"/>
      <c r="G41" s="33"/>
      <c r="H41" s="33"/>
      <c r="I41" s="33"/>
      <c r="J41" s="33"/>
      <c r="K41" s="33"/>
      <c r="L41" s="33"/>
      <c r="M41" s="33"/>
      <c r="N41" s="33"/>
      <c r="O41" s="33"/>
      <c r="P41" s="33"/>
      <c r="Q41" s="33"/>
      <c r="R41" s="33"/>
      <c r="S41" s="33"/>
      <c r="T41" s="33"/>
      <c r="U41" s="33"/>
      <c r="V41" s="33"/>
      <c r="W41" s="33"/>
      <c r="X41" s="33"/>
      <c r="Y41" s="33"/>
      <c r="Z41" s="33"/>
      <c r="AA41" s="33"/>
      <c r="AB41" s="33"/>
      <c r="AC41" s="33"/>
      <c r="AD41" s="33"/>
      <c r="AE41" s="33"/>
      <c r="AF41" s="33"/>
      <c r="AG41" s="32"/>
      <c r="AH41" s="32"/>
      <c r="AI41" s="32"/>
      <c r="AJ41" s="32"/>
      <c r="AK41" s="32"/>
      <c r="AL41" s="32"/>
      <c r="AM41" s="32"/>
      <c r="AN41" s="32"/>
      <c r="AO41" s="32"/>
      <c r="AP41" s="32"/>
      <c r="AQ41" s="32"/>
      <c r="AR41" s="32"/>
      <c r="AS41" s="32"/>
      <c r="AT41" s="32"/>
      <c r="AU41" s="32"/>
      <c r="AV41" s="32"/>
      <c r="AW41" s="32"/>
      <c r="AX41" s="32"/>
      <c r="AY41" s="32"/>
      <c r="AZ41" s="32"/>
      <c r="BA41" s="32"/>
      <c r="BB41" s="32"/>
      <c r="BC41" s="32"/>
      <c r="BD41" s="32"/>
      <c r="BE41" s="32"/>
      <c r="BF41" s="32"/>
      <c r="BG41" s="32"/>
      <c r="BH41" s="32"/>
      <c r="BI41" s="32"/>
      <c r="BJ41" s="32"/>
      <c r="BK41" s="32"/>
      <c r="BL41" s="32"/>
      <c r="BM41" s="32"/>
      <c r="BN41" s="32"/>
      <c r="BO41" s="32"/>
      <c r="BP41" s="32"/>
      <c r="BQ41" s="32"/>
      <c r="BR41" s="32"/>
      <c r="BS41" s="32"/>
      <c r="BT41" s="32"/>
      <c r="BU41" s="32"/>
      <c r="BV41" s="32"/>
      <c r="BW41" s="32"/>
      <c r="BX41" s="32"/>
      <c r="BY41" s="32"/>
      <c r="BZ41" s="32"/>
      <c r="CA41" s="32"/>
      <c r="CB41" s="32"/>
      <c r="CC41" s="32"/>
      <c r="CD41" s="32"/>
      <c r="CE41" s="32"/>
      <c r="CF41" s="32"/>
      <c r="CG41" s="32"/>
      <c r="CH41" s="32"/>
      <c r="CI41" s="32"/>
      <c r="CJ41" s="32"/>
      <c r="CK41" s="32"/>
      <c r="CL41" s="32"/>
      <c r="CM41" s="32"/>
      <c r="CN41" s="32"/>
      <c r="CO41" s="32"/>
      <c r="CP41" s="32"/>
      <c r="CQ41" s="32"/>
      <c r="CR41" s="32"/>
      <c r="CS41" s="32"/>
      <c r="CT41" s="32"/>
      <c r="CU41" s="32"/>
      <c r="CV41" s="32"/>
      <c r="CW41" s="32"/>
      <c r="CX41" s="32"/>
      <c r="CY41" s="32"/>
      <c r="CZ41" s="32"/>
      <c r="DA41" s="32"/>
      <c r="DB41" s="32"/>
      <c r="DC41" s="32"/>
      <c r="DD41" s="32"/>
      <c r="DE41" s="32"/>
      <c r="DF41" s="32"/>
      <c r="DG41" s="32"/>
      <c r="DH41" s="32"/>
      <c r="DI41" s="32"/>
      <c r="DJ41" s="32"/>
      <c r="DK41" s="32"/>
      <c r="DL41" s="32"/>
      <c r="DM41" s="32"/>
      <c r="DN41" s="32"/>
      <c r="DO41" s="32"/>
      <c r="DP41" s="32"/>
      <c r="DQ41" s="32"/>
      <c r="DR41" s="32"/>
      <c r="DS41" s="32"/>
      <c r="DT41" s="32"/>
      <c r="DU41" s="32"/>
      <c r="DV41" s="32"/>
      <c r="DW41" s="32"/>
      <c r="DX41" s="32"/>
      <c r="DY41" s="32"/>
      <c r="DZ41" s="32"/>
      <c r="EA41" s="32"/>
      <c r="EB41" s="32"/>
      <c r="EC41" s="32"/>
    </row>
    <row r="42" spans="2:133" x14ac:dyDescent="0.2">
      <c r="C42" s="33"/>
      <c r="D42" s="33"/>
      <c r="E42" s="33"/>
      <c r="F42" s="33"/>
      <c r="G42" s="33"/>
      <c r="H42" s="33"/>
      <c r="I42" s="33"/>
      <c r="J42" s="33"/>
      <c r="K42" s="33"/>
      <c r="L42" s="33"/>
      <c r="M42" s="33"/>
      <c r="N42" s="33"/>
      <c r="O42" s="33"/>
      <c r="P42" s="33"/>
      <c r="Q42" s="33"/>
      <c r="R42" s="33"/>
      <c r="S42" s="33"/>
      <c r="T42" s="33"/>
      <c r="U42" s="33"/>
      <c r="V42" s="33"/>
      <c r="W42" s="33"/>
      <c r="X42" s="33"/>
      <c r="Y42" s="33"/>
      <c r="Z42" s="33"/>
      <c r="AA42" s="33"/>
      <c r="AB42" s="33"/>
      <c r="AC42" s="33"/>
      <c r="AD42" s="33"/>
      <c r="AE42" s="33"/>
      <c r="AF42" s="33"/>
      <c r="AG42" s="32"/>
      <c r="AH42" s="32"/>
      <c r="AI42" s="32"/>
      <c r="AJ42" s="32"/>
      <c r="AK42" s="32"/>
      <c r="AL42" s="32"/>
      <c r="AM42" s="32"/>
      <c r="AN42" s="32"/>
      <c r="AO42" s="32"/>
      <c r="AP42" s="32"/>
      <c r="AQ42" s="32"/>
      <c r="AR42" s="32"/>
      <c r="AS42" s="32"/>
      <c r="AT42" s="32"/>
      <c r="AU42" s="32"/>
      <c r="AV42" s="32"/>
      <c r="AW42" s="32"/>
      <c r="AX42" s="32"/>
      <c r="AY42" s="32"/>
      <c r="AZ42" s="32"/>
      <c r="BA42" s="32"/>
      <c r="BB42" s="32"/>
      <c r="BC42" s="32"/>
      <c r="BD42" s="32"/>
      <c r="BE42" s="32"/>
      <c r="BF42" s="32"/>
      <c r="BG42" s="32"/>
      <c r="BH42" s="32"/>
      <c r="BI42" s="32"/>
      <c r="BJ42" s="32"/>
      <c r="BK42" s="32"/>
      <c r="BL42" s="32"/>
      <c r="BM42" s="32"/>
      <c r="BN42" s="32"/>
      <c r="BO42" s="32"/>
      <c r="BP42" s="32"/>
      <c r="BQ42" s="32"/>
      <c r="BR42" s="32"/>
      <c r="BS42" s="32"/>
      <c r="BT42" s="32"/>
      <c r="BU42" s="32"/>
      <c r="BV42" s="32"/>
      <c r="BW42" s="32"/>
      <c r="BX42" s="32"/>
      <c r="BY42" s="32"/>
      <c r="BZ42" s="32"/>
      <c r="CA42" s="32"/>
      <c r="CB42" s="32"/>
      <c r="CC42" s="32"/>
      <c r="CD42" s="32"/>
      <c r="CE42" s="32"/>
      <c r="CF42" s="32"/>
      <c r="CG42" s="32"/>
      <c r="CH42" s="32"/>
      <c r="CI42" s="32"/>
      <c r="CJ42" s="32"/>
      <c r="CK42" s="32"/>
      <c r="CL42" s="32"/>
      <c r="CM42" s="32"/>
      <c r="CN42" s="32"/>
      <c r="CO42" s="32"/>
      <c r="CP42" s="32"/>
      <c r="CQ42" s="32"/>
      <c r="CR42" s="32"/>
      <c r="CS42" s="32"/>
      <c r="CT42" s="32"/>
      <c r="CU42" s="32"/>
      <c r="CV42" s="32"/>
      <c r="CW42" s="32"/>
      <c r="CX42" s="32"/>
      <c r="CY42" s="32"/>
      <c r="CZ42" s="32"/>
      <c r="DA42" s="32"/>
      <c r="DB42" s="32"/>
      <c r="DC42" s="32"/>
      <c r="DD42" s="32"/>
      <c r="DE42" s="32"/>
      <c r="DF42" s="32"/>
      <c r="DG42" s="32"/>
      <c r="DH42" s="32"/>
      <c r="DI42" s="32"/>
      <c r="DJ42" s="32"/>
      <c r="DK42" s="32"/>
      <c r="DL42" s="32"/>
      <c r="DM42" s="32"/>
      <c r="DN42" s="32"/>
      <c r="DO42" s="32"/>
      <c r="DP42" s="32"/>
      <c r="DQ42" s="32"/>
      <c r="DR42" s="32"/>
      <c r="DS42" s="32"/>
      <c r="DT42" s="32"/>
      <c r="DU42" s="32"/>
      <c r="DV42" s="32"/>
      <c r="DW42" s="32"/>
      <c r="DX42" s="32"/>
      <c r="DY42" s="32"/>
      <c r="DZ42" s="32"/>
      <c r="EA42" s="32"/>
      <c r="EB42" s="32"/>
      <c r="EC42" s="32"/>
    </row>
    <row r="43" spans="2:133" x14ac:dyDescent="0.2">
      <c r="C43" s="33"/>
      <c r="D43" s="33"/>
      <c r="E43" s="33"/>
      <c r="F43" s="33"/>
      <c r="G43" s="33"/>
      <c r="H43" s="33"/>
      <c r="I43" s="33"/>
      <c r="J43" s="33"/>
      <c r="K43" s="33"/>
      <c r="L43" s="33"/>
      <c r="M43" s="33"/>
      <c r="N43" s="33"/>
      <c r="O43" s="33"/>
      <c r="P43" s="33"/>
      <c r="Q43" s="33"/>
      <c r="R43" s="33"/>
      <c r="S43" s="33"/>
      <c r="T43" s="33"/>
      <c r="U43" s="33"/>
      <c r="V43" s="33"/>
      <c r="W43" s="33"/>
      <c r="X43" s="33"/>
      <c r="Y43" s="33"/>
      <c r="Z43" s="33"/>
      <c r="AA43" s="33"/>
      <c r="AB43" s="33"/>
      <c r="AC43" s="33"/>
      <c r="AD43" s="33"/>
      <c r="AE43" s="33"/>
      <c r="AF43" s="33"/>
      <c r="AG43" s="32"/>
      <c r="AH43" s="32"/>
      <c r="AI43" s="32"/>
      <c r="AJ43" s="32"/>
      <c r="AK43" s="32"/>
      <c r="AL43" s="32"/>
      <c r="AM43" s="32"/>
      <c r="AN43" s="32"/>
      <c r="AO43" s="32"/>
      <c r="AP43" s="32"/>
      <c r="AQ43" s="32"/>
      <c r="AR43" s="32"/>
      <c r="AS43" s="32"/>
      <c r="AT43" s="32"/>
      <c r="AU43" s="32"/>
      <c r="AV43" s="32"/>
      <c r="AW43" s="32"/>
      <c r="AX43" s="32"/>
      <c r="AY43" s="32"/>
      <c r="AZ43" s="32"/>
      <c r="BA43" s="32"/>
      <c r="BB43" s="32"/>
      <c r="BC43" s="32"/>
      <c r="BD43" s="32"/>
      <c r="BE43" s="32"/>
      <c r="BF43" s="32"/>
      <c r="BG43" s="32"/>
      <c r="BH43" s="32"/>
      <c r="BI43" s="32"/>
      <c r="BJ43" s="32"/>
      <c r="BK43" s="32"/>
      <c r="BL43" s="32"/>
      <c r="BM43" s="32"/>
      <c r="BN43" s="32"/>
      <c r="BO43" s="32"/>
      <c r="BP43" s="32"/>
      <c r="BQ43" s="32"/>
      <c r="BR43" s="32"/>
      <c r="BS43" s="32"/>
      <c r="BT43" s="32"/>
      <c r="BU43" s="32"/>
      <c r="BV43" s="32"/>
      <c r="BW43" s="32"/>
      <c r="BX43" s="32"/>
      <c r="BY43" s="32"/>
      <c r="BZ43" s="32"/>
      <c r="CA43" s="32"/>
      <c r="CB43" s="32"/>
      <c r="CC43" s="32"/>
      <c r="CD43" s="32"/>
      <c r="CE43" s="32"/>
      <c r="CF43" s="32"/>
      <c r="CG43" s="32"/>
      <c r="CH43" s="32"/>
      <c r="CI43" s="32"/>
      <c r="CJ43" s="32"/>
      <c r="CK43" s="32"/>
      <c r="CL43" s="32"/>
      <c r="CM43" s="32"/>
      <c r="CN43" s="32"/>
      <c r="CO43" s="32"/>
      <c r="CP43" s="32"/>
      <c r="CQ43" s="32"/>
      <c r="CR43" s="32"/>
      <c r="CS43" s="32"/>
      <c r="CT43" s="32"/>
      <c r="CU43" s="32"/>
      <c r="CV43" s="32"/>
      <c r="CW43" s="32"/>
      <c r="CX43" s="32"/>
      <c r="CY43" s="32"/>
      <c r="CZ43" s="32"/>
      <c r="DA43" s="32"/>
      <c r="DB43" s="32"/>
      <c r="DC43" s="32"/>
      <c r="DD43" s="32"/>
      <c r="DE43" s="32"/>
      <c r="DF43" s="32"/>
      <c r="DG43" s="32"/>
      <c r="DH43" s="32"/>
      <c r="DI43" s="32"/>
      <c r="DJ43" s="32"/>
      <c r="DK43" s="32"/>
      <c r="DL43" s="32"/>
      <c r="DM43" s="32"/>
      <c r="DN43" s="32"/>
      <c r="DO43" s="32"/>
      <c r="DP43" s="32"/>
      <c r="DQ43" s="32"/>
      <c r="DR43" s="32"/>
      <c r="DS43" s="32"/>
      <c r="DT43" s="32"/>
      <c r="DU43" s="32"/>
      <c r="DV43" s="32"/>
      <c r="DW43" s="32"/>
      <c r="DX43" s="32"/>
      <c r="DY43" s="32"/>
      <c r="DZ43" s="32"/>
      <c r="EA43" s="32"/>
      <c r="EB43" s="32"/>
      <c r="EC43" s="32"/>
    </row>
    <row r="44" spans="2:133" x14ac:dyDescent="0.2">
      <c r="C44" s="33"/>
      <c r="D44" s="33"/>
      <c r="E44" s="33"/>
      <c r="F44" s="33"/>
      <c r="G44" s="33"/>
      <c r="H44" s="33"/>
      <c r="I44" s="33"/>
      <c r="J44" s="33"/>
      <c r="K44" s="33"/>
      <c r="L44" s="33"/>
      <c r="M44" s="33"/>
      <c r="N44" s="33"/>
      <c r="O44" s="33"/>
      <c r="P44" s="33"/>
      <c r="Q44" s="33"/>
      <c r="R44" s="33"/>
      <c r="S44" s="33"/>
      <c r="T44" s="33"/>
      <c r="U44" s="33"/>
      <c r="V44" s="33"/>
      <c r="W44" s="33"/>
      <c r="X44" s="33"/>
      <c r="Y44" s="33"/>
      <c r="Z44" s="33"/>
      <c r="AA44" s="33"/>
      <c r="AB44" s="33"/>
      <c r="AC44" s="33"/>
      <c r="AD44" s="33"/>
      <c r="AE44" s="33"/>
      <c r="AF44" s="33"/>
      <c r="AG44" s="32"/>
      <c r="AH44" s="32"/>
      <c r="AI44" s="32"/>
      <c r="AJ44" s="32"/>
      <c r="AK44" s="32"/>
      <c r="AL44" s="32"/>
      <c r="AM44" s="32"/>
      <c r="AN44" s="32"/>
      <c r="AO44" s="32"/>
      <c r="AP44" s="32"/>
      <c r="AQ44" s="32"/>
      <c r="AR44" s="32"/>
      <c r="AS44" s="32"/>
      <c r="AT44" s="32"/>
      <c r="AU44" s="32"/>
      <c r="AV44" s="32"/>
      <c r="AW44" s="32"/>
      <c r="AX44" s="32"/>
      <c r="AY44" s="32"/>
      <c r="AZ44" s="32"/>
      <c r="BA44" s="32"/>
      <c r="BB44" s="32"/>
      <c r="BC44" s="32"/>
      <c r="BD44" s="32"/>
      <c r="BE44" s="32"/>
      <c r="BF44" s="32"/>
      <c r="BG44" s="32"/>
      <c r="BH44" s="32"/>
      <c r="BI44" s="32"/>
      <c r="BJ44" s="32"/>
      <c r="BK44" s="32"/>
      <c r="BL44" s="32"/>
      <c r="BM44" s="32"/>
      <c r="BN44" s="32"/>
      <c r="BO44" s="32"/>
      <c r="BP44" s="32"/>
      <c r="BQ44" s="32"/>
      <c r="BR44" s="32"/>
      <c r="BS44" s="32"/>
      <c r="BT44" s="32"/>
      <c r="BU44" s="32"/>
      <c r="BV44" s="32"/>
      <c r="BW44" s="32"/>
      <c r="BX44" s="32"/>
      <c r="BY44" s="32"/>
      <c r="BZ44" s="32"/>
      <c r="CA44" s="32"/>
      <c r="CB44" s="32"/>
      <c r="CC44" s="32"/>
      <c r="CD44" s="32"/>
      <c r="CE44" s="32"/>
      <c r="CF44" s="32"/>
      <c r="CG44" s="32"/>
      <c r="CH44" s="32"/>
      <c r="CI44" s="32"/>
      <c r="CJ44" s="32"/>
      <c r="CK44" s="32"/>
      <c r="CL44" s="32"/>
      <c r="CM44" s="32"/>
      <c r="CN44" s="32"/>
      <c r="CO44" s="32"/>
      <c r="CP44" s="32"/>
      <c r="CQ44" s="32"/>
      <c r="CR44" s="32"/>
      <c r="CS44" s="32"/>
      <c r="CT44" s="32"/>
      <c r="CU44" s="32"/>
      <c r="CV44" s="32"/>
      <c r="CW44" s="32"/>
      <c r="CX44" s="32"/>
      <c r="CY44" s="32"/>
      <c r="CZ44" s="32"/>
      <c r="DA44" s="32"/>
      <c r="DB44" s="32"/>
      <c r="DC44" s="32"/>
      <c r="DD44" s="32"/>
      <c r="DE44" s="32"/>
      <c r="DF44" s="32"/>
      <c r="DG44" s="32"/>
      <c r="DH44" s="32"/>
      <c r="DI44" s="32"/>
      <c r="DJ44" s="32"/>
      <c r="DK44" s="32"/>
      <c r="DL44" s="32"/>
      <c r="DM44" s="32"/>
      <c r="DN44" s="32"/>
      <c r="DO44" s="32"/>
      <c r="DP44" s="32"/>
      <c r="DQ44" s="32"/>
      <c r="DR44" s="32"/>
      <c r="DS44" s="32"/>
      <c r="DT44" s="32"/>
      <c r="DU44" s="32"/>
      <c r="DV44" s="32"/>
      <c r="DW44" s="32"/>
      <c r="DX44" s="32"/>
      <c r="DY44" s="32"/>
      <c r="DZ44" s="32"/>
      <c r="EA44" s="32"/>
      <c r="EB44" s="32"/>
      <c r="EC44" s="32"/>
    </row>
    <row r="45" spans="2:133" x14ac:dyDescent="0.2">
      <c r="C45" s="33"/>
      <c r="D45" s="33"/>
      <c r="E45" s="33"/>
      <c r="F45" s="33"/>
      <c r="G45" s="33"/>
      <c r="H45" s="33"/>
      <c r="I45" s="33"/>
      <c r="J45" s="33"/>
      <c r="K45" s="33"/>
      <c r="L45" s="33"/>
      <c r="M45" s="33"/>
      <c r="N45" s="33"/>
      <c r="O45" s="33"/>
      <c r="P45" s="33"/>
      <c r="Q45" s="33"/>
      <c r="R45" s="33"/>
      <c r="S45" s="33"/>
      <c r="T45" s="33"/>
      <c r="U45" s="33"/>
      <c r="V45" s="33"/>
      <c r="W45" s="33"/>
      <c r="X45" s="33"/>
      <c r="Y45" s="33"/>
      <c r="Z45" s="33"/>
      <c r="AA45" s="33"/>
      <c r="AB45" s="33"/>
      <c r="AC45" s="33"/>
      <c r="AD45" s="33"/>
      <c r="AE45" s="33"/>
      <c r="AF45" s="33"/>
      <c r="AG45" s="32"/>
      <c r="AH45" s="32"/>
      <c r="AI45" s="32"/>
      <c r="AJ45" s="32"/>
      <c r="AK45" s="32"/>
      <c r="AL45" s="32"/>
      <c r="AM45" s="32"/>
      <c r="AN45" s="32"/>
      <c r="AO45" s="32"/>
      <c r="AP45" s="32"/>
      <c r="AQ45" s="32"/>
      <c r="AR45" s="32"/>
      <c r="AS45" s="32"/>
      <c r="AT45" s="32"/>
      <c r="AU45" s="32"/>
      <c r="AV45" s="32"/>
      <c r="AW45" s="32"/>
      <c r="AX45" s="32"/>
      <c r="AY45" s="32"/>
      <c r="AZ45" s="32"/>
      <c r="BA45" s="32"/>
      <c r="BB45" s="32"/>
      <c r="BC45" s="32"/>
      <c r="BD45" s="32"/>
      <c r="BE45" s="32"/>
      <c r="BF45" s="32"/>
      <c r="BG45" s="32"/>
      <c r="BH45" s="32"/>
      <c r="BI45" s="32"/>
      <c r="BJ45" s="32"/>
      <c r="BK45" s="32"/>
      <c r="BL45" s="32"/>
      <c r="BM45" s="32"/>
      <c r="BN45" s="32"/>
      <c r="BO45" s="32"/>
      <c r="BP45" s="32"/>
      <c r="BQ45" s="32"/>
      <c r="BR45" s="32"/>
      <c r="BS45" s="32"/>
      <c r="BT45" s="32"/>
      <c r="BU45" s="32"/>
      <c r="BV45" s="32"/>
      <c r="BW45" s="32"/>
      <c r="BX45" s="32"/>
      <c r="BY45" s="32"/>
      <c r="BZ45" s="32"/>
      <c r="CA45" s="32"/>
      <c r="CB45" s="32"/>
      <c r="CC45" s="32"/>
      <c r="CD45" s="32"/>
      <c r="CE45" s="32"/>
      <c r="CF45" s="32"/>
      <c r="CG45" s="32"/>
      <c r="CH45" s="32"/>
      <c r="CI45" s="32"/>
      <c r="CJ45" s="32"/>
      <c r="CK45" s="32"/>
      <c r="CL45" s="32"/>
      <c r="CM45" s="32"/>
      <c r="CN45" s="32"/>
      <c r="CO45" s="32"/>
      <c r="CP45" s="32"/>
      <c r="CQ45" s="32"/>
      <c r="CR45" s="32"/>
      <c r="CS45" s="32"/>
      <c r="CT45" s="32"/>
      <c r="CU45" s="32"/>
      <c r="CV45" s="32"/>
      <c r="CW45" s="32"/>
      <c r="CX45" s="32"/>
      <c r="CY45" s="32"/>
      <c r="CZ45" s="32"/>
      <c r="DA45" s="32"/>
      <c r="DB45" s="32"/>
      <c r="DC45" s="32"/>
      <c r="DD45" s="32"/>
      <c r="DE45" s="32"/>
      <c r="DF45" s="32"/>
      <c r="DG45" s="32"/>
      <c r="DH45" s="32"/>
      <c r="DI45" s="32"/>
      <c r="DJ45" s="32"/>
      <c r="DK45" s="32"/>
      <c r="DL45" s="32"/>
      <c r="DM45" s="32"/>
      <c r="DN45" s="32"/>
      <c r="DO45" s="32"/>
      <c r="DP45" s="32"/>
      <c r="DQ45" s="32"/>
      <c r="DR45" s="32"/>
      <c r="DS45" s="32"/>
      <c r="DT45" s="32"/>
      <c r="DU45" s="32"/>
      <c r="DV45" s="32"/>
      <c r="DW45" s="32"/>
      <c r="DX45" s="32"/>
      <c r="DY45" s="32"/>
      <c r="DZ45" s="32"/>
      <c r="EA45" s="32"/>
      <c r="EB45" s="32"/>
      <c r="EC45" s="32"/>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F1:G1"/>
    <mergeCell ref="I1:J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5" width="7.88671875" style="38" customWidth="1"/>
    <col min="6" max="6" width="8.109375" style="38" customWidth="1"/>
    <col min="7"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102" width="9" style="38"/>
    <col min="103" max="148" width="9" style="39"/>
    <col min="149" max="149" width="7.77734375" style="39" customWidth="1"/>
    <col min="150" max="159" width="9" style="39"/>
    <col min="160" max="160" width="8.109375" style="39" customWidth="1"/>
    <col min="161" max="16384" width="9" style="39"/>
  </cols>
  <sheetData>
    <row r="1" spans="2:299" ht="24" customHeight="1" x14ac:dyDescent="0.2">
      <c r="B1" s="10" t="s">
        <v>121</v>
      </c>
      <c r="F1" s="499">
        <f>第１表!F2</f>
        <v>5</v>
      </c>
      <c r="G1" s="499"/>
      <c r="H1" s="235">
        <f>第１表!G2</f>
        <v>9</v>
      </c>
      <c r="I1" s="481">
        <f>H1</f>
        <v>9</v>
      </c>
      <c r="J1" s="481"/>
    </row>
    <row r="2" spans="2:299" ht="24" customHeight="1" thickBot="1" x14ac:dyDescent="0.25">
      <c r="B2" s="15" t="s">
        <v>129</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20086</v>
      </c>
      <c r="D7" s="68">
        <v>20785</v>
      </c>
      <c r="E7" s="69">
        <v>40871</v>
      </c>
      <c r="F7" s="227"/>
      <c r="G7" s="68">
        <v>30587</v>
      </c>
      <c r="H7" s="68">
        <v>30516</v>
      </c>
      <c r="I7" s="68">
        <v>20689</v>
      </c>
      <c r="J7" s="68">
        <v>17413</v>
      </c>
      <c r="K7" s="68">
        <v>10576</v>
      </c>
      <c r="L7" s="70">
        <v>109781</v>
      </c>
      <c r="M7" s="71">
        <v>150652</v>
      </c>
      <c r="N7" s="56">
        <v>826</v>
      </c>
      <c r="O7" s="57">
        <v>1033</v>
      </c>
      <c r="P7" s="58">
        <v>1859</v>
      </c>
      <c r="Q7" s="230"/>
      <c r="R7" s="57">
        <v>1330</v>
      </c>
      <c r="S7" s="57">
        <v>1532</v>
      </c>
      <c r="T7" s="57">
        <v>1014</v>
      </c>
      <c r="U7" s="57">
        <v>920</v>
      </c>
      <c r="V7" s="57">
        <v>724</v>
      </c>
      <c r="W7" s="58">
        <v>5520</v>
      </c>
      <c r="X7" s="59">
        <v>7379</v>
      </c>
      <c r="Y7" s="56">
        <v>1906</v>
      </c>
      <c r="Z7" s="57">
        <v>2335</v>
      </c>
      <c r="AA7" s="58">
        <v>4241</v>
      </c>
      <c r="AB7" s="230"/>
      <c r="AC7" s="57">
        <v>2803</v>
      </c>
      <c r="AD7" s="57">
        <v>3437</v>
      </c>
      <c r="AE7" s="57">
        <v>2261</v>
      </c>
      <c r="AF7" s="57">
        <v>1966</v>
      </c>
      <c r="AG7" s="57">
        <v>1460</v>
      </c>
      <c r="AH7" s="58">
        <v>11927</v>
      </c>
      <c r="AI7" s="59">
        <v>16168</v>
      </c>
      <c r="AJ7" s="56">
        <v>3113</v>
      </c>
      <c r="AK7" s="57">
        <v>3457</v>
      </c>
      <c r="AL7" s="58">
        <v>6570</v>
      </c>
      <c r="AM7" s="230"/>
      <c r="AN7" s="57">
        <v>4846</v>
      </c>
      <c r="AO7" s="57">
        <v>4988</v>
      </c>
      <c r="AP7" s="57">
        <v>3419</v>
      </c>
      <c r="AQ7" s="57">
        <v>2902</v>
      </c>
      <c r="AR7" s="57">
        <v>1930</v>
      </c>
      <c r="AS7" s="58">
        <v>18085</v>
      </c>
      <c r="AT7" s="59">
        <v>24655</v>
      </c>
      <c r="AU7" s="56">
        <v>5202</v>
      </c>
      <c r="AV7" s="57">
        <v>5161</v>
      </c>
      <c r="AW7" s="58">
        <v>10363</v>
      </c>
      <c r="AX7" s="230"/>
      <c r="AY7" s="57">
        <v>7803</v>
      </c>
      <c r="AZ7" s="57">
        <v>7273</v>
      </c>
      <c r="BA7" s="57">
        <v>4771</v>
      </c>
      <c r="BB7" s="57">
        <v>3958</v>
      </c>
      <c r="BC7" s="57">
        <v>2406</v>
      </c>
      <c r="BD7" s="58">
        <v>26211</v>
      </c>
      <c r="BE7" s="59">
        <v>36574</v>
      </c>
      <c r="BF7" s="56">
        <v>5767</v>
      </c>
      <c r="BG7" s="57">
        <v>5306</v>
      </c>
      <c r="BH7" s="58">
        <v>11073</v>
      </c>
      <c r="BI7" s="230"/>
      <c r="BJ7" s="57">
        <v>8288</v>
      </c>
      <c r="BK7" s="57">
        <v>7452</v>
      </c>
      <c r="BL7" s="57">
        <v>5084</v>
      </c>
      <c r="BM7" s="57">
        <v>4150</v>
      </c>
      <c r="BN7" s="57">
        <v>2286</v>
      </c>
      <c r="BO7" s="58">
        <v>27260</v>
      </c>
      <c r="BP7" s="59">
        <v>38333</v>
      </c>
      <c r="BQ7" s="56">
        <v>3272</v>
      </c>
      <c r="BR7" s="57">
        <v>3493</v>
      </c>
      <c r="BS7" s="58">
        <v>6765</v>
      </c>
      <c r="BT7" s="230"/>
      <c r="BU7" s="57">
        <v>5517</v>
      </c>
      <c r="BV7" s="57">
        <v>5834</v>
      </c>
      <c r="BW7" s="57">
        <v>4140</v>
      </c>
      <c r="BX7" s="57">
        <v>3517</v>
      </c>
      <c r="BY7" s="57">
        <v>1770</v>
      </c>
      <c r="BZ7" s="58">
        <v>20778</v>
      </c>
      <c r="CA7" s="59">
        <v>27543</v>
      </c>
      <c r="CB7" s="56">
        <v>523</v>
      </c>
      <c r="CC7" s="57">
        <v>790</v>
      </c>
      <c r="CD7" s="58">
        <v>1313</v>
      </c>
      <c r="CE7" s="230"/>
      <c r="CF7" s="57">
        <v>877</v>
      </c>
      <c r="CG7" s="57">
        <v>1365</v>
      </c>
      <c r="CH7" s="57">
        <v>843</v>
      </c>
      <c r="CI7" s="57">
        <v>820</v>
      </c>
      <c r="CJ7" s="57">
        <v>716</v>
      </c>
      <c r="CK7" s="58">
        <v>4621</v>
      </c>
      <c r="CL7" s="59">
        <v>5934</v>
      </c>
      <c r="CM7" s="56">
        <v>20609</v>
      </c>
      <c r="CN7" s="57">
        <v>21575</v>
      </c>
      <c r="CO7" s="58">
        <v>42184</v>
      </c>
      <c r="CP7" s="230"/>
      <c r="CQ7" s="57">
        <v>31464</v>
      </c>
      <c r="CR7" s="57">
        <v>31881</v>
      </c>
      <c r="CS7" s="57">
        <v>21532</v>
      </c>
      <c r="CT7" s="57">
        <v>18233</v>
      </c>
      <c r="CU7" s="57">
        <v>11292</v>
      </c>
      <c r="CV7" s="58">
        <v>114402</v>
      </c>
      <c r="CW7" s="59">
        <v>156586</v>
      </c>
      <c r="CX7" s="112">
        <v>38908</v>
      </c>
      <c r="CY7" s="68">
        <v>45206</v>
      </c>
      <c r="CZ7" s="69">
        <v>84114</v>
      </c>
      <c r="DA7" s="227"/>
      <c r="DB7" s="68">
        <v>55910</v>
      </c>
      <c r="DC7" s="68">
        <v>53115</v>
      </c>
      <c r="DD7" s="68">
        <v>39462</v>
      </c>
      <c r="DE7" s="68">
        <v>38797</v>
      </c>
      <c r="DF7" s="68">
        <v>25831</v>
      </c>
      <c r="DG7" s="70">
        <v>213115</v>
      </c>
      <c r="DH7" s="71">
        <v>297229</v>
      </c>
      <c r="DI7" s="56">
        <v>854</v>
      </c>
      <c r="DJ7" s="57">
        <v>1046</v>
      </c>
      <c r="DK7" s="58">
        <v>1900</v>
      </c>
      <c r="DL7" s="230"/>
      <c r="DM7" s="57">
        <v>971</v>
      </c>
      <c r="DN7" s="57">
        <v>1039</v>
      </c>
      <c r="DO7" s="57">
        <v>692</v>
      </c>
      <c r="DP7" s="57">
        <v>699</v>
      </c>
      <c r="DQ7" s="57">
        <v>586</v>
      </c>
      <c r="DR7" s="58">
        <v>3987</v>
      </c>
      <c r="DS7" s="59">
        <v>5887</v>
      </c>
      <c r="DT7" s="56">
        <v>2583</v>
      </c>
      <c r="DU7" s="57">
        <v>3059</v>
      </c>
      <c r="DV7" s="58">
        <v>5642</v>
      </c>
      <c r="DW7" s="230"/>
      <c r="DX7" s="57">
        <v>2919</v>
      </c>
      <c r="DY7" s="57">
        <v>2883</v>
      </c>
      <c r="DZ7" s="57">
        <v>1797</v>
      </c>
      <c r="EA7" s="57">
        <v>1792</v>
      </c>
      <c r="EB7" s="57">
        <v>1407</v>
      </c>
      <c r="EC7" s="58">
        <v>10798</v>
      </c>
      <c r="ED7" s="59">
        <v>16440</v>
      </c>
      <c r="EE7" s="56">
        <v>6060</v>
      </c>
      <c r="EF7" s="57">
        <v>6729</v>
      </c>
      <c r="EG7" s="58">
        <v>12789</v>
      </c>
      <c r="EH7" s="230"/>
      <c r="EI7" s="57">
        <v>6725</v>
      </c>
      <c r="EJ7" s="57">
        <v>5697</v>
      </c>
      <c r="EK7" s="57">
        <v>3715</v>
      </c>
      <c r="EL7" s="57">
        <v>3338</v>
      </c>
      <c r="EM7" s="57">
        <v>2718</v>
      </c>
      <c r="EN7" s="58">
        <v>22193</v>
      </c>
      <c r="EO7" s="59">
        <v>34982</v>
      </c>
      <c r="EP7" s="56">
        <v>11913</v>
      </c>
      <c r="EQ7" s="57">
        <v>12310</v>
      </c>
      <c r="ER7" s="58">
        <v>24223</v>
      </c>
      <c r="ES7" s="230"/>
      <c r="ET7" s="57">
        <v>13501</v>
      </c>
      <c r="EU7" s="57">
        <v>11201</v>
      </c>
      <c r="EV7" s="57">
        <v>7292</v>
      </c>
      <c r="EW7" s="57">
        <v>6651</v>
      </c>
      <c r="EX7" s="57">
        <v>4516</v>
      </c>
      <c r="EY7" s="58">
        <v>43161</v>
      </c>
      <c r="EZ7" s="59">
        <v>67384</v>
      </c>
      <c r="FA7" s="56">
        <v>11437</v>
      </c>
      <c r="FB7" s="57">
        <v>13301</v>
      </c>
      <c r="FC7" s="58">
        <v>24738</v>
      </c>
      <c r="FD7" s="230"/>
      <c r="FE7" s="57">
        <v>17114</v>
      </c>
      <c r="FF7" s="57">
        <v>15359</v>
      </c>
      <c r="FG7" s="57">
        <v>10858</v>
      </c>
      <c r="FH7" s="57">
        <v>9861</v>
      </c>
      <c r="FI7" s="57">
        <v>6644</v>
      </c>
      <c r="FJ7" s="58">
        <v>59836</v>
      </c>
      <c r="FK7" s="59">
        <v>84574</v>
      </c>
      <c r="FL7" s="56">
        <v>6061</v>
      </c>
      <c r="FM7" s="57">
        <v>8761</v>
      </c>
      <c r="FN7" s="58">
        <v>14822</v>
      </c>
      <c r="FO7" s="230"/>
      <c r="FP7" s="57">
        <v>14680</v>
      </c>
      <c r="FQ7" s="57">
        <v>16936</v>
      </c>
      <c r="FR7" s="57">
        <v>15108</v>
      </c>
      <c r="FS7" s="57">
        <v>16456</v>
      </c>
      <c r="FT7" s="57">
        <v>9960</v>
      </c>
      <c r="FU7" s="58">
        <v>73140</v>
      </c>
      <c r="FV7" s="59">
        <v>87962</v>
      </c>
      <c r="FW7" s="56">
        <v>378</v>
      </c>
      <c r="FX7" s="57">
        <v>700</v>
      </c>
      <c r="FY7" s="58">
        <v>1078</v>
      </c>
      <c r="FZ7" s="230"/>
      <c r="GA7" s="57">
        <v>689</v>
      </c>
      <c r="GB7" s="57">
        <v>1065</v>
      </c>
      <c r="GC7" s="57">
        <v>620</v>
      </c>
      <c r="GD7" s="57">
        <v>594</v>
      </c>
      <c r="GE7" s="57">
        <v>642</v>
      </c>
      <c r="GF7" s="58">
        <v>3610</v>
      </c>
      <c r="GG7" s="59">
        <v>4688</v>
      </c>
      <c r="GH7" s="56">
        <v>39286</v>
      </c>
      <c r="GI7" s="57">
        <v>45906</v>
      </c>
      <c r="GJ7" s="58">
        <v>85192</v>
      </c>
      <c r="GK7" s="230"/>
      <c r="GL7" s="57">
        <v>56599</v>
      </c>
      <c r="GM7" s="57">
        <v>54180</v>
      </c>
      <c r="GN7" s="57">
        <v>40082</v>
      </c>
      <c r="GO7" s="57">
        <v>39391</v>
      </c>
      <c r="GP7" s="57">
        <v>26473</v>
      </c>
      <c r="GQ7" s="58">
        <v>216725</v>
      </c>
      <c r="GR7" s="59">
        <v>301917</v>
      </c>
      <c r="GS7" s="112">
        <v>58994</v>
      </c>
      <c r="GT7" s="68">
        <v>65991</v>
      </c>
      <c r="GU7" s="69">
        <v>124985</v>
      </c>
      <c r="GV7" s="227"/>
      <c r="GW7" s="68">
        <v>86497</v>
      </c>
      <c r="GX7" s="68">
        <v>83631</v>
      </c>
      <c r="GY7" s="68">
        <v>60151</v>
      </c>
      <c r="GZ7" s="68">
        <v>56210</v>
      </c>
      <c r="HA7" s="68">
        <v>36407</v>
      </c>
      <c r="HB7" s="70">
        <v>322896</v>
      </c>
      <c r="HC7" s="71">
        <v>447881</v>
      </c>
      <c r="HD7" s="56">
        <v>1680</v>
      </c>
      <c r="HE7" s="57">
        <v>2079</v>
      </c>
      <c r="HF7" s="58">
        <v>3759</v>
      </c>
      <c r="HG7" s="230"/>
      <c r="HH7" s="57">
        <v>2301</v>
      </c>
      <c r="HI7" s="57">
        <v>2571</v>
      </c>
      <c r="HJ7" s="57">
        <v>1706</v>
      </c>
      <c r="HK7" s="57">
        <v>1619</v>
      </c>
      <c r="HL7" s="57">
        <v>1310</v>
      </c>
      <c r="HM7" s="58">
        <v>9507</v>
      </c>
      <c r="HN7" s="59">
        <v>13266</v>
      </c>
      <c r="HO7" s="56">
        <v>4489</v>
      </c>
      <c r="HP7" s="57">
        <v>5394</v>
      </c>
      <c r="HQ7" s="58">
        <v>9883</v>
      </c>
      <c r="HR7" s="230"/>
      <c r="HS7" s="57">
        <v>5722</v>
      </c>
      <c r="HT7" s="57">
        <v>6320</v>
      </c>
      <c r="HU7" s="57">
        <v>4058</v>
      </c>
      <c r="HV7" s="57">
        <v>3758</v>
      </c>
      <c r="HW7" s="57">
        <v>2867</v>
      </c>
      <c r="HX7" s="58">
        <v>22725</v>
      </c>
      <c r="HY7" s="59">
        <v>32608</v>
      </c>
      <c r="HZ7" s="56">
        <v>9173</v>
      </c>
      <c r="IA7" s="57">
        <v>10186</v>
      </c>
      <c r="IB7" s="58">
        <v>19359</v>
      </c>
      <c r="IC7" s="230"/>
      <c r="ID7" s="57">
        <v>11571</v>
      </c>
      <c r="IE7" s="57">
        <v>10685</v>
      </c>
      <c r="IF7" s="57">
        <v>7134</v>
      </c>
      <c r="IG7" s="57">
        <v>6240</v>
      </c>
      <c r="IH7" s="57">
        <v>4648</v>
      </c>
      <c r="II7" s="58">
        <v>40278</v>
      </c>
      <c r="IJ7" s="59">
        <v>59637</v>
      </c>
      <c r="IK7" s="56">
        <v>17115</v>
      </c>
      <c r="IL7" s="57">
        <v>17471</v>
      </c>
      <c r="IM7" s="58">
        <v>34586</v>
      </c>
      <c r="IN7" s="230"/>
      <c r="IO7" s="57">
        <v>21304</v>
      </c>
      <c r="IP7" s="57">
        <v>18474</v>
      </c>
      <c r="IQ7" s="57">
        <v>12063</v>
      </c>
      <c r="IR7" s="57">
        <v>10609</v>
      </c>
      <c r="IS7" s="57">
        <v>6922</v>
      </c>
      <c r="IT7" s="58">
        <v>69372</v>
      </c>
      <c r="IU7" s="59">
        <v>103958</v>
      </c>
      <c r="IV7" s="56">
        <v>17204</v>
      </c>
      <c r="IW7" s="57">
        <v>18607</v>
      </c>
      <c r="IX7" s="58">
        <v>35811</v>
      </c>
      <c r="IY7" s="230"/>
      <c r="IZ7" s="57">
        <v>25402</v>
      </c>
      <c r="JA7" s="57">
        <v>22811</v>
      </c>
      <c r="JB7" s="57">
        <v>15942</v>
      </c>
      <c r="JC7" s="57">
        <v>14011</v>
      </c>
      <c r="JD7" s="57">
        <v>8930</v>
      </c>
      <c r="JE7" s="58">
        <v>87096</v>
      </c>
      <c r="JF7" s="59">
        <v>122907</v>
      </c>
      <c r="JG7" s="56">
        <v>9333</v>
      </c>
      <c r="JH7" s="57">
        <v>12254</v>
      </c>
      <c r="JI7" s="58">
        <v>21587</v>
      </c>
      <c r="JJ7" s="230"/>
      <c r="JK7" s="57">
        <v>20197</v>
      </c>
      <c r="JL7" s="57">
        <v>22770</v>
      </c>
      <c r="JM7" s="57">
        <v>19248</v>
      </c>
      <c r="JN7" s="57">
        <v>19973</v>
      </c>
      <c r="JO7" s="57">
        <v>11730</v>
      </c>
      <c r="JP7" s="58">
        <v>93918</v>
      </c>
      <c r="JQ7" s="59">
        <v>115505</v>
      </c>
      <c r="JR7" s="56">
        <v>901</v>
      </c>
      <c r="JS7" s="57">
        <v>1490</v>
      </c>
      <c r="JT7" s="58">
        <v>2391</v>
      </c>
      <c r="JU7" s="230"/>
      <c r="JV7" s="57">
        <v>1566</v>
      </c>
      <c r="JW7" s="57">
        <v>2430</v>
      </c>
      <c r="JX7" s="57">
        <v>1463</v>
      </c>
      <c r="JY7" s="57">
        <v>1414</v>
      </c>
      <c r="JZ7" s="57">
        <v>1358</v>
      </c>
      <c r="KA7" s="58">
        <v>8231</v>
      </c>
      <c r="KB7" s="59">
        <v>10622</v>
      </c>
      <c r="KC7" s="56">
        <v>59895</v>
      </c>
      <c r="KD7" s="57">
        <v>67481</v>
      </c>
      <c r="KE7" s="58">
        <v>127376</v>
      </c>
      <c r="KF7" s="230"/>
      <c r="KG7" s="57">
        <v>88063</v>
      </c>
      <c r="KH7" s="57">
        <v>86061</v>
      </c>
      <c r="KI7" s="57">
        <v>61614</v>
      </c>
      <c r="KJ7" s="57">
        <v>57624</v>
      </c>
      <c r="KK7" s="57">
        <v>37765</v>
      </c>
      <c r="KL7" s="58">
        <v>331127</v>
      </c>
      <c r="KM7" s="59">
        <v>458503</v>
      </c>
    </row>
    <row r="8" spans="2:299" ht="21" customHeight="1" x14ac:dyDescent="0.2">
      <c r="B8" s="471" t="s">
        <v>5</v>
      </c>
      <c r="C8" s="293">
        <v>8010</v>
      </c>
      <c r="D8" s="72">
        <v>9769</v>
      </c>
      <c r="E8" s="73">
        <v>17779</v>
      </c>
      <c r="F8" s="228"/>
      <c r="G8" s="72">
        <v>10102</v>
      </c>
      <c r="H8" s="72">
        <v>13517</v>
      </c>
      <c r="I8" s="72">
        <v>8712</v>
      </c>
      <c r="J8" s="72">
        <v>7251</v>
      </c>
      <c r="K8" s="72">
        <v>4329</v>
      </c>
      <c r="L8" s="74">
        <v>43911</v>
      </c>
      <c r="M8" s="75">
        <v>61690</v>
      </c>
      <c r="N8" s="60">
        <v>312</v>
      </c>
      <c r="O8" s="61">
        <v>476</v>
      </c>
      <c r="P8" s="62">
        <v>788</v>
      </c>
      <c r="Q8" s="231"/>
      <c r="R8" s="61">
        <v>406</v>
      </c>
      <c r="S8" s="61">
        <v>689</v>
      </c>
      <c r="T8" s="61">
        <v>445</v>
      </c>
      <c r="U8" s="61">
        <v>382</v>
      </c>
      <c r="V8" s="61">
        <v>301</v>
      </c>
      <c r="W8" s="62">
        <v>2223</v>
      </c>
      <c r="X8" s="63">
        <v>3011</v>
      </c>
      <c r="Y8" s="60">
        <v>728</v>
      </c>
      <c r="Z8" s="61">
        <v>1058</v>
      </c>
      <c r="AA8" s="62">
        <v>1786</v>
      </c>
      <c r="AB8" s="231"/>
      <c r="AC8" s="61">
        <v>835</v>
      </c>
      <c r="AD8" s="61">
        <v>1528</v>
      </c>
      <c r="AE8" s="61">
        <v>969</v>
      </c>
      <c r="AF8" s="61">
        <v>810</v>
      </c>
      <c r="AG8" s="61">
        <v>589</v>
      </c>
      <c r="AH8" s="62">
        <v>4731</v>
      </c>
      <c r="AI8" s="63">
        <v>6517</v>
      </c>
      <c r="AJ8" s="60">
        <v>1211</v>
      </c>
      <c r="AK8" s="61">
        <v>1592</v>
      </c>
      <c r="AL8" s="62">
        <v>2803</v>
      </c>
      <c r="AM8" s="231"/>
      <c r="AN8" s="61">
        <v>1544</v>
      </c>
      <c r="AO8" s="61">
        <v>2190</v>
      </c>
      <c r="AP8" s="61">
        <v>1406</v>
      </c>
      <c r="AQ8" s="61">
        <v>1162</v>
      </c>
      <c r="AR8" s="61">
        <v>788</v>
      </c>
      <c r="AS8" s="62">
        <v>7090</v>
      </c>
      <c r="AT8" s="63">
        <v>9893</v>
      </c>
      <c r="AU8" s="60">
        <v>2010</v>
      </c>
      <c r="AV8" s="61">
        <v>2368</v>
      </c>
      <c r="AW8" s="62">
        <v>4378</v>
      </c>
      <c r="AX8" s="231"/>
      <c r="AY8" s="61">
        <v>2448</v>
      </c>
      <c r="AZ8" s="61">
        <v>3105</v>
      </c>
      <c r="BA8" s="61">
        <v>1909</v>
      </c>
      <c r="BB8" s="61">
        <v>1638</v>
      </c>
      <c r="BC8" s="61">
        <v>965</v>
      </c>
      <c r="BD8" s="62">
        <v>10065</v>
      </c>
      <c r="BE8" s="63">
        <v>14443</v>
      </c>
      <c r="BF8" s="60">
        <v>2407</v>
      </c>
      <c r="BG8" s="61">
        <v>2527</v>
      </c>
      <c r="BH8" s="62">
        <v>4934</v>
      </c>
      <c r="BI8" s="231"/>
      <c r="BJ8" s="61">
        <v>2930</v>
      </c>
      <c r="BK8" s="61">
        <v>3319</v>
      </c>
      <c r="BL8" s="61">
        <v>2163</v>
      </c>
      <c r="BM8" s="61">
        <v>1746</v>
      </c>
      <c r="BN8" s="61">
        <v>912</v>
      </c>
      <c r="BO8" s="62">
        <v>11070</v>
      </c>
      <c r="BP8" s="63">
        <v>16004</v>
      </c>
      <c r="BQ8" s="60">
        <v>1342</v>
      </c>
      <c r="BR8" s="61">
        <v>1748</v>
      </c>
      <c r="BS8" s="62">
        <v>3090</v>
      </c>
      <c r="BT8" s="231"/>
      <c r="BU8" s="61">
        <v>1939</v>
      </c>
      <c r="BV8" s="61">
        <v>2686</v>
      </c>
      <c r="BW8" s="61">
        <v>1820</v>
      </c>
      <c r="BX8" s="61">
        <v>1513</v>
      </c>
      <c r="BY8" s="61">
        <v>774</v>
      </c>
      <c r="BZ8" s="62">
        <v>8732</v>
      </c>
      <c r="CA8" s="63">
        <v>11822</v>
      </c>
      <c r="CB8" s="60">
        <v>185</v>
      </c>
      <c r="CC8" s="61">
        <v>347</v>
      </c>
      <c r="CD8" s="62">
        <v>532</v>
      </c>
      <c r="CE8" s="231"/>
      <c r="CF8" s="61">
        <v>246</v>
      </c>
      <c r="CG8" s="61">
        <v>610</v>
      </c>
      <c r="CH8" s="61">
        <v>381</v>
      </c>
      <c r="CI8" s="61">
        <v>335</v>
      </c>
      <c r="CJ8" s="61">
        <v>318</v>
      </c>
      <c r="CK8" s="62">
        <v>1890</v>
      </c>
      <c r="CL8" s="63">
        <v>2422</v>
      </c>
      <c r="CM8" s="60">
        <v>8195</v>
      </c>
      <c r="CN8" s="61">
        <v>10116</v>
      </c>
      <c r="CO8" s="62">
        <v>18311</v>
      </c>
      <c r="CP8" s="231"/>
      <c r="CQ8" s="61">
        <v>10348</v>
      </c>
      <c r="CR8" s="61">
        <v>14127</v>
      </c>
      <c r="CS8" s="61">
        <v>9093</v>
      </c>
      <c r="CT8" s="61">
        <v>7586</v>
      </c>
      <c r="CU8" s="61">
        <v>4647</v>
      </c>
      <c r="CV8" s="62">
        <v>45801</v>
      </c>
      <c r="CW8" s="63">
        <v>64112</v>
      </c>
      <c r="CX8" s="113">
        <v>15105</v>
      </c>
      <c r="CY8" s="72">
        <v>20252</v>
      </c>
      <c r="CZ8" s="73">
        <v>35357</v>
      </c>
      <c r="DA8" s="228"/>
      <c r="DB8" s="72">
        <v>19249</v>
      </c>
      <c r="DC8" s="72">
        <v>24096</v>
      </c>
      <c r="DD8" s="72">
        <v>16455</v>
      </c>
      <c r="DE8" s="72">
        <v>16027</v>
      </c>
      <c r="DF8" s="72">
        <v>10696</v>
      </c>
      <c r="DG8" s="74">
        <v>86523</v>
      </c>
      <c r="DH8" s="75">
        <v>121880</v>
      </c>
      <c r="DI8" s="60">
        <v>329</v>
      </c>
      <c r="DJ8" s="61">
        <v>459</v>
      </c>
      <c r="DK8" s="62">
        <v>788</v>
      </c>
      <c r="DL8" s="231"/>
      <c r="DM8" s="61">
        <v>279</v>
      </c>
      <c r="DN8" s="61">
        <v>473</v>
      </c>
      <c r="DO8" s="61">
        <v>270</v>
      </c>
      <c r="DP8" s="61">
        <v>299</v>
      </c>
      <c r="DQ8" s="61">
        <v>241</v>
      </c>
      <c r="DR8" s="62">
        <v>1562</v>
      </c>
      <c r="DS8" s="63">
        <v>2350</v>
      </c>
      <c r="DT8" s="60">
        <v>949</v>
      </c>
      <c r="DU8" s="61">
        <v>1337</v>
      </c>
      <c r="DV8" s="62">
        <v>2286</v>
      </c>
      <c r="DW8" s="231"/>
      <c r="DX8" s="61">
        <v>870</v>
      </c>
      <c r="DY8" s="61">
        <v>1280</v>
      </c>
      <c r="DZ8" s="61">
        <v>744</v>
      </c>
      <c r="EA8" s="61">
        <v>743</v>
      </c>
      <c r="EB8" s="61">
        <v>607</v>
      </c>
      <c r="EC8" s="62">
        <v>4244</v>
      </c>
      <c r="ED8" s="63">
        <v>6530</v>
      </c>
      <c r="EE8" s="60">
        <v>2308</v>
      </c>
      <c r="EF8" s="61">
        <v>2982</v>
      </c>
      <c r="EG8" s="62">
        <v>5290</v>
      </c>
      <c r="EH8" s="231"/>
      <c r="EI8" s="61">
        <v>2183</v>
      </c>
      <c r="EJ8" s="61">
        <v>2446</v>
      </c>
      <c r="EK8" s="61">
        <v>1487</v>
      </c>
      <c r="EL8" s="61">
        <v>1287</v>
      </c>
      <c r="EM8" s="61">
        <v>1115</v>
      </c>
      <c r="EN8" s="62">
        <v>8518</v>
      </c>
      <c r="EO8" s="63">
        <v>13808</v>
      </c>
      <c r="EP8" s="60">
        <v>4638</v>
      </c>
      <c r="EQ8" s="61">
        <v>5369</v>
      </c>
      <c r="ER8" s="62">
        <v>10007</v>
      </c>
      <c r="ES8" s="231"/>
      <c r="ET8" s="61">
        <v>4695</v>
      </c>
      <c r="EU8" s="61">
        <v>5055</v>
      </c>
      <c r="EV8" s="61">
        <v>2953</v>
      </c>
      <c r="EW8" s="61">
        <v>2714</v>
      </c>
      <c r="EX8" s="61">
        <v>1774</v>
      </c>
      <c r="EY8" s="62">
        <v>17191</v>
      </c>
      <c r="EZ8" s="63">
        <v>27198</v>
      </c>
      <c r="FA8" s="60">
        <v>4535</v>
      </c>
      <c r="FB8" s="61">
        <v>6132</v>
      </c>
      <c r="FC8" s="62">
        <v>10667</v>
      </c>
      <c r="FD8" s="231"/>
      <c r="FE8" s="61">
        <v>6147</v>
      </c>
      <c r="FF8" s="61">
        <v>7055</v>
      </c>
      <c r="FG8" s="61">
        <v>4593</v>
      </c>
      <c r="FH8" s="61">
        <v>4185</v>
      </c>
      <c r="FI8" s="61">
        <v>2778</v>
      </c>
      <c r="FJ8" s="62">
        <v>24758</v>
      </c>
      <c r="FK8" s="63">
        <v>35425</v>
      </c>
      <c r="FL8" s="60">
        <v>2346</v>
      </c>
      <c r="FM8" s="61">
        <v>3973</v>
      </c>
      <c r="FN8" s="62">
        <v>6319</v>
      </c>
      <c r="FO8" s="231"/>
      <c r="FP8" s="61">
        <v>5075</v>
      </c>
      <c r="FQ8" s="61">
        <v>7787</v>
      </c>
      <c r="FR8" s="61">
        <v>6408</v>
      </c>
      <c r="FS8" s="61">
        <v>6799</v>
      </c>
      <c r="FT8" s="61">
        <v>4181</v>
      </c>
      <c r="FU8" s="62">
        <v>30250</v>
      </c>
      <c r="FV8" s="63">
        <v>36569</v>
      </c>
      <c r="FW8" s="60">
        <v>149</v>
      </c>
      <c r="FX8" s="61">
        <v>291</v>
      </c>
      <c r="FY8" s="62">
        <v>440</v>
      </c>
      <c r="FZ8" s="231"/>
      <c r="GA8" s="61">
        <v>200</v>
      </c>
      <c r="GB8" s="61">
        <v>475</v>
      </c>
      <c r="GC8" s="61">
        <v>268</v>
      </c>
      <c r="GD8" s="61">
        <v>243</v>
      </c>
      <c r="GE8" s="61">
        <v>266</v>
      </c>
      <c r="GF8" s="62">
        <v>1452</v>
      </c>
      <c r="GG8" s="63">
        <v>1892</v>
      </c>
      <c r="GH8" s="60">
        <v>15254</v>
      </c>
      <c r="GI8" s="61">
        <v>20543</v>
      </c>
      <c r="GJ8" s="62">
        <v>35797</v>
      </c>
      <c r="GK8" s="231"/>
      <c r="GL8" s="61">
        <v>19449</v>
      </c>
      <c r="GM8" s="61">
        <v>24571</v>
      </c>
      <c r="GN8" s="61">
        <v>16723</v>
      </c>
      <c r="GO8" s="61">
        <v>16270</v>
      </c>
      <c r="GP8" s="61">
        <v>10962</v>
      </c>
      <c r="GQ8" s="62">
        <v>87975</v>
      </c>
      <c r="GR8" s="63">
        <v>123772</v>
      </c>
      <c r="GS8" s="113">
        <v>23115</v>
      </c>
      <c r="GT8" s="72">
        <v>30021</v>
      </c>
      <c r="GU8" s="73">
        <v>53136</v>
      </c>
      <c r="GV8" s="228"/>
      <c r="GW8" s="72">
        <v>29351</v>
      </c>
      <c r="GX8" s="72">
        <v>37613</v>
      </c>
      <c r="GY8" s="72">
        <v>25167</v>
      </c>
      <c r="GZ8" s="72">
        <v>23278</v>
      </c>
      <c r="HA8" s="72">
        <v>15025</v>
      </c>
      <c r="HB8" s="74">
        <v>130434</v>
      </c>
      <c r="HC8" s="75">
        <v>183570</v>
      </c>
      <c r="HD8" s="60">
        <v>641</v>
      </c>
      <c r="HE8" s="61">
        <v>935</v>
      </c>
      <c r="HF8" s="62">
        <v>1576</v>
      </c>
      <c r="HG8" s="231"/>
      <c r="HH8" s="61">
        <v>685</v>
      </c>
      <c r="HI8" s="61">
        <v>1162</v>
      </c>
      <c r="HJ8" s="61">
        <v>715</v>
      </c>
      <c r="HK8" s="61">
        <v>681</v>
      </c>
      <c r="HL8" s="61">
        <v>542</v>
      </c>
      <c r="HM8" s="62">
        <v>3785</v>
      </c>
      <c r="HN8" s="63">
        <v>5361</v>
      </c>
      <c r="HO8" s="60">
        <v>1677</v>
      </c>
      <c r="HP8" s="61">
        <v>2395</v>
      </c>
      <c r="HQ8" s="62">
        <v>4072</v>
      </c>
      <c r="HR8" s="231"/>
      <c r="HS8" s="61">
        <v>1705</v>
      </c>
      <c r="HT8" s="61">
        <v>2808</v>
      </c>
      <c r="HU8" s="61">
        <v>1713</v>
      </c>
      <c r="HV8" s="61">
        <v>1553</v>
      </c>
      <c r="HW8" s="61">
        <v>1196</v>
      </c>
      <c r="HX8" s="62">
        <v>8975</v>
      </c>
      <c r="HY8" s="63">
        <v>13047</v>
      </c>
      <c r="HZ8" s="60">
        <v>3519</v>
      </c>
      <c r="IA8" s="61">
        <v>4574</v>
      </c>
      <c r="IB8" s="62">
        <v>8093</v>
      </c>
      <c r="IC8" s="231"/>
      <c r="ID8" s="61">
        <v>3727</v>
      </c>
      <c r="IE8" s="61">
        <v>4636</v>
      </c>
      <c r="IF8" s="61">
        <v>2893</v>
      </c>
      <c r="IG8" s="61">
        <v>2449</v>
      </c>
      <c r="IH8" s="61">
        <v>1903</v>
      </c>
      <c r="II8" s="62">
        <v>15608</v>
      </c>
      <c r="IJ8" s="63">
        <v>23701</v>
      </c>
      <c r="IK8" s="60">
        <v>6648</v>
      </c>
      <c r="IL8" s="61">
        <v>7737</v>
      </c>
      <c r="IM8" s="62">
        <v>14385</v>
      </c>
      <c r="IN8" s="231"/>
      <c r="IO8" s="61">
        <v>7143</v>
      </c>
      <c r="IP8" s="61">
        <v>8160</v>
      </c>
      <c r="IQ8" s="61">
        <v>4862</v>
      </c>
      <c r="IR8" s="61">
        <v>4352</v>
      </c>
      <c r="IS8" s="61">
        <v>2739</v>
      </c>
      <c r="IT8" s="62">
        <v>27256</v>
      </c>
      <c r="IU8" s="63">
        <v>41641</v>
      </c>
      <c r="IV8" s="60">
        <v>6942</v>
      </c>
      <c r="IW8" s="61">
        <v>8659</v>
      </c>
      <c r="IX8" s="62">
        <v>15601</v>
      </c>
      <c r="IY8" s="231"/>
      <c r="IZ8" s="61">
        <v>9077</v>
      </c>
      <c r="JA8" s="61">
        <v>10374</v>
      </c>
      <c r="JB8" s="61">
        <v>6756</v>
      </c>
      <c r="JC8" s="61">
        <v>5931</v>
      </c>
      <c r="JD8" s="61">
        <v>3690</v>
      </c>
      <c r="JE8" s="62">
        <v>35828</v>
      </c>
      <c r="JF8" s="63">
        <v>51429</v>
      </c>
      <c r="JG8" s="60">
        <v>3688</v>
      </c>
      <c r="JH8" s="61">
        <v>5721</v>
      </c>
      <c r="JI8" s="62">
        <v>9409</v>
      </c>
      <c r="JJ8" s="231"/>
      <c r="JK8" s="61">
        <v>7014</v>
      </c>
      <c r="JL8" s="61">
        <v>10473</v>
      </c>
      <c r="JM8" s="61">
        <v>8228</v>
      </c>
      <c r="JN8" s="61">
        <v>8312</v>
      </c>
      <c r="JO8" s="61">
        <v>4955</v>
      </c>
      <c r="JP8" s="62">
        <v>38982</v>
      </c>
      <c r="JQ8" s="63">
        <v>48391</v>
      </c>
      <c r="JR8" s="60">
        <v>334</v>
      </c>
      <c r="JS8" s="61">
        <v>638</v>
      </c>
      <c r="JT8" s="62">
        <v>972</v>
      </c>
      <c r="JU8" s="231"/>
      <c r="JV8" s="61">
        <v>446</v>
      </c>
      <c r="JW8" s="61">
        <v>1085</v>
      </c>
      <c r="JX8" s="61">
        <v>649</v>
      </c>
      <c r="JY8" s="61">
        <v>578</v>
      </c>
      <c r="JZ8" s="61">
        <v>584</v>
      </c>
      <c r="KA8" s="62">
        <v>3342</v>
      </c>
      <c r="KB8" s="63">
        <v>4314</v>
      </c>
      <c r="KC8" s="60">
        <v>23449</v>
      </c>
      <c r="KD8" s="61">
        <v>30659</v>
      </c>
      <c r="KE8" s="62">
        <v>54108</v>
      </c>
      <c r="KF8" s="231"/>
      <c r="KG8" s="61">
        <v>29797</v>
      </c>
      <c r="KH8" s="61">
        <v>38698</v>
      </c>
      <c r="KI8" s="61">
        <v>25816</v>
      </c>
      <c r="KJ8" s="61">
        <v>23856</v>
      </c>
      <c r="KK8" s="61">
        <v>15609</v>
      </c>
      <c r="KL8" s="62">
        <v>133776</v>
      </c>
      <c r="KM8" s="63">
        <v>187884</v>
      </c>
    </row>
    <row r="9" spans="2:299" ht="21" customHeight="1" x14ac:dyDescent="0.2">
      <c r="B9" s="472" t="s">
        <v>6</v>
      </c>
      <c r="C9" s="293">
        <v>2637</v>
      </c>
      <c r="D9" s="72">
        <v>2406</v>
      </c>
      <c r="E9" s="73">
        <v>5043</v>
      </c>
      <c r="F9" s="228"/>
      <c r="G9" s="72">
        <v>4965</v>
      </c>
      <c r="H9" s="72">
        <v>4009</v>
      </c>
      <c r="I9" s="72">
        <v>2813</v>
      </c>
      <c r="J9" s="72">
        <v>2431</v>
      </c>
      <c r="K9" s="72">
        <v>1677</v>
      </c>
      <c r="L9" s="74">
        <v>15895</v>
      </c>
      <c r="M9" s="75">
        <v>20938</v>
      </c>
      <c r="N9" s="60">
        <v>146</v>
      </c>
      <c r="O9" s="61">
        <v>150</v>
      </c>
      <c r="P9" s="62">
        <v>296</v>
      </c>
      <c r="Q9" s="231"/>
      <c r="R9" s="61">
        <v>263</v>
      </c>
      <c r="S9" s="61">
        <v>247</v>
      </c>
      <c r="T9" s="61">
        <v>140</v>
      </c>
      <c r="U9" s="61">
        <v>131</v>
      </c>
      <c r="V9" s="61">
        <v>117</v>
      </c>
      <c r="W9" s="62">
        <v>898</v>
      </c>
      <c r="X9" s="63">
        <v>1194</v>
      </c>
      <c r="Y9" s="60">
        <v>289</v>
      </c>
      <c r="Z9" s="61">
        <v>283</v>
      </c>
      <c r="AA9" s="62">
        <v>572</v>
      </c>
      <c r="AB9" s="231"/>
      <c r="AC9" s="61">
        <v>534</v>
      </c>
      <c r="AD9" s="61">
        <v>472</v>
      </c>
      <c r="AE9" s="61">
        <v>337</v>
      </c>
      <c r="AF9" s="61">
        <v>296</v>
      </c>
      <c r="AG9" s="61">
        <v>247</v>
      </c>
      <c r="AH9" s="62">
        <v>1886</v>
      </c>
      <c r="AI9" s="63">
        <v>2458</v>
      </c>
      <c r="AJ9" s="60">
        <v>440</v>
      </c>
      <c r="AK9" s="61">
        <v>404</v>
      </c>
      <c r="AL9" s="62">
        <v>844</v>
      </c>
      <c r="AM9" s="231"/>
      <c r="AN9" s="61">
        <v>810</v>
      </c>
      <c r="AO9" s="61">
        <v>706</v>
      </c>
      <c r="AP9" s="61">
        <v>495</v>
      </c>
      <c r="AQ9" s="61">
        <v>436</v>
      </c>
      <c r="AR9" s="61">
        <v>310</v>
      </c>
      <c r="AS9" s="62">
        <v>2757</v>
      </c>
      <c r="AT9" s="63">
        <v>3601</v>
      </c>
      <c r="AU9" s="60">
        <v>643</v>
      </c>
      <c r="AV9" s="61">
        <v>582</v>
      </c>
      <c r="AW9" s="62">
        <v>1225</v>
      </c>
      <c r="AX9" s="231"/>
      <c r="AY9" s="61">
        <v>1235</v>
      </c>
      <c r="AZ9" s="61">
        <v>920</v>
      </c>
      <c r="BA9" s="61">
        <v>657</v>
      </c>
      <c r="BB9" s="61">
        <v>527</v>
      </c>
      <c r="BC9" s="61">
        <v>372</v>
      </c>
      <c r="BD9" s="62">
        <v>3711</v>
      </c>
      <c r="BE9" s="63">
        <v>4936</v>
      </c>
      <c r="BF9" s="60">
        <v>706</v>
      </c>
      <c r="BG9" s="61">
        <v>570</v>
      </c>
      <c r="BH9" s="62">
        <v>1276</v>
      </c>
      <c r="BI9" s="231"/>
      <c r="BJ9" s="61">
        <v>1236</v>
      </c>
      <c r="BK9" s="61">
        <v>965</v>
      </c>
      <c r="BL9" s="61">
        <v>629</v>
      </c>
      <c r="BM9" s="61">
        <v>544</v>
      </c>
      <c r="BN9" s="61">
        <v>355</v>
      </c>
      <c r="BO9" s="62">
        <v>3729</v>
      </c>
      <c r="BP9" s="63">
        <v>5005</v>
      </c>
      <c r="BQ9" s="60">
        <v>413</v>
      </c>
      <c r="BR9" s="61">
        <v>417</v>
      </c>
      <c r="BS9" s="62">
        <v>830</v>
      </c>
      <c r="BT9" s="231"/>
      <c r="BU9" s="61">
        <v>887</v>
      </c>
      <c r="BV9" s="61">
        <v>699</v>
      </c>
      <c r="BW9" s="61">
        <v>555</v>
      </c>
      <c r="BX9" s="61">
        <v>497</v>
      </c>
      <c r="BY9" s="61">
        <v>276</v>
      </c>
      <c r="BZ9" s="62">
        <v>2914</v>
      </c>
      <c r="CA9" s="63">
        <v>3744</v>
      </c>
      <c r="CB9" s="60">
        <v>81</v>
      </c>
      <c r="CC9" s="61">
        <v>94</v>
      </c>
      <c r="CD9" s="62">
        <v>175</v>
      </c>
      <c r="CE9" s="231"/>
      <c r="CF9" s="61">
        <v>171</v>
      </c>
      <c r="CG9" s="61">
        <v>184</v>
      </c>
      <c r="CH9" s="61">
        <v>108</v>
      </c>
      <c r="CI9" s="61">
        <v>134</v>
      </c>
      <c r="CJ9" s="61">
        <v>109</v>
      </c>
      <c r="CK9" s="62">
        <v>706</v>
      </c>
      <c r="CL9" s="63">
        <v>881</v>
      </c>
      <c r="CM9" s="60">
        <v>2718</v>
      </c>
      <c r="CN9" s="61">
        <v>2500</v>
      </c>
      <c r="CO9" s="62">
        <v>5218</v>
      </c>
      <c r="CP9" s="231"/>
      <c r="CQ9" s="61">
        <v>5136</v>
      </c>
      <c r="CR9" s="61">
        <v>4193</v>
      </c>
      <c r="CS9" s="61">
        <v>2921</v>
      </c>
      <c r="CT9" s="61">
        <v>2565</v>
      </c>
      <c r="CU9" s="61">
        <v>1786</v>
      </c>
      <c r="CV9" s="62">
        <v>16601</v>
      </c>
      <c r="CW9" s="63">
        <v>21819</v>
      </c>
      <c r="CX9" s="113">
        <v>5175</v>
      </c>
      <c r="CY9" s="72">
        <v>5389</v>
      </c>
      <c r="CZ9" s="73">
        <v>10564</v>
      </c>
      <c r="DA9" s="228"/>
      <c r="DB9" s="72">
        <v>8704</v>
      </c>
      <c r="DC9" s="72">
        <v>6721</v>
      </c>
      <c r="DD9" s="72">
        <v>5274</v>
      </c>
      <c r="DE9" s="72">
        <v>5339</v>
      </c>
      <c r="DF9" s="72">
        <v>3726</v>
      </c>
      <c r="DG9" s="74">
        <v>29764</v>
      </c>
      <c r="DH9" s="75">
        <v>40328</v>
      </c>
      <c r="DI9" s="60">
        <v>126</v>
      </c>
      <c r="DJ9" s="61">
        <v>115</v>
      </c>
      <c r="DK9" s="62">
        <v>241</v>
      </c>
      <c r="DL9" s="231"/>
      <c r="DM9" s="61">
        <v>157</v>
      </c>
      <c r="DN9" s="61">
        <v>117</v>
      </c>
      <c r="DO9" s="61">
        <v>106</v>
      </c>
      <c r="DP9" s="61">
        <v>110</v>
      </c>
      <c r="DQ9" s="61">
        <v>79</v>
      </c>
      <c r="DR9" s="62">
        <v>569</v>
      </c>
      <c r="DS9" s="63">
        <v>810</v>
      </c>
      <c r="DT9" s="60">
        <v>343</v>
      </c>
      <c r="DU9" s="61">
        <v>353</v>
      </c>
      <c r="DV9" s="62">
        <v>696</v>
      </c>
      <c r="DW9" s="231"/>
      <c r="DX9" s="61">
        <v>483</v>
      </c>
      <c r="DY9" s="61">
        <v>362</v>
      </c>
      <c r="DZ9" s="61">
        <v>239</v>
      </c>
      <c r="EA9" s="61">
        <v>265</v>
      </c>
      <c r="EB9" s="61">
        <v>190</v>
      </c>
      <c r="EC9" s="62">
        <v>1539</v>
      </c>
      <c r="ED9" s="63">
        <v>2235</v>
      </c>
      <c r="EE9" s="60">
        <v>784</v>
      </c>
      <c r="EF9" s="61">
        <v>798</v>
      </c>
      <c r="EG9" s="62">
        <v>1582</v>
      </c>
      <c r="EH9" s="231"/>
      <c r="EI9" s="61">
        <v>1085</v>
      </c>
      <c r="EJ9" s="61">
        <v>689</v>
      </c>
      <c r="EK9" s="61">
        <v>482</v>
      </c>
      <c r="EL9" s="61">
        <v>470</v>
      </c>
      <c r="EM9" s="61">
        <v>353</v>
      </c>
      <c r="EN9" s="62">
        <v>3079</v>
      </c>
      <c r="EO9" s="63">
        <v>4661</v>
      </c>
      <c r="EP9" s="60">
        <v>1603</v>
      </c>
      <c r="EQ9" s="61">
        <v>1459</v>
      </c>
      <c r="ER9" s="62">
        <v>3062</v>
      </c>
      <c r="ES9" s="231"/>
      <c r="ET9" s="61">
        <v>2023</v>
      </c>
      <c r="EU9" s="61">
        <v>1396</v>
      </c>
      <c r="EV9" s="61">
        <v>948</v>
      </c>
      <c r="EW9" s="61">
        <v>899</v>
      </c>
      <c r="EX9" s="61">
        <v>641</v>
      </c>
      <c r="EY9" s="62">
        <v>5907</v>
      </c>
      <c r="EZ9" s="63">
        <v>8969</v>
      </c>
      <c r="FA9" s="60">
        <v>1509</v>
      </c>
      <c r="FB9" s="61">
        <v>1626</v>
      </c>
      <c r="FC9" s="62">
        <v>3135</v>
      </c>
      <c r="FD9" s="231"/>
      <c r="FE9" s="61">
        <v>2651</v>
      </c>
      <c r="FF9" s="61">
        <v>2008</v>
      </c>
      <c r="FG9" s="61">
        <v>1461</v>
      </c>
      <c r="FH9" s="61">
        <v>1349</v>
      </c>
      <c r="FI9" s="61">
        <v>983</v>
      </c>
      <c r="FJ9" s="62">
        <v>8452</v>
      </c>
      <c r="FK9" s="63">
        <v>11587</v>
      </c>
      <c r="FL9" s="60">
        <v>810</v>
      </c>
      <c r="FM9" s="61">
        <v>1038</v>
      </c>
      <c r="FN9" s="62">
        <v>1848</v>
      </c>
      <c r="FO9" s="231"/>
      <c r="FP9" s="61">
        <v>2305</v>
      </c>
      <c r="FQ9" s="61">
        <v>2149</v>
      </c>
      <c r="FR9" s="61">
        <v>2038</v>
      </c>
      <c r="FS9" s="61">
        <v>2246</v>
      </c>
      <c r="FT9" s="61">
        <v>1480</v>
      </c>
      <c r="FU9" s="62">
        <v>10218</v>
      </c>
      <c r="FV9" s="63">
        <v>12066</v>
      </c>
      <c r="FW9" s="60">
        <v>64</v>
      </c>
      <c r="FX9" s="61">
        <v>91</v>
      </c>
      <c r="FY9" s="62">
        <v>155</v>
      </c>
      <c r="FZ9" s="231"/>
      <c r="GA9" s="61">
        <v>126</v>
      </c>
      <c r="GB9" s="61">
        <v>127</v>
      </c>
      <c r="GC9" s="61">
        <v>100</v>
      </c>
      <c r="GD9" s="61">
        <v>99</v>
      </c>
      <c r="GE9" s="61">
        <v>98</v>
      </c>
      <c r="GF9" s="62">
        <v>550</v>
      </c>
      <c r="GG9" s="63">
        <v>705</v>
      </c>
      <c r="GH9" s="60">
        <v>5239</v>
      </c>
      <c r="GI9" s="61">
        <v>5480</v>
      </c>
      <c r="GJ9" s="62">
        <v>10719</v>
      </c>
      <c r="GK9" s="231"/>
      <c r="GL9" s="61">
        <v>8830</v>
      </c>
      <c r="GM9" s="61">
        <v>6848</v>
      </c>
      <c r="GN9" s="61">
        <v>5374</v>
      </c>
      <c r="GO9" s="61">
        <v>5438</v>
      </c>
      <c r="GP9" s="61">
        <v>3824</v>
      </c>
      <c r="GQ9" s="62">
        <v>30314</v>
      </c>
      <c r="GR9" s="63">
        <v>41033</v>
      </c>
      <c r="GS9" s="113">
        <v>7812</v>
      </c>
      <c r="GT9" s="72">
        <v>7795</v>
      </c>
      <c r="GU9" s="73">
        <v>15607</v>
      </c>
      <c r="GV9" s="228"/>
      <c r="GW9" s="72">
        <v>13669</v>
      </c>
      <c r="GX9" s="72">
        <v>10730</v>
      </c>
      <c r="GY9" s="72">
        <v>8087</v>
      </c>
      <c r="GZ9" s="72">
        <v>7770</v>
      </c>
      <c r="HA9" s="72">
        <v>5403</v>
      </c>
      <c r="HB9" s="74">
        <v>45659</v>
      </c>
      <c r="HC9" s="75">
        <v>61266</v>
      </c>
      <c r="HD9" s="60">
        <v>272</v>
      </c>
      <c r="HE9" s="61">
        <v>265</v>
      </c>
      <c r="HF9" s="62">
        <v>537</v>
      </c>
      <c r="HG9" s="231"/>
      <c r="HH9" s="61">
        <v>420</v>
      </c>
      <c r="HI9" s="61">
        <v>364</v>
      </c>
      <c r="HJ9" s="61">
        <v>246</v>
      </c>
      <c r="HK9" s="61">
        <v>241</v>
      </c>
      <c r="HL9" s="61">
        <v>196</v>
      </c>
      <c r="HM9" s="62">
        <v>1467</v>
      </c>
      <c r="HN9" s="63">
        <v>2004</v>
      </c>
      <c r="HO9" s="60">
        <v>632</v>
      </c>
      <c r="HP9" s="61">
        <v>636</v>
      </c>
      <c r="HQ9" s="62">
        <v>1268</v>
      </c>
      <c r="HR9" s="231"/>
      <c r="HS9" s="61">
        <v>1017</v>
      </c>
      <c r="HT9" s="61">
        <v>834</v>
      </c>
      <c r="HU9" s="61">
        <v>576</v>
      </c>
      <c r="HV9" s="61">
        <v>561</v>
      </c>
      <c r="HW9" s="61">
        <v>437</v>
      </c>
      <c r="HX9" s="62">
        <v>3425</v>
      </c>
      <c r="HY9" s="63">
        <v>4693</v>
      </c>
      <c r="HZ9" s="60">
        <v>1224</v>
      </c>
      <c r="IA9" s="61">
        <v>1202</v>
      </c>
      <c r="IB9" s="62">
        <v>2426</v>
      </c>
      <c r="IC9" s="231"/>
      <c r="ID9" s="61">
        <v>1895</v>
      </c>
      <c r="IE9" s="61">
        <v>1395</v>
      </c>
      <c r="IF9" s="61">
        <v>977</v>
      </c>
      <c r="IG9" s="61">
        <v>906</v>
      </c>
      <c r="IH9" s="61">
        <v>663</v>
      </c>
      <c r="II9" s="62">
        <v>5836</v>
      </c>
      <c r="IJ9" s="63">
        <v>8262</v>
      </c>
      <c r="IK9" s="60">
        <v>2246</v>
      </c>
      <c r="IL9" s="61">
        <v>2041</v>
      </c>
      <c r="IM9" s="62">
        <v>4287</v>
      </c>
      <c r="IN9" s="231"/>
      <c r="IO9" s="61">
        <v>3258</v>
      </c>
      <c r="IP9" s="61">
        <v>2316</v>
      </c>
      <c r="IQ9" s="61">
        <v>1605</v>
      </c>
      <c r="IR9" s="61">
        <v>1426</v>
      </c>
      <c r="IS9" s="61">
        <v>1013</v>
      </c>
      <c r="IT9" s="62">
        <v>9618</v>
      </c>
      <c r="IU9" s="63">
        <v>13905</v>
      </c>
      <c r="IV9" s="60">
        <v>2215</v>
      </c>
      <c r="IW9" s="61">
        <v>2196</v>
      </c>
      <c r="IX9" s="62">
        <v>4411</v>
      </c>
      <c r="IY9" s="231"/>
      <c r="IZ9" s="61">
        <v>3887</v>
      </c>
      <c r="JA9" s="61">
        <v>2973</v>
      </c>
      <c r="JB9" s="61">
        <v>2090</v>
      </c>
      <c r="JC9" s="61">
        <v>1893</v>
      </c>
      <c r="JD9" s="61">
        <v>1338</v>
      </c>
      <c r="JE9" s="62">
        <v>12181</v>
      </c>
      <c r="JF9" s="63">
        <v>16592</v>
      </c>
      <c r="JG9" s="60">
        <v>1223</v>
      </c>
      <c r="JH9" s="61">
        <v>1455</v>
      </c>
      <c r="JI9" s="62">
        <v>2678</v>
      </c>
      <c r="JJ9" s="231"/>
      <c r="JK9" s="61">
        <v>3192</v>
      </c>
      <c r="JL9" s="61">
        <v>2848</v>
      </c>
      <c r="JM9" s="61">
        <v>2593</v>
      </c>
      <c r="JN9" s="61">
        <v>2743</v>
      </c>
      <c r="JO9" s="61">
        <v>1756</v>
      </c>
      <c r="JP9" s="62">
        <v>13132</v>
      </c>
      <c r="JQ9" s="63">
        <v>15810</v>
      </c>
      <c r="JR9" s="60">
        <v>145</v>
      </c>
      <c r="JS9" s="61">
        <v>185</v>
      </c>
      <c r="JT9" s="62">
        <v>330</v>
      </c>
      <c r="JU9" s="231"/>
      <c r="JV9" s="61">
        <v>297</v>
      </c>
      <c r="JW9" s="61">
        <v>311</v>
      </c>
      <c r="JX9" s="61">
        <v>208</v>
      </c>
      <c r="JY9" s="61">
        <v>233</v>
      </c>
      <c r="JZ9" s="61">
        <v>207</v>
      </c>
      <c r="KA9" s="62">
        <v>1256</v>
      </c>
      <c r="KB9" s="63">
        <v>1586</v>
      </c>
      <c r="KC9" s="60">
        <v>7957</v>
      </c>
      <c r="KD9" s="61">
        <v>7980</v>
      </c>
      <c r="KE9" s="62">
        <v>15937</v>
      </c>
      <c r="KF9" s="231"/>
      <c r="KG9" s="61">
        <v>13966</v>
      </c>
      <c r="KH9" s="61">
        <v>11041</v>
      </c>
      <c r="KI9" s="61">
        <v>8295</v>
      </c>
      <c r="KJ9" s="61">
        <v>8003</v>
      </c>
      <c r="KK9" s="61">
        <v>5610</v>
      </c>
      <c r="KL9" s="62">
        <v>46915</v>
      </c>
      <c r="KM9" s="63">
        <v>62852</v>
      </c>
    </row>
    <row r="10" spans="2:299" ht="21" customHeight="1" x14ac:dyDescent="0.2">
      <c r="B10" s="472" t="s">
        <v>14</v>
      </c>
      <c r="C10" s="293">
        <v>1546</v>
      </c>
      <c r="D10" s="72">
        <v>1888</v>
      </c>
      <c r="E10" s="73">
        <v>3434</v>
      </c>
      <c r="F10" s="228"/>
      <c r="G10" s="72">
        <v>2283</v>
      </c>
      <c r="H10" s="72">
        <v>2551</v>
      </c>
      <c r="I10" s="72">
        <v>1862</v>
      </c>
      <c r="J10" s="72">
        <v>1521</v>
      </c>
      <c r="K10" s="72">
        <v>891</v>
      </c>
      <c r="L10" s="74">
        <v>9108</v>
      </c>
      <c r="M10" s="75">
        <v>12542</v>
      </c>
      <c r="N10" s="60">
        <v>61</v>
      </c>
      <c r="O10" s="61">
        <v>95</v>
      </c>
      <c r="P10" s="62">
        <v>156</v>
      </c>
      <c r="Q10" s="231"/>
      <c r="R10" s="61">
        <v>97</v>
      </c>
      <c r="S10" s="61">
        <v>126</v>
      </c>
      <c r="T10" s="61">
        <v>88</v>
      </c>
      <c r="U10" s="61">
        <v>83</v>
      </c>
      <c r="V10" s="61">
        <v>73</v>
      </c>
      <c r="W10" s="62">
        <v>467</v>
      </c>
      <c r="X10" s="63">
        <v>623</v>
      </c>
      <c r="Y10" s="60">
        <v>160</v>
      </c>
      <c r="Z10" s="61">
        <v>253</v>
      </c>
      <c r="AA10" s="62">
        <v>413</v>
      </c>
      <c r="AB10" s="231"/>
      <c r="AC10" s="61">
        <v>187</v>
      </c>
      <c r="AD10" s="61">
        <v>274</v>
      </c>
      <c r="AE10" s="61">
        <v>206</v>
      </c>
      <c r="AF10" s="61">
        <v>177</v>
      </c>
      <c r="AG10" s="61">
        <v>116</v>
      </c>
      <c r="AH10" s="62">
        <v>960</v>
      </c>
      <c r="AI10" s="63">
        <v>1373</v>
      </c>
      <c r="AJ10" s="60">
        <v>262</v>
      </c>
      <c r="AK10" s="61">
        <v>355</v>
      </c>
      <c r="AL10" s="62">
        <v>617</v>
      </c>
      <c r="AM10" s="231"/>
      <c r="AN10" s="61">
        <v>367</v>
      </c>
      <c r="AO10" s="61">
        <v>415</v>
      </c>
      <c r="AP10" s="61">
        <v>305</v>
      </c>
      <c r="AQ10" s="61">
        <v>268</v>
      </c>
      <c r="AR10" s="61">
        <v>165</v>
      </c>
      <c r="AS10" s="62">
        <v>1520</v>
      </c>
      <c r="AT10" s="63">
        <v>2137</v>
      </c>
      <c r="AU10" s="60">
        <v>462</v>
      </c>
      <c r="AV10" s="61">
        <v>527</v>
      </c>
      <c r="AW10" s="62">
        <v>989</v>
      </c>
      <c r="AX10" s="231"/>
      <c r="AY10" s="61">
        <v>649</v>
      </c>
      <c r="AZ10" s="61">
        <v>644</v>
      </c>
      <c r="BA10" s="61">
        <v>447</v>
      </c>
      <c r="BB10" s="61">
        <v>384</v>
      </c>
      <c r="BC10" s="61">
        <v>212</v>
      </c>
      <c r="BD10" s="62">
        <v>2336</v>
      </c>
      <c r="BE10" s="63">
        <v>3325</v>
      </c>
      <c r="BF10" s="60">
        <v>411</v>
      </c>
      <c r="BG10" s="61">
        <v>413</v>
      </c>
      <c r="BH10" s="62">
        <v>824</v>
      </c>
      <c r="BI10" s="231"/>
      <c r="BJ10" s="61">
        <v>619</v>
      </c>
      <c r="BK10" s="61">
        <v>649</v>
      </c>
      <c r="BL10" s="61">
        <v>480</v>
      </c>
      <c r="BM10" s="61">
        <v>364</v>
      </c>
      <c r="BN10" s="61">
        <v>196</v>
      </c>
      <c r="BO10" s="62">
        <v>2308</v>
      </c>
      <c r="BP10" s="63">
        <v>3132</v>
      </c>
      <c r="BQ10" s="60">
        <v>190</v>
      </c>
      <c r="BR10" s="61">
        <v>245</v>
      </c>
      <c r="BS10" s="62">
        <v>435</v>
      </c>
      <c r="BT10" s="231"/>
      <c r="BU10" s="61">
        <v>364</v>
      </c>
      <c r="BV10" s="61">
        <v>443</v>
      </c>
      <c r="BW10" s="61">
        <v>336</v>
      </c>
      <c r="BX10" s="61">
        <v>245</v>
      </c>
      <c r="BY10" s="61">
        <v>129</v>
      </c>
      <c r="BZ10" s="62">
        <v>1517</v>
      </c>
      <c r="CA10" s="63">
        <v>1952</v>
      </c>
      <c r="CB10" s="60">
        <v>39</v>
      </c>
      <c r="CC10" s="61">
        <v>93</v>
      </c>
      <c r="CD10" s="62">
        <v>132</v>
      </c>
      <c r="CE10" s="231"/>
      <c r="CF10" s="61">
        <v>40</v>
      </c>
      <c r="CG10" s="61">
        <v>113</v>
      </c>
      <c r="CH10" s="61">
        <v>69</v>
      </c>
      <c r="CI10" s="61">
        <v>82</v>
      </c>
      <c r="CJ10" s="61">
        <v>54</v>
      </c>
      <c r="CK10" s="62">
        <v>358</v>
      </c>
      <c r="CL10" s="63">
        <v>490</v>
      </c>
      <c r="CM10" s="60">
        <v>1585</v>
      </c>
      <c r="CN10" s="61">
        <v>1981</v>
      </c>
      <c r="CO10" s="62">
        <v>3566</v>
      </c>
      <c r="CP10" s="231"/>
      <c r="CQ10" s="61">
        <v>2323</v>
      </c>
      <c r="CR10" s="61">
        <v>2664</v>
      </c>
      <c r="CS10" s="61">
        <v>1931</v>
      </c>
      <c r="CT10" s="61">
        <v>1603</v>
      </c>
      <c r="CU10" s="61">
        <v>945</v>
      </c>
      <c r="CV10" s="62">
        <v>9466</v>
      </c>
      <c r="CW10" s="63">
        <v>13032</v>
      </c>
      <c r="CX10" s="113">
        <v>2985</v>
      </c>
      <c r="CY10" s="72">
        <v>4094</v>
      </c>
      <c r="CZ10" s="73">
        <v>7079</v>
      </c>
      <c r="DA10" s="228"/>
      <c r="DB10" s="72">
        <v>3822</v>
      </c>
      <c r="DC10" s="72">
        <v>4160</v>
      </c>
      <c r="DD10" s="72">
        <v>3238</v>
      </c>
      <c r="DE10" s="72">
        <v>3106</v>
      </c>
      <c r="DF10" s="72">
        <v>1923</v>
      </c>
      <c r="DG10" s="74">
        <v>16249</v>
      </c>
      <c r="DH10" s="75">
        <v>23328</v>
      </c>
      <c r="DI10" s="60">
        <v>68</v>
      </c>
      <c r="DJ10" s="61">
        <v>94</v>
      </c>
      <c r="DK10" s="62">
        <v>162</v>
      </c>
      <c r="DL10" s="231"/>
      <c r="DM10" s="61">
        <v>56</v>
      </c>
      <c r="DN10" s="61">
        <v>96</v>
      </c>
      <c r="DO10" s="61">
        <v>70</v>
      </c>
      <c r="DP10" s="61">
        <v>51</v>
      </c>
      <c r="DQ10" s="61">
        <v>41</v>
      </c>
      <c r="DR10" s="62">
        <v>314</v>
      </c>
      <c r="DS10" s="63">
        <v>476</v>
      </c>
      <c r="DT10" s="60">
        <v>233</v>
      </c>
      <c r="DU10" s="61">
        <v>345</v>
      </c>
      <c r="DV10" s="62">
        <v>578</v>
      </c>
      <c r="DW10" s="231"/>
      <c r="DX10" s="61">
        <v>200</v>
      </c>
      <c r="DY10" s="61">
        <v>277</v>
      </c>
      <c r="DZ10" s="61">
        <v>162</v>
      </c>
      <c r="EA10" s="61">
        <v>151</v>
      </c>
      <c r="EB10" s="61">
        <v>123</v>
      </c>
      <c r="EC10" s="62">
        <v>913</v>
      </c>
      <c r="ED10" s="63">
        <v>1491</v>
      </c>
      <c r="EE10" s="60">
        <v>563</v>
      </c>
      <c r="EF10" s="61">
        <v>673</v>
      </c>
      <c r="EG10" s="62">
        <v>1236</v>
      </c>
      <c r="EH10" s="231"/>
      <c r="EI10" s="61">
        <v>526</v>
      </c>
      <c r="EJ10" s="61">
        <v>547</v>
      </c>
      <c r="EK10" s="61">
        <v>349</v>
      </c>
      <c r="EL10" s="61">
        <v>337</v>
      </c>
      <c r="EM10" s="61">
        <v>242</v>
      </c>
      <c r="EN10" s="62">
        <v>2001</v>
      </c>
      <c r="EO10" s="63">
        <v>3237</v>
      </c>
      <c r="EP10" s="60">
        <v>929</v>
      </c>
      <c r="EQ10" s="61">
        <v>1225</v>
      </c>
      <c r="ER10" s="62">
        <v>2154</v>
      </c>
      <c r="ES10" s="231"/>
      <c r="ET10" s="61">
        <v>1054</v>
      </c>
      <c r="EU10" s="61">
        <v>956</v>
      </c>
      <c r="EV10" s="61">
        <v>714</v>
      </c>
      <c r="EW10" s="61">
        <v>583</v>
      </c>
      <c r="EX10" s="61">
        <v>372</v>
      </c>
      <c r="EY10" s="62">
        <v>3679</v>
      </c>
      <c r="EZ10" s="63">
        <v>5833</v>
      </c>
      <c r="FA10" s="60">
        <v>816</v>
      </c>
      <c r="FB10" s="61">
        <v>1104</v>
      </c>
      <c r="FC10" s="62">
        <v>1920</v>
      </c>
      <c r="FD10" s="231"/>
      <c r="FE10" s="61">
        <v>1114</v>
      </c>
      <c r="FF10" s="61">
        <v>1152</v>
      </c>
      <c r="FG10" s="61">
        <v>819</v>
      </c>
      <c r="FH10" s="61">
        <v>786</v>
      </c>
      <c r="FI10" s="61">
        <v>510</v>
      </c>
      <c r="FJ10" s="62">
        <v>4381</v>
      </c>
      <c r="FK10" s="63">
        <v>6301</v>
      </c>
      <c r="FL10" s="60">
        <v>376</v>
      </c>
      <c r="FM10" s="61">
        <v>653</v>
      </c>
      <c r="FN10" s="62">
        <v>1029</v>
      </c>
      <c r="FO10" s="231"/>
      <c r="FP10" s="61">
        <v>872</v>
      </c>
      <c r="FQ10" s="61">
        <v>1132</v>
      </c>
      <c r="FR10" s="61">
        <v>1124</v>
      </c>
      <c r="FS10" s="61">
        <v>1198</v>
      </c>
      <c r="FT10" s="61">
        <v>635</v>
      </c>
      <c r="FU10" s="62">
        <v>4961</v>
      </c>
      <c r="FV10" s="63">
        <v>5990</v>
      </c>
      <c r="FW10" s="60">
        <v>22</v>
      </c>
      <c r="FX10" s="61">
        <v>85</v>
      </c>
      <c r="FY10" s="62">
        <v>107</v>
      </c>
      <c r="FZ10" s="231"/>
      <c r="GA10" s="61">
        <v>42</v>
      </c>
      <c r="GB10" s="61">
        <v>92</v>
      </c>
      <c r="GC10" s="61">
        <v>42</v>
      </c>
      <c r="GD10" s="61">
        <v>50</v>
      </c>
      <c r="GE10" s="61">
        <v>61</v>
      </c>
      <c r="GF10" s="62">
        <v>287</v>
      </c>
      <c r="GG10" s="63">
        <v>394</v>
      </c>
      <c r="GH10" s="60">
        <v>3007</v>
      </c>
      <c r="GI10" s="61">
        <v>4179</v>
      </c>
      <c r="GJ10" s="62">
        <v>7186</v>
      </c>
      <c r="GK10" s="231"/>
      <c r="GL10" s="61">
        <v>3864</v>
      </c>
      <c r="GM10" s="61">
        <v>4252</v>
      </c>
      <c r="GN10" s="61">
        <v>3280</v>
      </c>
      <c r="GO10" s="61">
        <v>3156</v>
      </c>
      <c r="GP10" s="61">
        <v>1984</v>
      </c>
      <c r="GQ10" s="62">
        <v>16536</v>
      </c>
      <c r="GR10" s="63">
        <v>23722</v>
      </c>
      <c r="GS10" s="113">
        <v>4531</v>
      </c>
      <c r="GT10" s="72">
        <v>5982</v>
      </c>
      <c r="GU10" s="73">
        <v>10513</v>
      </c>
      <c r="GV10" s="228"/>
      <c r="GW10" s="72">
        <v>6105</v>
      </c>
      <c r="GX10" s="72">
        <v>6711</v>
      </c>
      <c r="GY10" s="72">
        <v>5100</v>
      </c>
      <c r="GZ10" s="72">
        <v>4627</v>
      </c>
      <c r="HA10" s="72">
        <v>2814</v>
      </c>
      <c r="HB10" s="74">
        <v>25357</v>
      </c>
      <c r="HC10" s="75">
        <v>35870</v>
      </c>
      <c r="HD10" s="60">
        <v>129</v>
      </c>
      <c r="HE10" s="61">
        <v>189</v>
      </c>
      <c r="HF10" s="62">
        <v>318</v>
      </c>
      <c r="HG10" s="231"/>
      <c r="HH10" s="61">
        <v>153</v>
      </c>
      <c r="HI10" s="61">
        <v>222</v>
      </c>
      <c r="HJ10" s="61">
        <v>158</v>
      </c>
      <c r="HK10" s="61">
        <v>134</v>
      </c>
      <c r="HL10" s="61">
        <v>114</v>
      </c>
      <c r="HM10" s="62">
        <v>781</v>
      </c>
      <c r="HN10" s="63">
        <v>1099</v>
      </c>
      <c r="HO10" s="60">
        <v>393</v>
      </c>
      <c r="HP10" s="61">
        <v>598</v>
      </c>
      <c r="HQ10" s="62">
        <v>991</v>
      </c>
      <c r="HR10" s="231"/>
      <c r="HS10" s="61">
        <v>387</v>
      </c>
      <c r="HT10" s="61">
        <v>551</v>
      </c>
      <c r="HU10" s="61">
        <v>368</v>
      </c>
      <c r="HV10" s="61">
        <v>328</v>
      </c>
      <c r="HW10" s="61">
        <v>239</v>
      </c>
      <c r="HX10" s="62">
        <v>1873</v>
      </c>
      <c r="HY10" s="63">
        <v>2864</v>
      </c>
      <c r="HZ10" s="60">
        <v>825</v>
      </c>
      <c r="IA10" s="61">
        <v>1028</v>
      </c>
      <c r="IB10" s="62">
        <v>1853</v>
      </c>
      <c r="IC10" s="231"/>
      <c r="ID10" s="61">
        <v>893</v>
      </c>
      <c r="IE10" s="61">
        <v>962</v>
      </c>
      <c r="IF10" s="61">
        <v>654</v>
      </c>
      <c r="IG10" s="61">
        <v>605</v>
      </c>
      <c r="IH10" s="61">
        <v>407</v>
      </c>
      <c r="II10" s="62">
        <v>3521</v>
      </c>
      <c r="IJ10" s="63">
        <v>5374</v>
      </c>
      <c r="IK10" s="60">
        <v>1391</v>
      </c>
      <c r="IL10" s="61">
        <v>1752</v>
      </c>
      <c r="IM10" s="62">
        <v>3143</v>
      </c>
      <c r="IN10" s="231"/>
      <c r="IO10" s="61">
        <v>1703</v>
      </c>
      <c r="IP10" s="61">
        <v>1600</v>
      </c>
      <c r="IQ10" s="61">
        <v>1161</v>
      </c>
      <c r="IR10" s="61">
        <v>967</v>
      </c>
      <c r="IS10" s="61">
        <v>584</v>
      </c>
      <c r="IT10" s="62">
        <v>6015</v>
      </c>
      <c r="IU10" s="63">
        <v>9158</v>
      </c>
      <c r="IV10" s="60">
        <v>1227</v>
      </c>
      <c r="IW10" s="61">
        <v>1517</v>
      </c>
      <c r="IX10" s="62">
        <v>2744</v>
      </c>
      <c r="IY10" s="231"/>
      <c r="IZ10" s="61">
        <v>1733</v>
      </c>
      <c r="JA10" s="61">
        <v>1801</v>
      </c>
      <c r="JB10" s="61">
        <v>1299</v>
      </c>
      <c r="JC10" s="61">
        <v>1150</v>
      </c>
      <c r="JD10" s="61">
        <v>706</v>
      </c>
      <c r="JE10" s="62">
        <v>6689</v>
      </c>
      <c r="JF10" s="63">
        <v>9433</v>
      </c>
      <c r="JG10" s="60">
        <v>566</v>
      </c>
      <c r="JH10" s="61">
        <v>898</v>
      </c>
      <c r="JI10" s="62">
        <v>1464</v>
      </c>
      <c r="JJ10" s="231"/>
      <c r="JK10" s="61">
        <v>1236</v>
      </c>
      <c r="JL10" s="61">
        <v>1575</v>
      </c>
      <c r="JM10" s="61">
        <v>1460</v>
      </c>
      <c r="JN10" s="61">
        <v>1443</v>
      </c>
      <c r="JO10" s="61">
        <v>764</v>
      </c>
      <c r="JP10" s="62">
        <v>6478</v>
      </c>
      <c r="JQ10" s="63">
        <v>7942</v>
      </c>
      <c r="JR10" s="60">
        <v>61</v>
      </c>
      <c r="JS10" s="61">
        <v>178</v>
      </c>
      <c r="JT10" s="62">
        <v>239</v>
      </c>
      <c r="JU10" s="231"/>
      <c r="JV10" s="61">
        <v>82</v>
      </c>
      <c r="JW10" s="61">
        <v>205</v>
      </c>
      <c r="JX10" s="61">
        <v>111</v>
      </c>
      <c r="JY10" s="61">
        <v>132</v>
      </c>
      <c r="JZ10" s="61">
        <v>115</v>
      </c>
      <c r="KA10" s="62">
        <v>645</v>
      </c>
      <c r="KB10" s="63">
        <v>884</v>
      </c>
      <c r="KC10" s="60">
        <v>4592</v>
      </c>
      <c r="KD10" s="61">
        <v>6160</v>
      </c>
      <c r="KE10" s="62">
        <v>10752</v>
      </c>
      <c r="KF10" s="231"/>
      <c r="KG10" s="61">
        <v>6187</v>
      </c>
      <c r="KH10" s="61">
        <v>6916</v>
      </c>
      <c r="KI10" s="61">
        <v>5211</v>
      </c>
      <c r="KJ10" s="61">
        <v>4759</v>
      </c>
      <c r="KK10" s="61">
        <v>2929</v>
      </c>
      <c r="KL10" s="62">
        <v>26002</v>
      </c>
      <c r="KM10" s="63">
        <v>36754</v>
      </c>
    </row>
    <row r="11" spans="2:299" ht="21" customHeight="1" x14ac:dyDescent="0.2">
      <c r="B11" s="472" t="s">
        <v>7</v>
      </c>
      <c r="C11" s="293">
        <v>995</v>
      </c>
      <c r="D11" s="72">
        <v>748</v>
      </c>
      <c r="E11" s="73">
        <v>1743</v>
      </c>
      <c r="F11" s="228"/>
      <c r="G11" s="72">
        <v>2297</v>
      </c>
      <c r="H11" s="72">
        <v>1519</v>
      </c>
      <c r="I11" s="72">
        <v>953</v>
      </c>
      <c r="J11" s="72">
        <v>837</v>
      </c>
      <c r="K11" s="72">
        <v>445</v>
      </c>
      <c r="L11" s="74">
        <v>6051</v>
      </c>
      <c r="M11" s="75">
        <v>7794</v>
      </c>
      <c r="N11" s="60">
        <v>34</v>
      </c>
      <c r="O11" s="61">
        <v>28</v>
      </c>
      <c r="P11" s="62">
        <v>62</v>
      </c>
      <c r="Q11" s="231"/>
      <c r="R11" s="61">
        <v>102</v>
      </c>
      <c r="S11" s="61">
        <v>61</v>
      </c>
      <c r="T11" s="61">
        <v>38</v>
      </c>
      <c r="U11" s="61">
        <v>46</v>
      </c>
      <c r="V11" s="61">
        <v>26</v>
      </c>
      <c r="W11" s="62">
        <v>273</v>
      </c>
      <c r="X11" s="63">
        <v>335</v>
      </c>
      <c r="Y11" s="60">
        <v>80</v>
      </c>
      <c r="Z11" s="61">
        <v>81</v>
      </c>
      <c r="AA11" s="62">
        <v>161</v>
      </c>
      <c r="AB11" s="231"/>
      <c r="AC11" s="61">
        <v>220</v>
      </c>
      <c r="AD11" s="61">
        <v>173</v>
      </c>
      <c r="AE11" s="61">
        <v>98</v>
      </c>
      <c r="AF11" s="61">
        <v>84</v>
      </c>
      <c r="AG11" s="61">
        <v>72</v>
      </c>
      <c r="AH11" s="62">
        <v>647</v>
      </c>
      <c r="AI11" s="63">
        <v>808</v>
      </c>
      <c r="AJ11" s="60">
        <v>137</v>
      </c>
      <c r="AK11" s="61">
        <v>127</v>
      </c>
      <c r="AL11" s="62">
        <v>264</v>
      </c>
      <c r="AM11" s="231"/>
      <c r="AN11" s="61">
        <v>385</v>
      </c>
      <c r="AO11" s="61">
        <v>240</v>
      </c>
      <c r="AP11" s="61">
        <v>162</v>
      </c>
      <c r="AQ11" s="61">
        <v>124</v>
      </c>
      <c r="AR11" s="61">
        <v>73</v>
      </c>
      <c r="AS11" s="62">
        <v>984</v>
      </c>
      <c r="AT11" s="63">
        <v>1248</v>
      </c>
      <c r="AU11" s="60">
        <v>271</v>
      </c>
      <c r="AV11" s="61">
        <v>174</v>
      </c>
      <c r="AW11" s="62">
        <v>445</v>
      </c>
      <c r="AX11" s="231"/>
      <c r="AY11" s="61">
        <v>570</v>
      </c>
      <c r="AZ11" s="61">
        <v>374</v>
      </c>
      <c r="BA11" s="61">
        <v>240</v>
      </c>
      <c r="BB11" s="61">
        <v>196</v>
      </c>
      <c r="BC11" s="61">
        <v>108</v>
      </c>
      <c r="BD11" s="62">
        <v>1488</v>
      </c>
      <c r="BE11" s="63">
        <v>1933</v>
      </c>
      <c r="BF11" s="60">
        <v>306</v>
      </c>
      <c r="BG11" s="61">
        <v>218</v>
      </c>
      <c r="BH11" s="62">
        <v>524</v>
      </c>
      <c r="BI11" s="231"/>
      <c r="BJ11" s="61">
        <v>612</v>
      </c>
      <c r="BK11" s="61">
        <v>376</v>
      </c>
      <c r="BL11" s="61">
        <v>226</v>
      </c>
      <c r="BM11" s="61">
        <v>217</v>
      </c>
      <c r="BN11" s="61">
        <v>93</v>
      </c>
      <c r="BO11" s="62">
        <v>1524</v>
      </c>
      <c r="BP11" s="63">
        <v>2048</v>
      </c>
      <c r="BQ11" s="60">
        <v>167</v>
      </c>
      <c r="BR11" s="61">
        <v>120</v>
      </c>
      <c r="BS11" s="62">
        <v>287</v>
      </c>
      <c r="BT11" s="231"/>
      <c r="BU11" s="61">
        <v>408</v>
      </c>
      <c r="BV11" s="61">
        <v>295</v>
      </c>
      <c r="BW11" s="61">
        <v>189</v>
      </c>
      <c r="BX11" s="61">
        <v>170</v>
      </c>
      <c r="BY11" s="61">
        <v>73</v>
      </c>
      <c r="BZ11" s="62">
        <v>1135</v>
      </c>
      <c r="CA11" s="63">
        <v>1422</v>
      </c>
      <c r="CB11" s="60">
        <v>19</v>
      </c>
      <c r="CC11" s="61">
        <v>17</v>
      </c>
      <c r="CD11" s="62">
        <v>36</v>
      </c>
      <c r="CE11" s="231"/>
      <c r="CF11" s="61">
        <v>61</v>
      </c>
      <c r="CG11" s="61">
        <v>65</v>
      </c>
      <c r="CH11" s="61">
        <v>33</v>
      </c>
      <c r="CI11" s="61">
        <v>47</v>
      </c>
      <c r="CJ11" s="61">
        <v>29</v>
      </c>
      <c r="CK11" s="62">
        <v>235</v>
      </c>
      <c r="CL11" s="63">
        <v>271</v>
      </c>
      <c r="CM11" s="60">
        <v>1014</v>
      </c>
      <c r="CN11" s="61">
        <v>765</v>
      </c>
      <c r="CO11" s="62">
        <v>1779</v>
      </c>
      <c r="CP11" s="231"/>
      <c r="CQ11" s="61">
        <v>2358</v>
      </c>
      <c r="CR11" s="61">
        <v>1584</v>
      </c>
      <c r="CS11" s="61">
        <v>986</v>
      </c>
      <c r="CT11" s="61">
        <v>884</v>
      </c>
      <c r="CU11" s="61">
        <v>474</v>
      </c>
      <c r="CV11" s="62">
        <v>6286</v>
      </c>
      <c r="CW11" s="63">
        <v>8065</v>
      </c>
      <c r="CX11" s="113">
        <v>1925</v>
      </c>
      <c r="CY11" s="72">
        <v>2013</v>
      </c>
      <c r="CZ11" s="73">
        <v>3938</v>
      </c>
      <c r="DA11" s="228"/>
      <c r="DB11" s="72">
        <v>4343</v>
      </c>
      <c r="DC11" s="72">
        <v>2720</v>
      </c>
      <c r="DD11" s="72">
        <v>2013</v>
      </c>
      <c r="DE11" s="72">
        <v>1989</v>
      </c>
      <c r="DF11" s="72">
        <v>1196</v>
      </c>
      <c r="DG11" s="74">
        <v>12261</v>
      </c>
      <c r="DH11" s="75">
        <v>16199</v>
      </c>
      <c r="DI11" s="60">
        <v>32</v>
      </c>
      <c r="DJ11" s="61">
        <v>45</v>
      </c>
      <c r="DK11" s="62">
        <v>77</v>
      </c>
      <c r="DL11" s="231"/>
      <c r="DM11" s="61">
        <v>87</v>
      </c>
      <c r="DN11" s="61">
        <v>38</v>
      </c>
      <c r="DO11" s="61">
        <v>38</v>
      </c>
      <c r="DP11" s="61">
        <v>34</v>
      </c>
      <c r="DQ11" s="61">
        <v>39</v>
      </c>
      <c r="DR11" s="62">
        <v>236</v>
      </c>
      <c r="DS11" s="63">
        <v>313</v>
      </c>
      <c r="DT11" s="60">
        <v>138</v>
      </c>
      <c r="DU11" s="61">
        <v>105</v>
      </c>
      <c r="DV11" s="62">
        <v>243</v>
      </c>
      <c r="DW11" s="231"/>
      <c r="DX11" s="61">
        <v>240</v>
      </c>
      <c r="DY11" s="61">
        <v>166</v>
      </c>
      <c r="DZ11" s="61">
        <v>83</v>
      </c>
      <c r="EA11" s="61">
        <v>98</v>
      </c>
      <c r="EB11" s="61">
        <v>44</v>
      </c>
      <c r="EC11" s="62">
        <v>631</v>
      </c>
      <c r="ED11" s="63">
        <v>874</v>
      </c>
      <c r="EE11" s="60">
        <v>291</v>
      </c>
      <c r="EF11" s="61">
        <v>296</v>
      </c>
      <c r="EG11" s="62">
        <v>587</v>
      </c>
      <c r="EH11" s="231"/>
      <c r="EI11" s="61">
        <v>554</v>
      </c>
      <c r="EJ11" s="61">
        <v>296</v>
      </c>
      <c r="EK11" s="61">
        <v>197</v>
      </c>
      <c r="EL11" s="61">
        <v>173</v>
      </c>
      <c r="EM11" s="61">
        <v>136</v>
      </c>
      <c r="EN11" s="62">
        <v>1356</v>
      </c>
      <c r="EO11" s="63">
        <v>1943</v>
      </c>
      <c r="EP11" s="60">
        <v>596</v>
      </c>
      <c r="EQ11" s="61">
        <v>549</v>
      </c>
      <c r="ER11" s="62">
        <v>1145</v>
      </c>
      <c r="ES11" s="231"/>
      <c r="ET11" s="61">
        <v>1009</v>
      </c>
      <c r="EU11" s="61">
        <v>558</v>
      </c>
      <c r="EV11" s="61">
        <v>343</v>
      </c>
      <c r="EW11" s="61">
        <v>339</v>
      </c>
      <c r="EX11" s="61">
        <v>225</v>
      </c>
      <c r="EY11" s="62">
        <v>2474</v>
      </c>
      <c r="EZ11" s="63">
        <v>3619</v>
      </c>
      <c r="FA11" s="60">
        <v>548</v>
      </c>
      <c r="FB11" s="61">
        <v>623</v>
      </c>
      <c r="FC11" s="62">
        <v>1171</v>
      </c>
      <c r="FD11" s="231"/>
      <c r="FE11" s="61">
        <v>1293</v>
      </c>
      <c r="FF11" s="61">
        <v>749</v>
      </c>
      <c r="FG11" s="61">
        <v>540</v>
      </c>
      <c r="FH11" s="61">
        <v>501</v>
      </c>
      <c r="FI11" s="61">
        <v>304</v>
      </c>
      <c r="FJ11" s="62">
        <v>3387</v>
      </c>
      <c r="FK11" s="63">
        <v>4558</v>
      </c>
      <c r="FL11" s="60">
        <v>320</v>
      </c>
      <c r="FM11" s="61">
        <v>395</v>
      </c>
      <c r="FN11" s="62">
        <v>715</v>
      </c>
      <c r="FO11" s="231"/>
      <c r="FP11" s="61">
        <v>1160</v>
      </c>
      <c r="FQ11" s="61">
        <v>913</v>
      </c>
      <c r="FR11" s="61">
        <v>812</v>
      </c>
      <c r="FS11" s="61">
        <v>844</v>
      </c>
      <c r="FT11" s="61">
        <v>448</v>
      </c>
      <c r="FU11" s="62">
        <v>4177</v>
      </c>
      <c r="FV11" s="63">
        <v>4892</v>
      </c>
      <c r="FW11" s="60">
        <v>11</v>
      </c>
      <c r="FX11" s="61">
        <v>18</v>
      </c>
      <c r="FY11" s="62">
        <v>29</v>
      </c>
      <c r="FZ11" s="231"/>
      <c r="GA11" s="61">
        <v>74</v>
      </c>
      <c r="GB11" s="61">
        <v>56</v>
      </c>
      <c r="GC11" s="61">
        <v>32</v>
      </c>
      <c r="GD11" s="61">
        <v>25</v>
      </c>
      <c r="GE11" s="61">
        <v>25</v>
      </c>
      <c r="GF11" s="62">
        <v>212</v>
      </c>
      <c r="GG11" s="63">
        <v>241</v>
      </c>
      <c r="GH11" s="60">
        <v>1936</v>
      </c>
      <c r="GI11" s="61">
        <v>2031</v>
      </c>
      <c r="GJ11" s="62">
        <v>3967</v>
      </c>
      <c r="GK11" s="231"/>
      <c r="GL11" s="61">
        <v>4417</v>
      </c>
      <c r="GM11" s="61">
        <v>2776</v>
      </c>
      <c r="GN11" s="61">
        <v>2045</v>
      </c>
      <c r="GO11" s="61">
        <v>2014</v>
      </c>
      <c r="GP11" s="61">
        <v>1221</v>
      </c>
      <c r="GQ11" s="62">
        <v>12473</v>
      </c>
      <c r="GR11" s="63">
        <v>16440</v>
      </c>
      <c r="GS11" s="113">
        <v>2920</v>
      </c>
      <c r="GT11" s="72">
        <v>2761</v>
      </c>
      <c r="GU11" s="73">
        <v>5681</v>
      </c>
      <c r="GV11" s="228"/>
      <c r="GW11" s="72">
        <v>6640</v>
      </c>
      <c r="GX11" s="72">
        <v>4239</v>
      </c>
      <c r="GY11" s="72">
        <v>2966</v>
      </c>
      <c r="GZ11" s="72">
        <v>2826</v>
      </c>
      <c r="HA11" s="72">
        <v>1641</v>
      </c>
      <c r="HB11" s="74">
        <v>18312</v>
      </c>
      <c r="HC11" s="75">
        <v>23993</v>
      </c>
      <c r="HD11" s="60">
        <v>66</v>
      </c>
      <c r="HE11" s="61">
        <v>73</v>
      </c>
      <c r="HF11" s="62">
        <v>139</v>
      </c>
      <c r="HG11" s="231"/>
      <c r="HH11" s="61">
        <v>189</v>
      </c>
      <c r="HI11" s="61">
        <v>99</v>
      </c>
      <c r="HJ11" s="61">
        <v>76</v>
      </c>
      <c r="HK11" s="61">
        <v>80</v>
      </c>
      <c r="HL11" s="61">
        <v>65</v>
      </c>
      <c r="HM11" s="62">
        <v>509</v>
      </c>
      <c r="HN11" s="63">
        <v>648</v>
      </c>
      <c r="HO11" s="60">
        <v>218</v>
      </c>
      <c r="HP11" s="61">
        <v>186</v>
      </c>
      <c r="HQ11" s="62">
        <v>404</v>
      </c>
      <c r="HR11" s="231"/>
      <c r="HS11" s="61">
        <v>460</v>
      </c>
      <c r="HT11" s="61">
        <v>339</v>
      </c>
      <c r="HU11" s="61">
        <v>181</v>
      </c>
      <c r="HV11" s="61">
        <v>182</v>
      </c>
      <c r="HW11" s="61">
        <v>116</v>
      </c>
      <c r="HX11" s="62">
        <v>1278</v>
      </c>
      <c r="HY11" s="63">
        <v>1682</v>
      </c>
      <c r="HZ11" s="60">
        <v>428</v>
      </c>
      <c r="IA11" s="61">
        <v>423</v>
      </c>
      <c r="IB11" s="62">
        <v>851</v>
      </c>
      <c r="IC11" s="231"/>
      <c r="ID11" s="61">
        <v>939</v>
      </c>
      <c r="IE11" s="61">
        <v>536</v>
      </c>
      <c r="IF11" s="61">
        <v>359</v>
      </c>
      <c r="IG11" s="61">
        <v>297</v>
      </c>
      <c r="IH11" s="61">
        <v>209</v>
      </c>
      <c r="II11" s="62">
        <v>2340</v>
      </c>
      <c r="IJ11" s="63">
        <v>3191</v>
      </c>
      <c r="IK11" s="60">
        <v>867</v>
      </c>
      <c r="IL11" s="61">
        <v>723</v>
      </c>
      <c r="IM11" s="62">
        <v>1590</v>
      </c>
      <c r="IN11" s="231"/>
      <c r="IO11" s="61">
        <v>1579</v>
      </c>
      <c r="IP11" s="61">
        <v>932</v>
      </c>
      <c r="IQ11" s="61">
        <v>583</v>
      </c>
      <c r="IR11" s="61">
        <v>535</v>
      </c>
      <c r="IS11" s="61">
        <v>333</v>
      </c>
      <c r="IT11" s="62">
        <v>3962</v>
      </c>
      <c r="IU11" s="63">
        <v>5552</v>
      </c>
      <c r="IV11" s="60">
        <v>854</v>
      </c>
      <c r="IW11" s="61">
        <v>841</v>
      </c>
      <c r="IX11" s="62">
        <v>1695</v>
      </c>
      <c r="IY11" s="231"/>
      <c r="IZ11" s="61">
        <v>1905</v>
      </c>
      <c r="JA11" s="61">
        <v>1125</v>
      </c>
      <c r="JB11" s="61">
        <v>766</v>
      </c>
      <c r="JC11" s="61">
        <v>718</v>
      </c>
      <c r="JD11" s="61">
        <v>397</v>
      </c>
      <c r="JE11" s="62">
        <v>4911</v>
      </c>
      <c r="JF11" s="63">
        <v>6606</v>
      </c>
      <c r="JG11" s="60">
        <v>487</v>
      </c>
      <c r="JH11" s="61">
        <v>515</v>
      </c>
      <c r="JI11" s="62">
        <v>1002</v>
      </c>
      <c r="JJ11" s="231"/>
      <c r="JK11" s="61">
        <v>1568</v>
      </c>
      <c r="JL11" s="61">
        <v>1208</v>
      </c>
      <c r="JM11" s="61">
        <v>1001</v>
      </c>
      <c r="JN11" s="61">
        <v>1014</v>
      </c>
      <c r="JO11" s="61">
        <v>521</v>
      </c>
      <c r="JP11" s="62">
        <v>5312</v>
      </c>
      <c r="JQ11" s="63">
        <v>6314</v>
      </c>
      <c r="JR11" s="60">
        <v>30</v>
      </c>
      <c r="JS11" s="61">
        <v>35</v>
      </c>
      <c r="JT11" s="62">
        <v>65</v>
      </c>
      <c r="JU11" s="231"/>
      <c r="JV11" s="61">
        <v>135</v>
      </c>
      <c r="JW11" s="61">
        <v>121</v>
      </c>
      <c r="JX11" s="61">
        <v>65</v>
      </c>
      <c r="JY11" s="61">
        <v>72</v>
      </c>
      <c r="JZ11" s="61">
        <v>54</v>
      </c>
      <c r="KA11" s="62">
        <v>447</v>
      </c>
      <c r="KB11" s="63">
        <v>512</v>
      </c>
      <c r="KC11" s="60">
        <v>2950</v>
      </c>
      <c r="KD11" s="61">
        <v>2796</v>
      </c>
      <c r="KE11" s="62">
        <v>5746</v>
      </c>
      <c r="KF11" s="231"/>
      <c r="KG11" s="61">
        <v>6775</v>
      </c>
      <c r="KH11" s="61">
        <v>4360</v>
      </c>
      <c r="KI11" s="61">
        <v>3031</v>
      </c>
      <c r="KJ11" s="61">
        <v>2898</v>
      </c>
      <c r="KK11" s="61">
        <v>1695</v>
      </c>
      <c r="KL11" s="62">
        <v>18759</v>
      </c>
      <c r="KM11" s="63">
        <v>24505</v>
      </c>
    </row>
    <row r="12" spans="2:299" ht="21" customHeight="1" x14ac:dyDescent="0.2">
      <c r="B12" s="472" t="s">
        <v>8</v>
      </c>
      <c r="C12" s="293">
        <v>550</v>
      </c>
      <c r="D12" s="72">
        <v>394</v>
      </c>
      <c r="E12" s="73">
        <v>944</v>
      </c>
      <c r="F12" s="228"/>
      <c r="G12" s="72">
        <v>1003</v>
      </c>
      <c r="H12" s="72">
        <v>884</v>
      </c>
      <c r="I12" s="72">
        <v>652</v>
      </c>
      <c r="J12" s="72">
        <v>510</v>
      </c>
      <c r="K12" s="72">
        <v>283</v>
      </c>
      <c r="L12" s="74">
        <v>3332</v>
      </c>
      <c r="M12" s="75">
        <v>4276</v>
      </c>
      <c r="N12" s="60">
        <v>20</v>
      </c>
      <c r="O12" s="61">
        <v>27</v>
      </c>
      <c r="P12" s="62">
        <v>47</v>
      </c>
      <c r="Q12" s="231"/>
      <c r="R12" s="61">
        <v>49</v>
      </c>
      <c r="S12" s="61">
        <v>39</v>
      </c>
      <c r="T12" s="61">
        <v>28</v>
      </c>
      <c r="U12" s="61">
        <v>25</v>
      </c>
      <c r="V12" s="61">
        <v>20</v>
      </c>
      <c r="W12" s="62">
        <v>161</v>
      </c>
      <c r="X12" s="63">
        <v>208</v>
      </c>
      <c r="Y12" s="60">
        <v>50</v>
      </c>
      <c r="Z12" s="61">
        <v>54</v>
      </c>
      <c r="AA12" s="62">
        <v>104</v>
      </c>
      <c r="AB12" s="231"/>
      <c r="AC12" s="61">
        <v>92</v>
      </c>
      <c r="AD12" s="61">
        <v>105</v>
      </c>
      <c r="AE12" s="61">
        <v>64</v>
      </c>
      <c r="AF12" s="61">
        <v>79</v>
      </c>
      <c r="AG12" s="61">
        <v>46</v>
      </c>
      <c r="AH12" s="62">
        <v>386</v>
      </c>
      <c r="AI12" s="63">
        <v>490</v>
      </c>
      <c r="AJ12" s="60">
        <v>91</v>
      </c>
      <c r="AK12" s="61">
        <v>64</v>
      </c>
      <c r="AL12" s="62">
        <v>155</v>
      </c>
      <c r="AM12" s="231"/>
      <c r="AN12" s="61">
        <v>175</v>
      </c>
      <c r="AO12" s="61">
        <v>142</v>
      </c>
      <c r="AP12" s="61">
        <v>105</v>
      </c>
      <c r="AQ12" s="61">
        <v>85</v>
      </c>
      <c r="AR12" s="61">
        <v>47</v>
      </c>
      <c r="AS12" s="62">
        <v>554</v>
      </c>
      <c r="AT12" s="63">
        <v>709</v>
      </c>
      <c r="AU12" s="60">
        <v>144</v>
      </c>
      <c r="AV12" s="61">
        <v>84</v>
      </c>
      <c r="AW12" s="62">
        <v>228</v>
      </c>
      <c r="AX12" s="231"/>
      <c r="AY12" s="61">
        <v>267</v>
      </c>
      <c r="AZ12" s="61">
        <v>243</v>
      </c>
      <c r="BA12" s="61">
        <v>152</v>
      </c>
      <c r="BB12" s="61">
        <v>123</v>
      </c>
      <c r="BC12" s="61">
        <v>62</v>
      </c>
      <c r="BD12" s="62">
        <v>847</v>
      </c>
      <c r="BE12" s="63">
        <v>1075</v>
      </c>
      <c r="BF12" s="60">
        <v>145</v>
      </c>
      <c r="BG12" s="61">
        <v>93</v>
      </c>
      <c r="BH12" s="62">
        <v>238</v>
      </c>
      <c r="BI12" s="231"/>
      <c r="BJ12" s="61">
        <v>245</v>
      </c>
      <c r="BK12" s="61">
        <v>202</v>
      </c>
      <c r="BL12" s="61">
        <v>160</v>
      </c>
      <c r="BM12" s="61">
        <v>100</v>
      </c>
      <c r="BN12" s="61">
        <v>64</v>
      </c>
      <c r="BO12" s="62">
        <v>771</v>
      </c>
      <c r="BP12" s="63">
        <v>1009</v>
      </c>
      <c r="BQ12" s="60">
        <v>100</v>
      </c>
      <c r="BR12" s="61">
        <v>72</v>
      </c>
      <c r="BS12" s="62">
        <v>172</v>
      </c>
      <c r="BT12" s="231"/>
      <c r="BU12" s="61">
        <v>175</v>
      </c>
      <c r="BV12" s="61">
        <v>153</v>
      </c>
      <c r="BW12" s="61">
        <v>143</v>
      </c>
      <c r="BX12" s="61">
        <v>98</v>
      </c>
      <c r="BY12" s="61">
        <v>44</v>
      </c>
      <c r="BZ12" s="62">
        <v>613</v>
      </c>
      <c r="CA12" s="63">
        <v>785</v>
      </c>
      <c r="CB12" s="60">
        <v>16</v>
      </c>
      <c r="CC12" s="61">
        <v>13</v>
      </c>
      <c r="CD12" s="62">
        <v>29</v>
      </c>
      <c r="CE12" s="231"/>
      <c r="CF12" s="61">
        <v>32</v>
      </c>
      <c r="CG12" s="61">
        <v>43</v>
      </c>
      <c r="CH12" s="61">
        <v>23</v>
      </c>
      <c r="CI12" s="61">
        <v>28</v>
      </c>
      <c r="CJ12" s="61">
        <v>9</v>
      </c>
      <c r="CK12" s="62">
        <v>135</v>
      </c>
      <c r="CL12" s="63">
        <v>164</v>
      </c>
      <c r="CM12" s="60">
        <v>566</v>
      </c>
      <c r="CN12" s="61">
        <v>407</v>
      </c>
      <c r="CO12" s="62">
        <v>973</v>
      </c>
      <c r="CP12" s="231"/>
      <c r="CQ12" s="61">
        <v>1035</v>
      </c>
      <c r="CR12" s="61">
        <v>927</v>
      </c>
      <c r="CS12" s="61">
        <v>675</v>
      </c>
      <c r="CT12" s="61">
        <v>538</v>
      </c>
      <c r="CU12" s="61">
        <v>292</v>
      </c>
      <c r="CV12" s="62">
        <v>3467</v>
      </c>
      <c r="CW12" s="63">
        <v>4440</v>
      </c>
      <c r="CX12" s="113">
        <v>1098</v>
      </c>
      <c r="CY12" s="72">
        <v>967</v>
      </c>
      <c r="CZ12" s="73">
        <v>2065</v>
      </c>
      <c r="DA12" s="228"/>
      <c r="DB12" s="72">
        <v>1742</v>
      </c>
      <c r="DC12" s="72">
        <v>1625</v>
      </c>
      <c r="DD12" s="72">
        <v>1301</v>
      </c>
      <c r="DE12" s="72">
        <v>1111</v>
      </c>
      <c r="DF12" s="72">
        <v>663</v>
      </c>
      <c r="DG12" s="74">
        <v>6442</v>
      </c>
      <c r="DH12" s="75">
        <v>8507</v>
      </c>
      <c r="DI12" s="60">
        <v>25</v>
      </c>
      <c r="DJ12" s="61">
        <v>18</v>
      </c>
      <c r="DK12" s="62">
        <v>43</v>
      </c>
      <c r="DL12" s="231"/>
      <c r="DM12" s="61">
        <v>45</v>
      </c>
      <c r="DN12" s="61">
        <v>28</v>
      </c>
      <c r="DO12" s="61">
        <v>17</v>
      </c>
      <c r="DP12" s="61">
        <v>30</v>
      </c>
      <c r="DQ12" s="61">
        <v>18</v>
      </c>
      <c r="DR12" s="62">
        <v>138</v>
      </c>
      <c r="DS12" s="63">
        <v>181</v>
      </c>
      <c r="DT12" s="60">
        <v>93</v>
      </c>
      <c r="DU12" s="61">
        <v>65</v>
      </c>
      <c r="DV12" s="62">
        <v>158</v>
      </c>
      <c r="DW12" s="231"/>
      <c r="DX12" s="61">
        <v>99</v>
      </c>
      <c r="DY12" s="61">
        <v>77</v>
      </c>
      <c r="DZ12" s="61">
        <v>55</v>
      </c>
      <c r="EA12" s="61">
        <v>54</v>
      </c>
      <c r="EB12" s="61">
        <v>43</v>
      </c>
      <c r="EC12" s="62">
        <v>328</v>
      </c>
      <c r="ED12" s="63">
        <v>486</v>
      </c>
      <c r="EE12" s="60">
        <v>151</v>
      </c>
      <c r="EF12" s="61">
        <v>151</v>
      </c>
      <c r="EG12" s="62">
        <v>302</v>
      </c>
      <c r="EH12" s="231"/>
      <c r="EI12" s="61">
        <v>206</v>
      </c>
      <c r="EJ12" s="61">
        <v>161</v>
      </c>
      <c r="EK12" s="61">
        <v>119</v>
      </c>
      <c r="EL12" s="61">
        <v>108</v>
      </c>
      <c r="EM12" s="61">
        <v>72</v>
      </c>
      <c r="EN12" s="62">
        <v>666</v>
      </c>
      <c r="EO12" s="63">
        <v>968</v>
      </c>
      <c r="EP12" s="60">
        <v>359</v>
      </c>
      <c r="EQ12" s="61">
        <v>273</v>
      </c>
      <c r="ER12" s="62">
        <v>632</v>
      </c>
      <c r="ES12" s="231"/>
      <c r="ET12" s="61">
        <v>457</v>
      </c>
      <c r="EU12" s="61">
        <v>336</v>
      </c>
      <c r="EV12" s="61">
        <v>234</v>
      </c>
      <c r="EW12" s="61">
        <v>202</v>
      </c>
      <c r="EX12" s="61">
        <v>123</v>
      </c>
      <c r="EY12" s="62">
        <v>1352</v>
      </c>
      <c r="EZ12" s="63">
        <v>1984</v>
      </c>
      <c r="FA12" s="60">
        <v>301</v>
      </c>
      <c r="FB12" s="61">
        <v>275</v>
      </c>
      <c r="FC12" s="62">
        <v>576</v>
      </c>
      <c r="FD12" s="231"/>
      <c r="FE12" s="61">
        <v>497</v>
      </c>
      <c r="FF12" s="61">
        <v>478</v>
      </c>
      <c r="FG12" s="61">
        <v>373</v>
      </c>
      <c r="FH12" s="61">
        <v>245</v>
      </c>
      <c r="FI12" s="61">
        <v>174</v>
      </c>
      <c r="FJ12" s="62">
        <v>1767</v>
      </c>
      <c r="FK12" s="63">
        <v>2343</v>
      </c>
      <c r="FL12" s="60">
        <v>169</v>
      </c>
      <c r="FM12" s="61">
        <v>185</v>
      </c>
      <c r="FN12" s="62">
        <v>354</v>
      </c>
      <c r="FO12" s="231"/>
      <c r="FP12" s="61">
        <v>438</v>
      </c>
      <c r="FQ12" s="61">
        <v>545</v>
      </c>
      <c r="FR12" s="61">
        <v>503</v>
      </c>
      <c r="FS12" s="61">
        <v>472</v>
      </c>
      <c r="FT12" s="61">
        <v>233</v>
      </c>
      <c r="FU12" s="62">
        <v>2191</v>
      </c>
      <c r="FV12" s="63">
        <v>2545</v>
      </c>
      <c r="FW12" s="60">
        <v>8</v>
      </c>
      <c r="FX12" s="61">
        <v>19</v>
      </c>
      <c r="FY12" s="62">
        <v>27</v>
      </c>
      <c r="FZ12" s="231"/>
      <c r="GA12" s="61">
        <v>20</v>
      </c>
      <c r="GB12" s="61">
        <v>40</v>
      </c>
      <c r="GC12" s="61">
        <v>15</v>
      </c>
      <c r="GD12" s="61">
        <v>17</v>
      </c>
      <c r="GE12" s="61">
        <v>14</v>
      </c>
      <c r="GF12" s="62">
        <v>106</v>
      </c>
      <c r="GG12" s="63">
        <v>133</v>
      </c>
      <c r="GH12" s="60">
        <v>1106</v>
      </c>
      <c r="GI12" s="61">
        <v>986</v>
      </c>
      <c r="GJ12" s="62">
        <v>2092</v>
      </c>
      <c r="GK12" s="231"/>
      <c r="GL12" s="61">
        <v>1762</v>
      </c>
      <c r="GM12" s="61">
        <v>1665</v>
      </c>
      <c r="GN12" s="61">
        <v>1316</v>
      </c>
      <c r="GO12" s="61">
        <v>1128</v>
      </c>
      <c r="GP12" s="61">
        <v>677</v>
      </c>
      <c r="GQ12" s="62">
        <v>6548</v>
      </c>
      <c r="GR12" s="63">
        <v>8640</v>
      </c>
      <c r="GS12" s="113">
        <v>1648</v>
      </c>
      <c r="GT12" s="72">
        <v>1361</v>
      </c>
      <c r="GU12" s="73">
        <v>3009</v>
      </c>
      <c r="GV12" s="228"/>
      <c r="GW12" s="72">
        <v>2745</v>
      </c>
      <c r="GX12" s="72">
        <v>2509</v>
      </c>
      <c r="GY12" s="72">
        <v>1953</v>
      </c>
      <c r="GZ12" s="72">
        <v>1621</v>
      </c>
      <c r="HA12" s="72">
        <v>946</v>
      </c>
      <c r="HB12" s="74">
        <v>9774</v>
      </c>
      <c r="HC12" s="75">
        <v>12783</v>
      </c>
      <c r="HD12" s="60">
        <v>45</v>
      </c>
      <c r="HE12" s="61">
        <v>45</v>
      </c>
      <c r="HF12" s="62">
        <v>90</v>
      </c>
      <c r="HG12" s="231"/>
      <c r="HH12" s="61">
        <v>94</v>
      </c>
      <c r="HI12" s="61">
        <v>67</v>
      </c>
      <c r="HJ12" s="61">
        <v>45</v>
      </c>
      <c r="HK12" s="61">
        <v>55</v>
      </c>
      <c r="HL12" s="61">
        <v>38</v>
      </c>
      <c r="HM12" s="62">
        <v>299</v>
      </c>
      <c r="HN12" s="63">
        <v>389</v>
      </c>
      <c r="HO12" s="60">
        <v>143</v>
      </c>
      <c r="HP12" s="61">
        <v>119</v>
      </c>
      <c r="HQ12" s="62">
        <v>262</v>
      </c>
      <c r="HR12" s="231"/>
      <c r="HS12" s="61">
        <v>191</v>
      </c>
      <c r="HT12" s="61">
        <v>182</v>
      </c>
      <c r="HU12" s="61">
        <v>119</v>
      </c>
      <c r="HV12" s="61">
        <v>133</v>
      </c>
      <c r="HW12" s="61">
        <v>89</v>
      </c>
      <c r="HX12" s="62">
        <v>714</v>
      </c>
      <c r="HY12" s="63">
        <v>976</v>
      </c>
      <c r="HZ12" s="60">
        <v>242</v>
      </c>
      <c r="IA12" s="61">
        <v>215</v>
      </c>
      <c r="IB12" s="62">
        <v>457</v>
      </c>
      <c r="IC12" s="231"/>
      <c r="ID12" s="61">
        <v>381</v>
      </c>
      <c r="IE12" s="61">
        <v>303</v>
      </c>
      <c r="IF12" s="61">
        <v>224</v>
      </c>
      <c r="IG12" s="61">
        <v>193</v>
      </c>
      <c r="IH12" s="61">
        <v>119</v>
      </c>
      <c r="II12" s="62">
        <v>1220</v>
      </c>
      <c r="IJ12" s="63">
        <v>1677</v>
      </c>
      <c r="IK12" s="60">
        <v>503</v>
      </c>
      <c r="IL12" s="61">
        <v>357</v>
      </c>
      <c r="IM12" s="62">
        <v>860</v>
      </c>
      <c r="IN12" s="231"/>
      <c r="IO12" s="61">
        <v>724</v>
      </c>
      <c r="IP12" s="61">
        <v>579</v>
      </c>
      <c r="IQ12" s="61">
        <v>386</v>
      </c>
      <c r="IR12" s="61">
        <v>325</v>
      </c>
      <c r="IS12" s="61">
        <v>185</v>
      </c>
      <c r="IT12" s="62">
        <v>2199</v>
      </c>
      <c r="IU12" s="63">
        <v>3059</v>
      </c>
      <c r="IV12" s="60">
        <v>446</v>
      </c>
      <c r="IW12" s="61">
        <v>368</v>
      </c>
      <c r="IX12" s="62">
        <v>814</v>
      </c>
      <c r="IY12" s="231"/>
      <c r="IZ12" s="61">
        <v>742</v>
      </c>
      <c r="JA12" s="61">
        <v>680</v>
      </c>
      <c r="JB12" s="61">
        <v>533</v>
      </c>
      <c r="JC12" s="61">
        <v>345</v>
      </c>
      <c r="JD12" s="61">
        <v>238</v>
      </c>
      <c r="JE12" s="62">
        <v>2538</v>
      </c>
      <c r="JF12" s="63">
        <v>3352</v>
      </c>
      <c r="JG12" s="60">
        <v>269</v>
      </c>
      <c r="JH12" s="61">
        <v>257</v>
      </c>
      <c r="JI12" s="62">
        <v>526</v>
      </c>
      <c r="JJ12" s="231"/>
      <c r="JK12" s="61">
        <v>613</v>
      </c>
      <c r="JL12" s="61">
        <v>698</v>
      </c>
      <c r="JM12" s="61">
        <v>646</v>
      </c>
      <c r="JN12" s="61">
        <v>570</v>
      </c>
      <c r="JO12" s="61">
        <v>277</v>
      </c>
      <c r="JP12" s="62">
        <v>2804</v>
      </c>
      <c r="JQ12" s="63">
        <v>3330</v>
      </c>
      <c r="JR12" s="60">
        <v>24</v>
      </c>
      <c r="JS12" s="61">
        <v>32</v>
      </c>
      <c r="JT12" s="62">
        <v>56</v>
      </c>
      <c r="JU12" s="231"/>
      <c r="JV12" s="61">
        <v>52</v>
      </c>
      <c r="JW12" s="61">
        <v>83</v>
      </c>
      <c r="JX12" s="61">
        <v>38</v>
      </c>
      <c r="JY12" s="61">
        <v>45</v>
      </c>
      <c r="JZ12" s="61">
        <v>23</v>
      </c>
      <c r="KA12" s="62">
        <v>241</v>
      </c>
      <c r="KB12" s="63">
        <v>297</v>
      </c>
      <c r="KC12" s="60">
        <v>1672</v>
      </c>
      <c r="KD12" s="61">
        <v>1393</v>
      </c>
      <c r="KE12" s="62">
        <v>3065</v>
      </c>
      <c r="KF12" s="231"/>
      <c r="KG12" s="61">
        <v>2797</v>
      </c>
      <c r="KH12" s="61">
        <v>2592</v>
      </c>
      <c r="KI12" s="61">
        <v>1991</v>
      </c>
      <c r="KJ12" s="61">
        <v>1666</v>
      </c>
      <c r="KK12" s="61">
        <v>969</v>
      </c>
      <c r="KL12" s="62">
        <v>10015</v>
      </c>
      <c r="KM12" s="63">
        <v>13080</v>
      </c>
    </row>
    <row r="13" spans="2:299" ht="21" customHeight="1" x14ac:dyDescent="0.2">
      <c r="B13" s="472" t="s">
        <v>9</v>
      </c>
      <c r="C13" s="293">
        <v>704</v>
      </c>
      <c r="D13" s="72">
        <v>395</v>
      </c>
      <c r="E13" s="73">
        <v>1099</v>
      </c>
      <c r="F13" s="228"/>
      <c r="G13" s="72">
        <v>827</v>
      </c>
      <c r="H13" s="72">
        <v>588</v>
      </c>
      <c r="I13" s="72">
        <v>442</v>
      </c>
      <c r="J13" s="72">
        <v>379</v>
      </c>
      <c r="K13" s="72">
        <v>227</v>
      </c>
      <c r="L13" s="74">
        <v>2463</v>
      </c>
      <c r="M13" s="75">
        <v>3562</v>
      </c>
      <c r="N13" s="60">
        <v>24</v>
      </c>
      <c r="O13" s="61">
        <v>12</v>
      </c>
      <c r="P13" s="62">
        <v>36</v>
      </c>
      <c r="Q13" s="231"/>
      <c r="R13" s="61">
        <v>22</v>
      </c>
      <c r="S13" s="61">
        <v>21</v>
      </c>
      <c r="T13" s="61">
        <v>16</v>
      </c>
      <c r="U13" s="61">
        <v>12</v>
      </c>
      <c r="V13" s="61">
        <v>10</v>
      </c>
      <c r="W13" s="62">
        <v>81</v>
      </c>
      <c r="X13" s="63">
        <v>117</v>
      </c>
      <c r="Y13" s="60">
        <v>36</v>
      </c>
      <c r="Z13" s="61">
        <v>26</v>
      </c>
      <c r="AA13" s="62">
        <v>62</v>
      </c>
      <c r="AB13" s="231"/>
      <c r="AC13" s="61">
        <v>53</v>
      </c>
      <c r="AD13" s="61">
        <v>42</v>
      </c>
      <c r="AE13" s="61">
        <v>27</v>
      </c>
      <c r="AF13" s="61">
        <v>21</v>
      </c>
      <c r="AG13" s="61">
        <v>31</v>
      </c>
      <c r="AH13" s="62">
        <v>174</v>
      </c>
      <c r="AI13" s="63">
        <v>236</v>
      </c>
      <c r="AJ13" s="60">
        <v>76</v>
      </c>
      <c r="AK13" s="61">
        <v>51</v>
      </c>
      <c r="AL13" s="62">
        <v>127</v>
      </c>
      <c r="AM13" s="231"/>
      <c r="AN13" s="61">
        <v>100</v>
      </c>
      <c r="AO13" s="61">
        <v>75</v>
      </c>
      <c r="AP13" s="61">
        <v>69</v>
      </c>
      <c r="AQ13" s="61">
        <v>61</v>
      </c>
      <c r="AR13" s="61">
        <v>39</v>
      </c>
      <c r="AS13" s="62">
        <v>344</v>
      </c>
      <c r="AT13" s="63">
        <v>471</v>
      </c>
      <c r="AU13" s="60">
        <v>185</v>
      </c>
      <c r="AV13" s="61">
        <v>80</v>
      </c>
      <c r="AW13" s="62">
        <v>265</v>
      </c>
      <c r="AX13" s="231"/>
      <c r="AY13" s="61">
        <v>200</v>
      </c>
      <c r="AZ13" s="61">
        <v>133</v>
      </c>
      <c r="BA13" s="61">
        <v>82</v>
      </c>
      <c r="BB13" s="61">
        <v>61</v>
      </c>
      <c r="BC13" s="61">
        <v>42</v>
      </c>
      <c r="BD13" s="62">
        <v>518</v>
      </c>
      <c r="BE13" s="63">
        <v>783</v>
      </c>
      <c r="BF13" s="60">
        <v>214</v>
      </c>
      <c r="BG13" s="61">
        <v>138</v>
      </c>
      <c r="BH13" s="62">
        <v>352</v>
      </c>
      <c r="BI13" s="231"/>
      <c r="BJ13" s="61">
        <v>230</v>
      </c>
      <c r="BK13" s="61">
        <v>156</v>
      </c>
      <c r="BL13" s="61">
        <v>113</v>
      </c>
      <c r="BM13" s="61">
        <v>113</v>
      </c>
      <c r="BN13" s="61">
        <v>50</v>
      </c>
      <c r="BO13" s="62">
        <v>662</v>
      </c>
      <c r="BP13" s="63">
        <v>1014</v>
      </c>
      <c r="BQ13" s="60">
        <v>169</v>
      </c>
      <c r="BR13" s="61">
        <v>88</v>
      </c>
      <c r="BS13" s="62">
        <v>257</v>
      </c>
      <c r="BT13" s="231"/>
      <c r="BU13" s="61">
        <v>222</v>
      </c>
      <c r="BV13" s="61">
        <v>161</v>
      </c>
      <c r="BW13" s="61">
        <v>135</v>
      </c>
      <c r="BX13" s="61">
        <v>111</v>
      </c>
      <c r="BY13" s="61">
        <v>55</v>
      </c>
      <c r="BZ13" s="62">
        <v>684</v>
      </c>
      <c r="CA13" s="63">
        <v>941</v>
      </c>
      <c r="CB13" s="60">
        <v>4</v>
      </c>
      <c r="CC13" s="61">
        <v>15</v>
      </c>
      <c r="CD13" s="62">
        <v>19</v>
      </c>
      <c r="CE13" s="231"/>
      <c r="CF13" s="61">
        <v>27</v>
      </c>
      <c r="CG13" s="61">
        <v>24</v>
      </c>
      <c r="CH13" s="61">
        <v>17</v>
      </c>
      <c r="CI13" s="61">
        <v>14</v>
      </c>
      <c r="CJ13" s="61">
        <v>10</v>
      </c>
      <c r="CK13" s="62">
        <v>92</v>
      </c>
      <c r="CL13" s="63">
        <v>111</v>
      </c>
      <c r="CM13" s="60">
        <v>708</v>
      </c>
      <c r="CN13" s="61">
        <v>410</v>
      </c>
      <c r="CO13" s="62">
        <v>1118</v>
      </c>
      <c r="CP13" s="231"/>
      <c r="CQ13" s="61">
        <v>854</v>
      </c>
      <c r="CR13" s="61">
        <v>612</v>
      </c>
      <c r="CS13" s="61">
        <v>459</v>
      </c>
      <c r="CT13" s="61">
        <v>393</v>
      </c>
      <c r="CU13" s="61">
        <v>237</v>
      </c>
      <c r="CV13" s="62">
        <v>2555</v>
      </c>
      <c r="CW13" s="63">
        <v>3673</v>
      </c>
      <c r="CX13" s="113">
        <v>1420</v>
      </c>
      <c r="CY13" s="72">
        <v>989</v>
      </c>
      <c r="CZ13" s="73">
        <v>2409</v>
      </c>
      <c r="DA13" s="228"/>
      <c r="DB13" s="72">
        <v>1744</v>
      </c>
      <c r="DC13" s="72">
        <v>1137</v>
      </c>
      <c r="DD13" s="72">
        <v>944</v>
      </c>
      <c r="DE13" s="72">
        <v>1042</v>
      </c>
      <c r="DF13" s="72">
        <v>741</v>
      </c>
      <c r="DG13" s="74">
        <v>5608</v>
      </c>
      <c r="DH13" s="75">
        <v>8017</v>
      </c>
      <c r="DI13" s="60">
        <v>24</v>
      </c>
      <c r="DJ13" s="61">
        <v>17</v>
      </c>
      <c r="DK13" s="62">
        <v>41</v>
      </c>
      <c r="DL13" s="231"/>
      <c r="DM13" s="61">
        <v>12</v>
      </c>
      <c r="DN13" s="61">
        <v>16</v>
      </c>
      <c r="DO13" s="61">
        <v>15</v>
      </c>
      <c r="DP13" s="61">
        <v>6</v>
      </c>
      <c r="DQ13" s="61">
        <v>16</v>
      </c>
      <c r="DR13" s="62">
        <v>65</v>
      </c>
      <c r="DS13" s="63">
        <v>106</v>
      </c>
      <c r="DT13" s="60">
        <v>68</v>
      </c>
      <c r="DU13" s="61">
        <v>53</v>
      </c>
      <c r="DV13" s="62">
        <v>121</v>
      </c>
      <c r="DW13" s="231"/>
      <c r="DX13" s="61">
        <v>74</v>
      </c>
      <c r="DY13" s="61">
        <v>32</v>
      </c>
      <c r="DZ13" s="61">
        <v>29</v>
      </c>
      <c r="EA13" s="61">
        <v>27</v>
      </c>
      <c r="EB13" s="61">
        <v>24</v>
      </c>
      <c r="EC13" s="62">
        <v>186</v>
      </c>
      <c r="ED13" s="63">
        <v>307</v>
      </c>
      <c r="EE13" s="60">
        <v>198</v>
      </c>
      <c r="EF13" s="61">
        <v>145</v>
      </c>
      <c r="EG13" s="62">
        <v>343</v>
      </c>
      <c r="EH13" s="231"/>
      <c r="EI13" s="61">
        <v>171</v>
      </c>
      <c r="EJ13" s="61">
        <v>95</v>
      </c>
      <c r="EK13" s="61">
        <v>76</v>
      </c>
      <c r="EL13" s="61">
        <v>64</v>
      </c>
      <c r="EM13" s="61">
        <v>69</v>
      </c>
      <c r="EN13" s="62">
        <v>475</v>
      </c>
      <c r="EO13" s="63">
        <v>818</v>
      </c>
      <c r="EP13" s="60">
        <v>392</v>
      </c>
      <c r="EQ13" s="61">
        <v>234</v>
      </c>
      <c r="ER13" s="62">
        <v>626</v>
      </c>
      <c r="ES13" s="231"/>
      <c r="ET13" s="61">
        <v>373</v>
      </c>
      <c r="EU13" s="61">
        <v>201</v>
      </c>
      <c r="EV13" s="61">
        <v>132</v>
      </c>
      <c r="EW13" s="61">
        <v>165</v>
      </c>
      <c r="EX13" s="61">
        <v>117</v>
      </c>
      <c r="EY13" s="62">
        <v>988</v>
      </c>
      <c r="EZ13" s="63">
        <v>1614</v>
      </c>
      <c r="FA13" s="60">
        <v>458</v>
      </c>
      <c r="FB13" s="61">
        <v>298</v>
      </c>
      <c r="FC13" s="62">
        <v>756</v>
      </c>
      <c r="FD13" s="231"/>
      <c r="FE13" s="61">
        <v>516</v>
      </c>
      <c r="FF13" s="61">
        <v>336</v>
      </c>
      <c r="FG13" s="61">
        <v>243</v>
      </c>
      <c r="FH13" s="61">
        <v>244</v>
      </c>
      <c r="FI13" s="61">
        <v>188</v>
      </c>
      <c r="FJ13" s="62">
        <v>1527</v>
      </c>
      <c r="FK13" s="63">
        <v>2283</v>
      </c>
      <c r="FL13" s="60">
        <v>280</v>
      </c>
      <c r="FM13" s="61">
        <v>242</v>
      </c>
      <c r="FN13" s="62">
        <v>522</v>
      </c>
      <c r="FO13" s="231"/>
      <c r="FP13" s="61">
        <v>598</v>
      </c>
      <c r="FQ13" s="61">
        <v>457</v>
      </c>
      <c r="FR13" s="61">
        <v>449</v>
      </c>
      <c r="FS13" s="61">
        <v>536</v>
      </c>
      <c r="FT13" s="61">
        <v>327</v>
      </c>
      <c r="FU13" s="62">
        <v>2367</v>
      </c>
      <c r="FV13" s="63">
        <v>2889</v>
      </c>
      <c r="FW13" s="60">
        <v>6</v>
      </c>
      <c r="FX13" s="61">
        <v>17</v>
      </c>
      <c r="FY13" s="62">
        <v>23</v>
      </c>
      <c r="FZ13" s="231"/>
      <c r="GA13" s="61">
        <v>12</v>
      </c>
      <c r="GB13" s="61">
        <v>19</v>
      </c>
      <c r="GC13" s="61">
        <v>12</v>
      </c>
      <c r="GD13" s="61">
        <v>16</v>
      </c>
      <c r="GE13" s="61">
        <v>11</v>
      </c>
      <c r="GF13" s="62">
        <v>70</v>
      </c>
      <c r="GG13" s="63">
        <v>93</v>
      </c>
      <c r="GH13" s="60">
        <v>1426</v>
      </c>
      <c r="GI13" s="61">
        <v>1006</v>
      </c>
      <c r="GJ13" s="62">
        <v>2432</v>
      </c>
      <c r="GK13" s="231"/>
      <c r="GL13" s="61">
        <v>1756</v>
      </c>
      <c r="GM13" s="61">
        <v>1156</v>
      </c>
      <c r="GN13" s="61">
        <v>956</v>
      </c>
      <c r="GO13" s="61">
        <v>1058</v>
      </c>
      <c r="GP13" s="61">
        <v>752</v>
      </c>
      <c r="GQ13" s="62">
        <v>5678</v>
      </c>
      <c r="GR13" s="63">
        <v>8110</v>
      </c>
      <c r="GS13" s="113">
        <v>2124</v>
      </c>
      <c r="GT13" s="72">
        <v>1384</v>
      </c>
      <c r="GU13" s="73">
        <v>3508</v>
      </c>
      <c r="GV13" s="228"/>
      <c r="GW13" s="72">
        <v>2571</v>
      </c>
      <c r="GX13" s="72">
        <v>1725</v>
      </c>
      <c r="GY13" s="72">
        <v>1386</v>
      </c>
      <c r="GZ13" s="72">
        <v>1421</v>
      </c>
      <c r="HA13" s="72">
        <v>968</v>
      </c>
      <c r="HB13" s="74">
        <v>8071</v>
      </c>
      <c r="HC13" s="75">
        <v>11579</v>
      </c>
      <c r="HD13" s="60">
        <v>48</v>
      </c>
      <c r="HE13" s="61">
        <v>29</v>
      </c>
      <c r="HF13" s="62">
        <v>77</v>
      </c>
      <c r="HG13" s="231"/>
      <c r="HH13" s="61">
        <v>34</v>
      </c>
      <c r="HI13" s="61">
        <v>37</v>
      </c>
      <c r="HJ13" s="61">
        <v>31</v>
      </c>
      <c r="HK13" s="61">
        <v>18</v>
      </c>
      <c r="HL13" s="61">
        <v>26</v>
      </c>
      <c r="HM13" s="62">
        <v>146</v>
      </c>
      <c r="HN13" s="63">
        <v>223</v>
      </c>
      <c r="HO13" s="60">
        <v>104</v>
      </c>
      <c r="HP13" s="61">
        <v>79</v>
      </c>
      <c r="HQ13" s="62">
        <v>183</v>
      </c>
      <c r="HR13" s="231"/>
      <c r="HS13" s="61">
        <v>127</v>
      </c>
      <c r="HT13" s="61">
        <v>74</v>
      </c>
      <c r="HU13" s="61">
        <v>56</v>
      </c>
      <c r="HV13" s="61">
        <v>48</v>
      </c>
      <c r="HW13" s="61">
        <v>55</v>
      </c>
      <c r="HX13" s="62">
        <v>360</v>
      </c>
      <c r="HY13" s="63">
        <v>543</v>
      </c>
      <c r="HZ13" s="60">
        <v>274</v>
      </c>
      <c r="IA13" s="61">
        <v>196</v>
      </c>
      <c r="IB13" s="62">
        <v>470</v>
      </c>
      <c r="IC13" s="231"/>
      <c r="ID13" s="61">
        <v>271</v>
      </c>
      <c r="IE13" s="61">
        <v>170</v>
      </c>
      <c r="IF13" s="61">
        <v>145</v>
      </c>
      <c r="IG13" s="61">
        <v>125</v>
      </c>
      <c r="IH13" s="61">
        <v>108</v>
      </c>
      <c r="II13" s="62">
        <v>819</v>
      </c>
      <c r="IJ13" s="63">
        <v>1289</v>
      </c>
      <c r="IK13" s="60">
        <v>577</v>
      </c>
      <c r="IL13" s="61">
        <v>314</v>
      </c>
      <c r="IM13" s="62">
        <v>891</v>
      </c>
      <c r="IN13" s="231"/>
      <c r="IO13" s="61">
        <v>573</v>
      </c>
      <c r="IP13" s="61">
        <v>334</v>
      </c>
      <c r="IQ13" s="61">
        <v>214</v>
      </c>
      <c r="IR13" s="61">
        <v>226</v>
      </c>
      <c r="IS13" s="61">
        <v>159</v>
      </c>
      <c r="IT13" s="62">
        <v>1506</v>
      </c>
      <c r="IU13" s="63">
        <v>2397</v>
      </c>
      <c r="IV13" s="60">
        <v>672</v>
      </c>
      <c r="IW13" s="61">
        <v>436</v>
      </c>
      <c r="IX13" s="62">
        <v>1108</v>
      </c>
      <c r="IY13" s="231"/>
      <c r="IZ13" s="61">
        <v>746</v>
      </c>
      <c r="JA13" s="61">
        <v>492</v>
      </c>
      <c r="JB13" s="61">
        <v>356</v>
      </c>
      <c r="JC13" s="61">
        <v>357</v>
      </c>
      <c r="JD13" s="61">
        <v>238</v>
      </c>
      <c r="JE13" s="62">
        <v>2189</v>
      </c>
      <c r="JF13" s="63">
        <v>3297</v>
      </c>
      <c r="JG13" s="60">
        <v>449</v>
      </c>
      <c r="JH13" s="61">
        <v>330</v>
      </c>
      <c r="JI13" s="62">
        <v>779</v>
      </c>
      <c r="JJ13" s="231"/>
      <c r="JK13" s="61">
        <v>820</v>
      </c>
      <c r="JL13" s="61">
        <v>618</v>
      </c>
      <c r="JM13" s="61">
        <v>584</v>
      </c>
      <c r="JN13" s="61">
        <v>647</v>
      </c>
      <c r="JO13" s="61">
        <v>382</v>
      </c>
      <c r="JP13" s="62">
        <v>3051</v>
      </c>
      <c r="JQ13" s="63">
        <v>3830</v>
      </c>
      <c r="JR13" s="60">
        <v>10</v>
      </c>
      <c r="JS13" s="61">
        <v>32</v>
      </c>
      <c r="JT13" s="62">
        <v>42</v>
      </c>
      <c r="JU13" s="231"/>
      <c r="JV13" s="61">
        <v>39</v>
      </c>
      <c r="JW13" s="61">
        <v>43</v>
      </c>
      <c r="JX13" s="61">
        <v>29</v>
      </c>
      <c r="JY13" s="61">
        <v>30</v>
      </c>
      <c r="JZ13" s="61">
        <v>21</v>
      </c>
      <c r="KA13" s="62">
        <v>162</v>
      </c>
      <c r="KB13" s="63">
        <v>204</v>
      </c>
      <c r="KC13" s="60">
        <v>2134</v>
      </c>
      <c r="KD13" s="61">
        <v>1416</v>
      </c>
      <c r="KE13" s="62">
        <v>3550</v>
      </c>
      <c r="KF13" s="231"/>
      <c r="KG13" s="61">
        <v>2610</v>
      </c>
      <c r="KH13" s="61">
        <v>1768</v>
      </c>
      <c r="KI13" s="61">
        <v>1415</v>
      </c>
      <c r="KJ13" s="61">
        <v>1451</v>
      </c>
      <c r="KK13" s="61">
        <v>989</v>
      </c>
      <c r="KL13" s="62">
        <v>8233</v>
      </c>
      <c r="KM13" s="63">
        <v>11783</v>
      </c>
    </row>
    <row r="14" spans="2:299" ht="21" customHeight="1" x14ac:dyDescent="0.2">
      <c r="B14" s="472" t="s">
        <v>10</v>
      </c>
      <c r="C14" s="293">
        <v>1508</v>
      </c>
      <c r="D14" s="72">
        <v>992</v>
      </c>
      <c r="E14" s="73">
        <v>2500</v>
      </c>
      <c r="F14" s="228"/>
      <c r="G14" s="72">
        <v>1727</v>
      </c>
      <c r="H14" s="72">
        <v>1051</v>
      </c>
      <c r="I14" s="72">
        <v>686</v>
      </c>
      <c r="J14" s="72">
        <v>635</v>
      </c>
      <c r="K14" s="72">
        <v>447</v>
      </c>
      <c r="L14" s="74">
        <v>4546</v>
      </c>
      <c r="M14" s="75">
        <v>7046</v>
      </c>
      <c r="N14" s="60">
        <v>66</v>
      </c>
      <c r="O14" s="61">
        <v>59</v>
      </c>
      <c r="P14" s="62">
        <v>125</v>
      </c>
      <c r="Q14" s="231"/>
      <c r="R14" s="61">
        <v>75</v>
      </c>
      <c r="S14" s="61">
        <v>50</v>
      </c>
      <c r="T14" s="61">
        <v>25</v>
      </c>
      <c r="U14" s="61">
        <v>37</v>
      </c>
      <c r="V14" s="61">
        <v>25</v>
      </c>
      <c r="W14" s="62">
        <v>212</v>
      </c>
      <c r="X14" s="63">
        <v>337</v>
      </c>
      <c r="Y14" s="60">
        <v>147</v>
      </c>
      <c r="Z14" s="61">
        <v>109</v>
      </c>
      <c r="AA14" s="62">
        <v>256</v>
      </c>
      <c r="AB14" s="231"/>
      <c r="AC14" s="61">
        <v>168</v>
      </c>
      <c r="AD14" s="61">
        <v>120</v>
      </c>
      <c r="AE14" s="61">
        <v>80</v>
      </c>
      <c r="AF14" s="61">
        <v>58</v>
      </c>
      <c r="AG14" s="61">
        <v>60</v>
      </c>
      <c r="AH14" s="62">
        <v>486</v>
      </c>
      <c r="AI14" s="63">
        <v>742</v>
      </c>
      <c r="AJ14" s="60">
        <v>217</v>
      </c>
      <c r="AK14" s="61">
        <v>173</v>
      </c>
      <c r="AL14" s="62">
        <v>390</v>
      </c>
      <c r="AM14" s="231"/>
      <c r="AN14" s="61">
        <v>294</v>
      </c>
      <c r="AO14" s="61">
        <v>163</v>
      </c>
      <c r="AP14" s="61">
        <v>101</v>
      </c>
      <c r="AQ14" s="61">
        <v>102</v>
      </c>
      <c r="AR14" s="61">
        <v>76</v>
      </c>
      <c r="AS14" s="62">
        <v>736</v>
      </c>
      <c r="AT14" s="63">
        <v>1126</v>
      </c>
      <c r="AU14" s="60">
        <v>382</v>
      </c>
      <c r="AV14" s="61">
        <v>231</v>
      </c>
      <c r="AW14" s="62">
        <v>613</v>
      </c>
      <c r="AX14" s="231"/>
      <c r="AY14" s="61">
        <v>425</v>
      </c>
      <c r="AZ14" s="61">
        <v>249</v>
      </c>
      <c r="BA14" s="61">
        <v>140</v>
      </c>
      <c r="BB14" s="61">
        <v>136</v>
      </c>
      <c r="BC14" s="61">
        <v>103</v>
      </c>
      <c r="BD14" s="62">
        <v>1053</v>
      </c>
      <c r="BE14" s="63">
        <v>1666</v>
      </c>
      <c r="BF14" s="60">
        <v>443</v>
      </c>
      <c r="BG14" s="61">
        <v>269</v>
      </c>
      <c r="BH14" s="62">
        <v>712</v>
      </c>
      <c r="BI14" s="231"/>
      <c r="BJ14" s="61">
        <v>454</v>
      </c>
      <c r="BK14" s="61">
        <v>258</v>
      </c>
      <c r="BL14" s="61">
        <v>175</v>
      </c>
      <c r="BM14" s="61">
        <v>135</v>
      </c>
      <c r="BN14" s="61">
        <v>100</v>
      </c>
      <c r="BO14" s="62">
        <v>1122</v>
      </c>
      <c r="BP14" s="63">
        <v>1834</v>
      </c>
      <c r="BQ14" s="60">
        <v>253</v>
      </c>
      <c r="BR14" s="61">
        <v>151</v>
      </c>
      <c r="BS14" s="62">
        <v>404</v>
      </c>
      <c r="BT14" s="231"/>
      <c r="BU14" s="61">
        <v>311</v>
      </c>
      <c r="BV14" s="61">
        <v>211</v>
      </c>
      <c r="BW14" s="61">
        <v>165</v>
      </c>
      <c r="BX14" s="61">
        <v>167</v>
      </c>
      <c r="BY14" s="61">
        <v>83</v>
      </c>
      <c r="BZ14" s="62">
        <v>937</v>
      </c>
      <c r="CA14" s="63">
        <v>1341</v>
      </c>
      <c r="CB14" s="60">
        <v>51</v>
      </c>
      <c r="CC14" s="61">
        <v>32</v>
      </c>
      <c r="CD14" s="62">
        <v>83</v>
      </c>
      <c r="CE14" s="231"/>
      <c r="CF14" s="61">
        <v>72</v>
      </c>
      <c r="CG14" s="61">
        <v>51</v>
      </c>
      <c r="CH14" s="61">
        <v>35</v>
      </c>
      <c r="CI14" s="61">
        <v>28</v>
      </c>
      <c r="CJ14" s="61">
        <v>38</v>
      </c>
      <c r="CK14" s="62">
        <v>224</v>
      </c>
      <c r="CL14" s="63">
        <v>307</v>
      </c>
      <c r="CM14" s="60">
        <v>1559</v>
      </c>
      <c r="CN14" s="61">
        <v>1024</v>
      </c>
      <c r="CO14" s="62">
        <v>2583</v>
      </c>
      <c r="CP14" s="231"/>
      <c r="CQ14" s="61">
        <v>1799</v>
      </c>
      <c r="CR14" s="61">
        <v>1102</v>
      </c>
      <c r="CS14" s="61">
        <v>721</v>
      </c>
      <c r="CT14" s="61">
        <v>663</v>
      </c>
      <c r="CU14" s="61">
        <v>485</v>
      </c>
      <c r="CV14" s="62">
        <v>4770</v>
      </c>
      <c r="CW14" s="63">
        <v>7353</v>
      </c>
      <c r="CX14" s="113">
        <v>3097</v>
      </c>
      <c r="CY14" s="72">
        <v>2214</v>
      </c>
      <c r="CZ14" s="73">
        <v>5311</v>
      </c>
      <c r="DA14" s="228"/>
      <c r="DB14" s="72">
        <v>3286</v>
      </c>
      <c r="DC14" s="72">
        <v>1781</v>
      </c>
      <c r="DD14" s="72">
        <v>1496</v>
      </c>
      <c r="DE14" s="72">
        <v>1541</v>
      </c>
      <c r="DF14" s="72">
        <v>1240</v>
      </c>
      <c r="DG14" s="74">
        <v>9344</v>
      </c>
      <c r="DH14" s="75">
        <v>14655</v>
      </c>
      <c r="DI14" s="60">
        <v>56</v>
      </c>
      <c r="DJ14" s="61">
        <v>58</v>
      </c>
      <c r="DK14" s="62">
        <v>114</v>
      </c>
      <c r="DL14" s="231"/>
      <c r="DM14" s="61">
        <v>74</v>
      </c>
      <c r="DN14" s="61">
        <v>32</v>
      </c>
      <c r="DO14" s="61">
        <v>20</v>
      </c>
      <c r="DP14" s="61">
        <v>22</v>
      </c>
      <c r="DQ14" s="61">
        <v>23</v>
      </c>
      <c r="DR14" s="62">
        <v>171</v>
      </c>
      <c r="DS14" s="63">
        <v>285</v>
      </c>
      <c r="DT14" s="60">
        <v>177</v>
      </c>
      <c r="DU14" s="61">
        <v>137</v>
      </c>
      <c r="DV14" s="62">
        <v>314</v>
      </c>
      <c r="DW14" s="231"/>
      <c r="DX14" s="61">
        <v>191</v>
      </c>
      <c r="DY14" s="61">
        <v>87</v>
      </c>
      <c r="DZ14" s="61">
        <v>51</v>
      </c>
      <c r="EA14" s="61">
        <v>55</v>
      </c>
      <c r="EB14" s="61">
        <v>58</v>
      </c>
      <c r="EC14" s="62">
        <v>442</v>
      </c>
      <c r="ED14" s="63">
        <v>756</v>
      </c>
      <c r="EE14" s="60">
        <v>493</v>
      </c>
      <c r="EF14" s="61">
        <v>292</v>
      </c>
      <c r="EG14" s="62">
        <v>785</v>
      </c>
      <c r="EH14" s="231"/>
      <c r="EI14" s="61">
        <v>392</v>
      </c>
      <c r="EJ14" s="61">
        <v>196</v>
      </c>
      <c r="EK14" s="61">
        <v>138</v>
      </c>
      <c r="EL14" s="61">
        <v>111</v>
      </c>
      <c r="EM14" s="61">
        <v>121</v>
      </c>
      <c r="EN14" s="62">
        <v>958</v>
      </c>
      <c r="EO14" s="63">
        <v>1743</v>
      </c>
      <c r="EP14" s="60">
        <v>894</v>
      </c>
      <c r="EQ14" s="61">
        <v>582</v>
      </c>
      <c r="ER14" s="62">
        <v>1476</v>
      </c>
      <c r="ES14" s="231"/>
      <c r="ET14" s="61">
        <v>691</v>
      </c>
      <c r="EU14" s="61">
        <v>340</v>
      </c>
      <c r="EV14" s="61">
        <v>256</v>
      </c>
      <c r="EW14" s="61">
        <v>255</v>
      </c>
      <c r="EX14" s="61">
        <v>209</v>
      </c>
      <c r="EY14" s="62">
        <v>1751</v>
      </c>
      <c r="EZ14" s="63">
        <v>3227</v>
      </c>
      <c r="FA14" s="60">
        <v>965</v>
      </c>
      <c r="FB14" s="61">
        <v>650</v>
      </c>
      <c r="FC14" s="62">
        <v>1615</v>
      </c>
      <c r="FD14" s="231"/>
      <c r="FE14" s="61">
        <v>998</v>
      </c>
      <c r="FF14" s="61">
        <v>489</v>
      </c>
      <c r="FG14" s="61">
        <v>438</v>
      </c>
      <c r="FH14" s="61">
        <v>388</v>
      </c>
      <c r="FI14" s="61">
        <v>308</v>
      </c>
      <c r="FJ14" s="62">
        <v>2621</v>
      </c>
      <c r="FK14" s="63">
        <v>4236</v>
      </c>
      <c r="FL14" s="60">
        <v>512</v>
      </c>
      <c r="FM14" s="61">
        <v>495</v>
      </c>
      <c r="FN14" s="62">
        <v>1007</v>
      </c>
      <c r="FO14" s="231"/>
      <c r="FP14" s="61">
        <v>940</v>
      </c>
      <c r="FQ14" s="61">
        <v>637</v>
      </c>
      <c r="FR14" s="61">
        <v>593</v>
      </c>
      <c r="FS14" s="61">
        <v>710</v>
      </c>
      <c r="FT14" s="61">
        <v>521</v>
      </c>
      <c r="FU14" s="62">
        <v>3401</v>
      </c>
      <c r="FV14" s="63">
        <v>4408</v>
      </c>
      <c r="FW14" s="60">
        <v>33</v>
      </c>
      <c r="FX14" s="61">
        <v>42</v>
      </c>
      <c r="FY14" s="62">
        <v>75</v>
      </c>
      <c r="FZ14" s="231"/>
      <c r="GA14" s="61">
        <v>62</v>
      </c>
      <c r="GB14" s="61">
        <v>34</v>
      </c>
      <c r="GC14" s="61">
        <v>20</v>
      </c>
      <c r="GD14" s="61">
        <v>25</v>
      </c>
      <c r="GE14" s="61">
        <v>25</v>
      </c>
      <c r="GF14" s="62">
        <v>166</v>
      </c>
      <c r="GG14" s="63">
        <v>241</v>
      </c>
      <c r="GH14" s="60">
        <v>3130</v>
      </c>
      <c r="GI14" s="61">
        <v>2256</v>
      </c>
      <c r="GJ14" s="62">
        <v>5386</v>
      </c>
      <c r="GK14" s="231"/>
      <c r="GL14" s="61">
        <v>3348</v>
      </c>
      <c r="GM14" s="61">
        <v>1815</v>
      </c>
      <c r="GN14" s="61">
        <v>1516</v>
      </c>
      <c r="GO14" s="61">
        <v>1566</v>
      </c>
      <c r="GP14" s="61">
        <v>1265</v>
      </c>
      <c r="GQ14" s="62">
        <v>9510</v>
      </c>
      <c r="GR14" s="63">
        <v>14896</v>
      </c>
      <c r="GS14" s="113">
        <v>4605</v>
      </c>
      <c r="GT14" s="72">
        <v>3206</v>
      </c>
      <c r="GU14" s="73">
        <v>7811</v>
      </c>
      <c r="GV14" s="228"/>
      <c r="GW14" s="72">
        <v>5013</v>
      </c>
      <c r="GX14" s="72">
        <v>2832</v>
      </c>
      <c r="GY14" s="72">
        <v>2182</v>
      </c>
      <c r="GZ14" s="72">
        <v>2176</v>
      </c>
      <c r="HA14" s="72">
        <v>1687</v>
      </c>
      <c r="HB14" s="74">
        <v>13890</v>
      </c>
      <c r="HC14" s="75">
        <v>21701</v>
      </c>
      <c r="HD14" s="60">
        <v>122</v>
      </c>
      <c r="HE14" s="61">
        <v>117</v>
      </c>
      <c r="HF14" s="62">
        <v>239</v>
      </c>
      <c r="HG14" s="231"/>
      <c r="HH14" s="61">
        <v>149</v>
      </c>
      <c r="HI14" s="61">
        <v>82</v>
      </c>
      <c r="HJ14" s="61">
        <v>45</v>
      </c>
      <c r="HK14" s="61">
        <v>59</v>
      </c>
      <c r="HL14" s="61">
        <v>48</v>
      </c>
      <c r="HM14" s="62">
        <v>383</v>
      </c>
      <c r="HN14" s="63">
        <v>622</v>
      </c>
      <c r="HO14" s="60">
        <v>324</v>
      </c>
      <c r="HP14" s="61">
        <v>246</v>
      </c>
      <c r="HQ14" s="62">
        <v>570</v>
      </c>
      <c r="HR14" s="231"/>
      <c r="HS14" s="61">
        <v>359</v>
      </c>
      <c r="HT14" s="61">
        <v>207</v>
      </c>
      <c r="HU14" s="61">
        <v>131</v>
      </c>
      <c r="HV14" s="61">
        <v>113</v>
      </c>
      <c r="HW14" s="61">
        <v>118</v>
      </c>
      <c r="HX14" s="62">
        <v>928</v>
      </c>
      <c r="HY14" s="63">
        <v>1498</v>
      </c>
      <c r="HZ14" s="60">
        <v>710</v>
      </c>
      <c r="IA14" s="61">
        <v>465</v>
      </c>
      <c r="IB14" s="62">
        <v>1175</v>
      </c>
      <c r="IC14" s="231"/>
      <c r="ID14" s="61">
        <v>686</v>
      </c>
      <c r="IE14" s="61">
        <v>359</v>
      </c>
      <c r="IF14" s="61">
        <v>239</v>
      </c>
      <c r="IG14" s="61">
        <v>213</v>
      </c>
      <c r="IH14" s="61">
        <v>197</v>
      </c>
      <c r="II14" s="62">
        <v>1694</v>
      </c>
      <c r="IJ14" s="63">
        <v>2869</v>
      </c>
      <c r="IK14" s="60">
        <v>1276</v>
      </c>
      <c r="IL14" s="61">
        <v>813</v>
      </c>
      <c r="IM14" s="62">
        <v>2089</v>
      </c>
      <c r="IN14" s="231"/>
      <c r="IO14" s="61">
        <v>1116</v>
      </c>
      <c r="IP14" s="61">
        <v>589</v>
      </c>
      <c r="IQ14" s="61">
        <v>396</v>
      </c>
      <c r="IR14" s="61">
        <v>391</v>
      </c>
      <c r="IS14" s="61">
        <v>312</v>
      </c>
      <c r="IT14" s="62">
        <v>2804</v>
      </c>
      <c r="IU14" s="63">
        <v>4893</v>
      </c>
      <c r="IV14" s="60">
        <v>1408</v>
      </c>
      <c r="IW14" s="61">
        <v>919</v>
      </c>
      <c r="IX14" s="62">
        <v>2327</v>
      </c>
      <c r="IY14" s="231"/>
      <c r="IZ14" s="61">
        <v>1452</v>
      </c>
      <c r="JA14" s="61">
        <v>747</v>
      </c>
      <c r="JB14" s="61">
        <v>613</v>
      </c>
      <c r="JC14" s="61">
        <v>523</v>
      </c>
      <c r="JD14" s="61">
        <v>408</v>
      </c>
      <c r="JE14" s="62">
        <v>3743</v>
      </c>
      <c r="JF14" s="63">
        <v>6070</v>
      </c>
      <c r="JG14" s="60">
        <v>765</v>
      </c>
      <c r="JH14" s="61">
        <v>646</v>
      </c>
      <c r="JI14" s="62">
        <v>1411</v>
      </c>
      <c r="JJ14" s="231"/>
      <c r="JK14" s="61">
        <v>1251</v>
      </c>
      <c r="JL14" s="61">
        <v>848</v>
      </c>
      <c r="JM14" s="61">
        <v>758</v>
      </c>
      <c r="JN14" s="61">
        <v>877</v>
      </c>
      <c r="JO14" s="61">
        <v>604</v>
      </c>
      <c r="JP14" s="62">
        <v>4338</v>
      </c>
      <c r="JQ14" s="63">
        <v>5749</v>
      </c>
      <c r="JR14" s="60">
        <v>84</v>
      </c>
      <c r="JS14" s="61">
        <v>74</v>
      </c>
      <c r="JT14" s="62">
        <v>158</v>
      </c>
      <c r="JU14" s="231"/>
      <c r="JV14" s="61">
        <v>134</v>
      </c>
      <c r="JW14" s="61">
        <v>85</v>
      </c>
      <c r="JX14" s="61">
        <v>55</v>
      </c>
      <c r="JY14" s="61">
        <v>53</v>
      </c>
      <c r="JZ14" s="61">
        <v>63</v>
      </c>
      <c r="KA14" s="62">
        <v>390</v>
      </c>
      <c r="KB14" s="63">
        <v>548</v>
      </c>
      <c r="KC14" s="60">
        <v>4689</v>
      </c>
      <c r="KD14" s="61">
        <v>3280</v>
      </c>
      <c r="KE14" s="62">
        <v>7969</v>
      </c>
      <c r="KF14" s="231"/>
      <c r="KG14" s="61">
        <v>5147</v>
      </c>
      <c r="KH14" s="61">
        <v>2917</v>
      </c>
      <c r="KI14" s="61">
        <v>2237</v>
      </c>
      <c r="KJ14" s="61">
        <v>2229</v>
      </c>
      <c r="KK14" s="61">
        <v>1750</v>
      </c>
      <c r="KL14" s="62">
        <v>14280</v>
      </c>
      <c r="KM14" s="63">
        <v>22249</v>
      </c>
    </row>
    <row r="15" spans="2:299" ht="21" customHeight="1" x14ac:dyDescent="0.2">
      <c r="B15" s="472" t="s">
        <v>11</v>
      </c>
      <c r="C15" s="293">
        <v>474</v>
      </c>
      <c r="D15" s="72">
        <v>364</v>
      </c>
      <c r="E15" s="73">
        <v>838</v>
      </c>
      <c r="F15" s="228"/>
      <c r="G15" s="72">
        <v>867</v>
      </c>
      <c r="H15" s="72">
        <v>571</v>
      </c>
      <c r="I15" s="72">
        <v>472</v>
      </c>
      <c r="J15" s="72">
        <v>427</v>
      </c>
      <c r="K15" s="72">
        <v>228</v>
      </c>
      <c r="L15" s="74">
        <v>2565</v>
      </c>
      <c r="M15" s="75">
        <v>3403</v>
      </c>
      <c r="N15" s="60">
        <v>14</v>
      </c>
      <c r="O15" s="61">
        <v>14</v>
      </c>
      <c r="P15" s="62">
        <v>28</v>
      </c>
      <c r="Q15" s="231"/>
      <c r="R15" s="61">
        <v>47</v>
      </c>
      <c r="S15" s="61">
        <v>19</v>
      </c>
      <c r="T15" s="61">
        <v>17</v>
      </c>
      <c r="U15" s="61">
        <v>20</v>
      </c>
      <c r="V15" s="61">
        <v>13</v>
      </c>
      <c r="W15" s="62">
        <v>116</v>
      </c>
      <c r="X15" s="63">
        <v>144</v>
      </c>
      <c r="Y15" s="60">
        <v>50</v>
      </c>
      <c r="Z15" s="61">
        <v>42</v>
      </c>
      <c r="AA15" s="62">
        <v>92</v>
      </c>
      <c r="AB15" s="231"/>
      <c r="AC15" s="61">
        <v>89</v>
      </c>
      <c r="AD15" s="61">
        <v>61</v>
      </c>
      <c r="AE15" s="61">
        <v>59</v>
      </c>
      <c r="AF15" s="61">
        <v>47</v>
      </c>
      <c r="AG15" s="61">
        <v>28</v>
      </c>
      <c r="AH15" s="62">
        <v>284</v>
      </c>
      <c r="AI15" s="63">
        <v>376</v>
      </c>
      <c r="AJ15" s="60">
        <v>62</v>
      </c>
      <c r="AK15" s="61">
        <v>74</v>
      </c>
      <c r="AL15" s="62">
        <v>136</v>
      </c>
      <c r="AM15" s="231"/>
      <c r="AN15" s="61">
        <v>150</v>
      </c>
      <c r="AO15" s="61">
        <v>107</v>
      </c>
      <c r="AP15" s="61">
        <v>73</v>
      </c>
      <c r="AQ15" s="61">
        <v>71</v>
      </c>
      <c r="AR15" s="61">
        <v>36</v>
      </c>
      <c r="AS15" s="62">
        <v>437</v>
      </c>
      <c r="AT15" s="63">
        <v>573</v>
      </c>
      <c r="AU15" s="60">
        <v>126</v>
      </c>
      <c r="AV15" s="61">
        <v>86</v>
      </c>
      <c r="AW15" s="62">
        <v>212</v>
      </c>
      <c r="AX15" s="231"/>
      <c r="AY15" s="61">
        <v>218</v>
      </c>
      <c r="AZ15" s="61">
        <v>134</v>
      </c>
      <c r="BA15" s="61">
        <v>119</v>
      </c>
      <c r="BB15" s="61">
        <v>111</v>
      </c>
      <c r="BC15" s="61">
        <v>55</v>
      </c>
      <c r="BD15" s="62">
        <v>637</v>
      </c>
      <c r="BE15" s="63">
        <v>849</v>
      </c>
      <c r="BF15" s="60">
        <v>142</v>
      </c>
      <c r="BG15" s="61">
        <v>85</v>
      </c>
      <c r="BH15" s="62">
        <v>227</v>
      </c>
      <c r="BI15" s="231"/>
      <c r="BJ15" s="61">
        <v>219</v>
      </c>
      <c r="BK15" s="61">
        <v>140</v>
      </c>
      <c r="BL15" s="61">
        <v>118</v>
      </c>
      <c r="BM15" s="61">
        <v>94</v>
      </c>
      <c r="BN15" s="61">
        <v>54</v>
      </c>
      <c r="BO15" s="62">
        <v>625</v>
      </c>
      <c r="BP15" s="63">
        <v>852</v>
      </c>
      <c r="BQ15" s="60">
        <v>80</v>
      </c>
      <c r="BR15" s="61">
        <v>63</v>
      </c>
      <c r="BS15" s="62">
        <v>143</v>
      </c>
      <c r="BT15" s="231"/>
      <c r="BU15" s="61">
        <v>144</v>
      </c>
      <c r="BV15" s="61">
        <v>110</v>
      </c>
      <c r="BW15" s="61">
        <v>86</v>
      </c>
      <c r="BX15" s="61">
        <v>84</v>
      </c>
      <c r="BY15" s="61">
        <v>42</v>
      </c>
      <c r="BZ15" s="62">
        <v>466</v>
      </c>
      <c r="CA15" s="63">
        <v>609</v>
      </c>
      <c r="CB15" s="60">
        <v>11</v>
      </c>
      <c r="CC15" s="61">
        <v>9</v>
      </c>
      <c r="CD15" s="62">
        <v>20</v>
      </c>
      <c r="CE15" s="231"/>
      <c r="CF15" s="61">
        <v>36</v>
      </c>
      <c r="CG15" s="61">
        <v>21</v>
      </c>
      <c r="CH15" s="61">
        <v>12</v>
      </c>
      <c r="CI15" s="61">
        <v>18</v>
      </c>
      <c r="CJ15" s="61">
        <v>12</v>
      </c>
      <c r="CK15" s="62">
        <v>99</v>
      </c>
      <c r="CL15" s="63">
        <v>119</v>
      </c>
      <c r="CM15" s="60">
        <v>485</v>
      </c>
      <c r="CN15" s="61">
        <v>373</v>
      </c>
      <c r="CO15" s="62">
        <v>858</v>
      </c>
      <c r="CP15" s="231"/>
      <c r="CQ15" s="61">
        <v>903</v>
      </c>
      <c r="CR15" s="61">
        <v>592</v>
      </c>
      <c r="CS15" s="61">
        <v>484</v>
      </c>
      <c r="CT15" s="61">
        <v>445</v>
      </c>
      <c r="CU15" s="61">
        <v>240</v>
      </c>
      <c r="CV15" s="62">
        <v>2664</v>
      </c>
      <c r="CW15" s="63">
        <v>3522</v>
      </c>
      <c r="CX15" s="113">
        <v>964</v>
      </c>
      <c r="CY15" s="72">
        <v>786</v>
      </c>
      <c r="CZ15" s="73">
        <v>1750</v>
      </c>
      <c r="DA15" s="228"/>
      <c r="DB15" s="72">
        <v>1756</v>
      </c>
      <c r="DC15" s="72">
        <v>1056</v>
      </c>
      <c r="DD15" s="72">
        <v>952</v>
      </c>
      <c r="DE15" s="72">
        <v>982</v>
      </c>
      <c r="DF15" s="72">
        <v>546</v>
      </c>
      <c r="DG15" s="74">
        <v>5292</v>
      </c>
      <c r="DH15" s="75">
        <v>7042</v>
      </c>
      <c r="DI15" s="60">
        <v>23</v>
      </c>
      <c r="DJ15" s="61">
        <v>13</v>
      </c>
      <c r="DK15" s="62">
        <v>36</v>
      </c>
      <c r="DL15" s="231"/>
      <c r="DM15" s="61">
        <v>42</v>
      </c>
      <c r="DN15" s="61">
        <v>19</v>
      </c>
      <c r="DO15" s="61">
        <v>16</v>
      </c>
      <c r="DP15" s="61">
        <v>18</v>
      </c>
      <c r="DQ15" s="61">
        <v>17</v>
      </c>
      <c r="DR15" s="62">
        <v>112</v>
      </c>
      <c r="DS15" s="63">
        <v>148</v>
      </c>
      <c r="DT15" s="60">
        <v>67</v>
      </c>
      <c r="DU15" s="61">
        <v>57</v>
      </c>
      <c r="DV15" s="62">
        <v>124</v>
      </c>
      <c r="DW15" s="231"/>
      <c r="DX15" s="61">
        <v>98</v>
      </c>
      <c r="DY15" s="61">
        <v>47</v>
      </c>
      <c r="DZ15" s="61">
        <v>57</v>
      </c>
      <c r="EA15" s="61">
        <v>42</v>
      </c>
      <c r="EB15" s="61">
        <v>28</v>
      </c>
      <c r="EC15" s="62">
        <v>272</v>
      </c>
      <c r="ED15" s="63">
        <v>396</v>
      </c>
      <c r="EE15" s="60">
        <v>130</v>
      </c>
      <c r="EF15" s="61">
        <v>108</v>
      </c>
      <c r="EG15" s="62">
        <v>238</v>
      </c>
      <c r="EH15" s="231"/>
      <c r="EI15" s="61">
        <v>171</v>
      </c>
      <c r="EJ15" s="61">
        <v>104</v>
      </c>
      <c r="EK15" s="61">
        <v>89</v>
      </c>
      <c r="EL15" s="61">
        <v>81</v>
      </c>
      <c r="EM15" s="61">
        <v>51</v>
      </c>
      <c r="EN15" s="62">
        <v>496</v>
      </c>
      <c r="EO15" s="63">
        <v>734</v>
      </c>
      <c r="EP15" s="60">
        <v>269</v>
      </c>
      <c r="EQ15" s="61">
        <v>224</v>
      </c>
      <c r="ER15" s="62">
        <v>493</v>
      </c>
      <c r="ES15" s="231"/>
      <c r="ET15" s="61">
        <v>408</v>
      </c>
      <c r="EU15" s="61">
        <v>211</v>
      </c>
      <c r="EV15" s="61">
        <v>172</v>
      </c>
      <c r="EW15" s="61">
        <v>166</v>
      </c>
      <c r="EX15" s="61">
        <v>95</v>
      </c>
      <c r="EY15" s="62">
        <v>1052</v>
      </c>
      <c r="EZ15" s="63">
        <v>1545</v>
      </c>
      <c r="FA15" s="60">
        <v>295</v>
      </c>
      <c r="FB15" s="61">
        <v>228</v>
      </c>
      <c r="FC15" s="62">
        <v>523</v>
      </c>
      <c r="FD15" s="231"/>
      <c r="FE15" s="61">
        <v>551</v>
      </c>
      <c r="FF15" s="61">
        <v>305</v>
      </c>
      <c r="FG15" s="61">
        <v>254</v>
      </c>
      <c r="FH15" s="61">
        <v>237</v>
      </c>
      <c r="FI15" s="61">
        <v>134</v>
      </c>
      <c r="FJ15" s="62">
        <v>1481</v>
      </c>
      <c r="FK15" s="63">
        <v>2004</v>
      </c>
      <c r="FL15" s="60">
        <v>180</v>
      </c>
      <c r="FM15" s="61">
        <v>156</v>
      </c>
      <c r="FN15" s="62">
        <v>336</v>
      </c>
      <c r="FO15" s="231"/>
      <c r="FP15" s="61">
        <v>486</v>
      </c>
      <c r="FQ15" s="61">
        <v>370</v>
      </c>
      <c r="FR15" s="61">
        <v>364</v>
      </c>
      <c r="FS15" s="61">
        <v>438</v>
      </c>
      <c r="FT15" s="61">
        <v>221</v>
      </c>
      <c r="FU15" s="62">
        <v>1879</v>
      </c>
      <c r="FV15" s="63">
        <v>2215</v>
      </c>
      <c r="FW15" s="60">
        <v>11</v>
      </c>
      <c r="FX15" s="61">
        <v>9</v>
      </c>
      <c r="FY15" s="62">
        <v>20</v>
      </c>
      <c r="FZ15" s="231"/>
      <c r="GA15" s="61">
        <v>26</v>
      </c>
      <c r="GB15" s="61">
        <v>16</v>
      </c>
      <c r="GC15" s="61">
        <v>19</v>
      </c>
      <c r="GD15" s="61">
        <v>10</v>
      </c>
      <c r="GE15" s="61">
        <v>12</v>
      </c>
      <c r="GF15" s="62">
        <v>83</v>
      </c>
      <c r="GG15" s="63">
        <v>103</v>
      </c>
      <c r="GH15" s="60">
        <v>975</v>
      </c>
      <c r="GI15" s="61">
        <v>795</v>
      </c>
      <c r="GJ15" s="62">
        <v>1770</v>
      </c>
      <c r="GK15" s="231"/>
      <c r="GL15" s="61">
        <v>1782</v>
      </c>
      <c r="GM15" s="61">
        <v>1072</v>
      </c>
      <c r="GN15" s="61">
        <v>971</v>
      </c>
      <c r="GO15" s="61">
        <v>992</v>
      </c>
      <c r="GP15" s="61">
        <v>558</v>
      </c>
      <c r="GQ15" s="62">
        <v>5375</v>
      </c>
      <c r="GR15" s="63">
        <v>7145</v>
      </c>
      <c r="GS15" s="113">
        <v>1438</v>
      </c>
      <c r="GT15" s="72">
        <v>1150</v>
      </c>
      <c r="GU15" s="73">
        <v>2588</v>
      </c>
      <c r="GV15" s="228"/>
      <c r="GW15" s="72">
        <v>2623</v>
      </c>
      <c r="GX15" s="72">
        <v>1627</v>
      </c>
      <c r="GY15" s="72">
        <v>1424</v>
      </c>
      <c r="GZ15" s="72">
        <v>1409</v>
      </c>
      <c r="HA15" s="72">
        <v>774</v>
      </c>
      <c r="HB15" s="74">
        <v>7857</v>
      </c>
      <c r="HC15" s="75">
        <v>10445</v>
      </c>
      <c r="HD15" s="60">
        <v>37</v>
      </c>
      <c r="HE15" s="61">
        <v>27</v>
      </c>
      <c r="HF15" s="62">
        <v>64</v>
      </c>
      <c r="HG15" s="231"/>
      <c r="HH15" s="61">
        <v>89</v>
      </c>
      <c r="HI15" s="61">
        <v>38</v>
      </c>
      <c r="HJ15" s="61">
        <v>33</v>
      </c>
      <c r="HK15" s="61">
        <v>38</v>
      </c>
      <c r="HL15" s="61">
        <v>30</v>
      </c>
      <c r="HM15" s="62">
        <v>228</v>
      </c>
      <c r="HN15" s="63">
        <v>292</v>
      </c>
      <c r="HO15" s="60">
        <v>117</v>
      </c>
      <c r="HP15" s="61">
        <v>99</v>
      </c>
      <c r="HQ15" s="62">
        <v>216</v>
      </c>
      <c r="HR15" s="231"/>
      <c r="HS15" s="61">
        <v>187</v>
      </c>
      <c r="HT15" s="61">
        <v>108</v>
      </c>
      <c r="HU15" s="61">
        <v>116</v>
      </c>
      <c r="HV15" s="61">
        <v>89</v>
      </c>
      <c r="HW15" s="61">
        <v>56</v>
      </c>
      <c r="HX15" s="62">
        <v>556</v>
      </c>
      <c r="HY15" s="63">
        <v>772</v>
      </c>
      <c r="HZ15" s="60">
        <v>192</v>
      </c>
      <c r="IA15" s="61">
        <v>182</v>
      </c>
      <c r="IB15" s="62">
        <v>374</v>
      </c>
      <c r="IC15" s="231"/>
      <c r="ID15" s="61">
        <v>321</v>
      </c>
      <c r="IE15" s="61">
        <v>211</v>
      </c>
      <c r="IF15" s="61">
        <v>162</v>
      </c>
      <c r="IG15" s="61">
        <v>152</v>
      </c>
      <c r="IH15" s="61">
        <v>87</v>
      </c>
      <c r="II15" s="62">
        <v>933</v>
      </c>
      <c r="IJ15" s="63">
        <v>1307</v>
      </c>
      <c r="IK15" s="60">
        <v>395</v>
      </c>
      <c r="IL15" s="61">
        <v>310</v>
      </c>
      <c r="IM15" s="62">
        <v>705</v>
      </c>
      <c r="IN15" s="231"/>
      <c r="IO15" s="61">
        <v>626</v>
      </c>
      <c r="IP15" s="61">
        <v>345</v>
      </c>
      <c r="IQ15" s="61">
        <v>291</v>
      </c>
      <c r="IR15" s="61">
        <v>277</v>
      </c>
      <c r="IS15" s="61">
        <v>150</v>
      </c>
      <c r="IT15" s="62">
        <v>1689</v>
      </c>
      <c r="IU15" s="63">
        <v>2394</v>
      </c>
      <c r="IV15" s="60">
        <v>437</v>
      </c>
      <c r="IW15" s="61">
        <v>313</v>
      </c>
      <c r="IX15" s="62">
        <v>750</v>
      </c>
      <c r="IY15" s="231"/>
      <c r="IZ15" s="61">
        <v>770</v>
      </c>
      <c r="JA15" s="61">
        <v>445</v>
      </c>
      <c r="JB15" s="61">
        <v>372</v>
      </c>
      <c r="JC15" s="61">
        <v>331</v>
      </c>
      <c r="JD15" s="61">
        <v>188</v>
      </c>
      <c r="JE15" s="62">
        <v>2106</v>
      </c>
      <c r="JF15" s="63">
        <v>2856</v>
      </c>
      <c r="JG15" s="60">
        <v>260</v>
      </c>
      <c r="JH15" s="61">
        <v>219</v>
      </c>
      <c r="JI15" s="62">
        <v>479</v>
      </c>
      <c r="JJ15" s="231"/>
      <c r="JK15" s="61">
        <v>630</v>
      </c>
      <c r="JL15" s="61">
        <v>480</v>
      </c>
      <c r="JM15" s="61">
        <v>450</v>
      </c>
      <c r="JN15" s="61">
        <v>522</v>
      </c>
      <c r="JO15" s="61">
        <v>263</v>
      </c>
      <c r="JP15" s="62">
        <v>2345</v>
      </c>
      <c r="JQ15" s="63">
        <v>2824</v>
      </c>
      <c r="JR15" s="60">
        <v>22</v>
      </c>
      <c r="JS15" s="61">
        <v>18</v>
      </c>
      <c r="JT15" s="62">
        <v>40</v>
      </c>
      <c r="JU15" s="231"/>
      <c r="JV15" s="61">
        <v>62</v>
      </c>
      <c r="JW15" s="61">
        <v>37</v>
      </c>
      <c r="JX15" s="61">
        <v>31</v>
      </c>
      <c r="JY15" s="61">
        <v>28</v>
      </c>
      <c r="JZ15" s="61">
        <v>24</v>
      </c>
      <c r="KA15" s="62">
        <v>182</v>
      </c>
      <c r="KB15" s="63">
        <v>222</v>
      </c>
      <c r="KC15" s="60">
        <v>1460</v>
      </c>
      <c r="KD15" s="61">
        <v>1168</v>
      </c>
      <c r="KE15" s="62">
        <v>2628</v>
      </c>
      <c r="KF15" s="231"/>
      <c r="KG15" s="61">
        <v>2685</v>
      </c>
      <c r="KH15" s="61">
        <v>1664</v>
      </c>
      <c r="KI15" s="61">
        <v>1455</v>
      </c>
      <c r="KJ15" s="61">
        <v>1437</v>
      </c>
      <c r="KK15" s="61">
        <v>798</v>
      </c>
      <c r="KL15" s="62">
        <v>8039</v>
      </c>
      <c r="KM15" s="63">
        <v>10667</v>
      </c>
    </row>
    <row r="16" spans="2:299" ht="21" customHeight="1" x14ac:dyDescent="0.2">
      <c r="B16" s="472" t="s">
        <v>12</v>
      </c>
      <c r="C16" s="293">
        <v>701</v>
      </c>
      <c r="D16" s="72">
        <v>656</v>
      </c>
      <c r="E16" s="73">
        <v>1357</v>
      </c>
      <c r="F16" s="228"/>
      <c r="G16" s="72">
        <v>719</v>
      </c>
      <c r="H16" s="72">
        <v>632</v>
      </c>
      <c r="I16" s="72">
        <v>475</v>
      </c>
      <c r="J16" s="72">
        <v>459</v>
      </c>
      <c r="K16" s="72">
        <v>224</v>
      </c>
      <c r="L16" s="74">
        <v>2509</v>
      </c>
      <c r="M16" s="75">
        <v>3866</v>
      </c>
      <c r="N16" s="76">
        <v>25</v>
      </c>
      <c r="O16" s="61">
        <v>29</v>
      </c>
      <c r="P16" s="62">
        <v>54</v>
      </c>
      <c r="Q16" s="231"/>
      <c r="R16" s="61">
        <v>16</v>
      </c>
      <c r="S16" s="61">
        <v>24</v>
      </c>
      <c r="T16" s="61">
        <v>21</v>
      </c>
      <c r="U16" s="61">
        <v>24</v>
      </c>
      <c r="V16" s="61">
        <v>10</v>
      </c>
      <c r="W16" s="62">
        <v>95</v>
      </c>
      <c r="X16" s="63">
        <v>149</v>
      </c>
      <c r="Y16" s="60">
        <v>51</v>
      </c>
      <c r="Z16" s="61">
        <v>63</v>
      </c>
      <c r="AA16" s="62">
        <v>114</v>
      </c>
      <c r="AB16" s="231"/>
      <c r="AC16" s="61">
        <v>52</v>
      </c>
      <c r="AD16" s="61">
        <v>52</v>
      </c>
      <c r="AE16" s="61">
        <v>35</v>
      </c>
      <c r="AF16" s="61">
        <v>43</v>
      </c>
      <c r="AG16" s="61">
        <v>28</v>
      </c>
      <c r="AH16" s="62">
        <v>210</v>
      </c>
      <c r="AI16" s="63">
        <v>324</v>
      </c>
      <c r="AJ16" s="76">
        <v>99</v>
      </c>
      <c r="AK16" s="61">
        <v>98</v>
      </c>
      <c r="AL16" s="62">
        <v>197</v>
      </c>
      <c r="AM16" s="231"/>
      <c r="AN16" s="61">
        <v>102</v>
      </c>
      <c r="AO16" s="61">
        <v>96</v>
      </c>
      <c r="AP16" s="61">
        <v>74</v>
      </c>
      <c r="AQ16" s="61">
        <v>65</v>
      </c>
      <c r="AR16" s="61">
        <v>45</v>
      </c>
      <c r="AS16" s="62">
        <v>382</v>
      </c>
      <c r="AT16" s="63">
        <v>579</v>
      </c>
      <c r="AU16" s="60">
        <v>194</v>
      </c>
      <c r="AV16" s="61">
        <v>164</v>
      </c>
      <c r="AW16" s="62">
        <v>358</v>
      </c>
      <c r="AX16" s="231"/>
      <c r="AY16" s="61">
        <v>179</v>
      </c>
      <c r="AZ16" s="61">
        <v>154</v>
      </c>
      <c r="BA16" s="61">
        <v>120</v>
      </c>
      <c r="BB16" s="61">
        <v>91</v>
      </c>
      <c r="BC16" s="61">
        <v>50</v>
      </c>
      <c r="BD16" s="62">
        <v>594</v>
      </c>
      <c r="BE16" s="63">
        <v>952</v>
      </c>
      <c r="BF16" s="76">
        <v>201</v>
      </c>
      <c r="BG16" s="61">
        <v>166</v>
      </c>
      <c r="BH16" s="62">
        <v>367</v>
      </c>
      <c r="BI16" s="231"/>
      <c r="BJ16" s="61">
        <v>217</v>
      </c>
      <c r="BK16" s="61">
        <v>162</v>
      </c>
      <c r="BL16" s="61">
        <v>138</v>
      </c>
      <c r="BM16" s="61">
        <v>131</v>
      </c>
      <c r="BN16" s="61">
        <v>58</v>
      </c>
      <c r="BO16" s="62">
        <v>706</v>
      </c>
      <c r="BP16" s="63">
        <v>1073</v>
      </c>
      <c r="BQ16" s="60">
        <v>131</v>
      </c>
      <c r="BR16" s="61">
        <v>136</v>
      </c>
      <c r="BS16" s="62">
        <v>267</v>
      </c>
      <c r="BT16" s="231"/>
      <c r="BU16" s="61">
        <v>153</v>
      </c>
      <c r="BV16" s="61">
        <v>144</v>
      </c>
      <c r="BW16" s="61">
        <v>87</v>
      </c>
      <c r="BX16" s="61">
        <v>105</v>
      </c>
      <c r="BY16" s="61">
        <v>33</v>
      </c>
      <c r="BZ16" s="62">
        <v>522</v>
      </c>
      <c r="CA16" s="63">
        <v>789</v>
      </c>
      <c r="CB16" s="60">
        <v>23</v>
      </c>
      <c r="CC16" s="61">
        <v>36</v>
      </c>
      <c r="CD16" s="62">
        <v>59</v>
      </c>
      <c r="CE16" s="231"/>
      <c r="CF16" s="61">
        <v>15</v>
      </c>
      <c r="CG16" s="61">
        <v>23</v>
      </c>
      <c r="CH16" s="61">
        <v>17</v>
      </c>
      <c r="CI16" s="61">
        <v>8</v>
      </c>
      <c r="CJ16" s="61">
        <v>15</v>
      </c>
      <c r="CK16" s="62">
        <v>78</v>
      </c>
      <c r="CL16" s="63">
        <v>137</v>
      </c>
      <c r="CM16" s="60">
        <v>724</v>
      </c>
      <c r="CN16" s="61">
        <v>692</v>
      </c>
      <c r="CO16" s="62">
        <v>1416</v>
      </c>
      <c r="CP16" s="231"/>
      <c r="CQ16" s="61">
        <v>734</v>
      </c>
      <c r="CR16" s="61">
        <v>655</v>
      </c>
      <c r="CS16" s="61">
        <v>492</v>
      </c>
      <c r="CT16" s="61">
        <v>467</v>
      </c>
      <c r="CU16" s="61">
        <v>239</v>
      </c>
      <c r="CV16" s="62">
        <v>2587</v>
      </c>
      <c r="CW16" s="63">
        <v>4003</v>
      </c>
      <c r="CX16" s="113">
        <v>1349</v>
      </c>
      <c r="CY16" s="72">
        <v>1415</v>
      </c>
      <c r="CZ16" s="73">
        <v>2764</v>
      </c>
      <c r="DA16" s="228"/>
      <c r="DB16" s="72">
        <v>1505</v>
      </c>
      <c r="DC16" s="72">
        <v>1140</v>
      </c>
      <c r="DD16" s="72">
        <v>952</v>
      </c>
      <c r="DE16" s="72">
        <v>1030</v>
      </c>
      <c r="DF16" s="72">
        <v>666</v>
      </c>
      <c r="DG16" s="74">
        <v>5293</v>
      </c>
      <c r="DH16" s="75">
        <v>8057</v>
      </c>
      <c r="DI16" s="76">
        <v>32</v>
      </c>
      <c r="DJ16" s="61">
        <v>32</v>
      </c>
      <c r="DK16" s="62">
        <v>64</v>
      </c>
      <c r="DL16" s="231"/>
      <c r="DM16" s="61">
        <v>25</v>
      </c>
      <c r="DN16" s="61">
        <v>16</v>
      </c>
      <c r="DO16" s="61">
        <v>13</v>
      </c>
      <c r="DP16" s="61">
        <v>13</v>
      </c>
      <c r="DQ16" s="61">
        <v>11</v>
      </c>
      <c r="DR16" s="62">
        <v>78</v>
      </c>
      <c r="DS16" s="63">
        <v>142</v>
      </c>
      <c r="DT16" s="60">
        <v>96</v>
      </c>
      <c r="DU16" s="61">
        <v>80</v>
      </c>
      <c r="DV16" s="62">
        <v>176</v>
      </c>
      <c r="DW16" s="231"/>
      <c r="DX16" s="61">
        <v>50</v>
      </c>
      <c r="DY16" s="61">
        <v>57</v>
      </c>
      <c r="DZ16" s="61">
        <v>37</v>
      </c>
      <c r="EA16" s="61">
        <v>42</v>
      </c>
      <c r="EB16" s="61">
        <v>38</v>
      </c>
      <c r="EC16" s="62">
        <v>224</v>
      </c>
      <c r="ED16" s="63">
        <v>400</v>
      </c>
      <c r="EE16" s="76">
        <v>186</v>
      </c>
      <c r="EF16" s="61">
        <v>210</v>
      </c>
      <c r="EG16" s="62">
        <v>396</v>
      </c>
      <c r="EH16" s="231"/>
      <c r="EI16" s="61">
        <v>140</v>
      </c>
      <c r="EJ16" s="61">
        <v>111</v>
      </c>
      <c r="EK16" s="61">
        <v>78</v>
      </c>
      <c r="EL16" s="61">
        <v>94</v>
      </c>
      <c r="EM16" s="61">
        <v>70</v>
      </c>
      <c r="EN16" s="62">
        <v>493</v>
      </c>
      <c r="EO16" s="63">
        <v>889</v>
      </c>
      <c r="EP16" s="60">
        <v>392</v>
      </c>
      <c r="EQ16" s="61">
        <v>371</v>
      </c>
      <c r="ER16" s="62">
        <v>763</v>
      </c>
      <c r="ES16" s="231"/>
      <c r="ET16" s="61">
        <v>358</v>
      </c>
      <c r="EU16" s="61">
        <v>233</v>
      </c>
      <c r="EV16" s="61">
        <v>168</v>
      </c>
      <c r="EW16" s="61">
        <v>144</v>
      </c>
      <c r="EX16" s="61">
        <v>126</v>
      </c>
      <c r="EY16" s="62">
        <v>1029</v>
      </c>
      <c r="EZ16" s="63">
        <v>1792</v>
      </c>
      <c r="FA16" s="76">
        <v>399</v>
      </c>
      <c r="FB16" s="61">
        <v>396</v>
      </c>
      <c r="FC16" s="62">
        <v>795</v>
      </c>
      <c r="FD16" s="231"/>
      <c r="FE16" s="61">
        <v>487</v>
      </c>
      <c r="FF16" s="61">
        <v>332</v>
      </c>
      <c r="FG16" s="61">
        <v>268</v>
      </c>
      <c r="FH16" s="61">
        <v>267</v>
      </c>
      <c r="FI16" s="61">
        <v>147</v>
      </c>
      <c r="FJ16" s="62">
        <v>1501</v>
      </c>
      <c r="FK16" s="63">
        <v>2296</v>
      </c>
      <c r="FL16" s="60">
        <v>244</v>
      </c>
      <c r="FM16" s="61">
        <v>326</v>
      </c>
      <c r="FN16" s="62">
        <v>570</v>
      </c>
      <c r="FO16" s="231"/>
      <c r="FP16" s="61">
        <v>445</v>
      </c>
      <c r="FQ16" s="61">
        <v>391</v>
      </c>
      <c r="FR16" s="61">
        <v>388</v>
      </c>
      <c r="FS16" s="61">
        <v>470</v>
      </c>
      <c r="FT16" s="61">
        <v>274</v>
      </c>
      <c r="FU16" s="62">
        <v>1968</v>
      </c>
      <c r="FV16" s="63">
        <v>2538</v>
      </c>
      <c r="FW16" s="60">
        <v>15</v>
      </c>
      <c r="FX16" s="61">
        <v>23</v>
      </c>
      <c r="FY16" s="62">
        <v>38</v>
      </c>
      <c r="FZ16" s="231"/>
      <c r="GA16" s="61">
        <v>14</v>
      </c>
      <c r="GB16" s="61">
        <v>18</v>
      </c>
      <c r="GC16" s="61">
        <v>15</v>
      </c>
      <c r="GD16" s="61">
        <v>18</v>
      </c>
      <c r="GE16" s="61">
        <v>11</v>
      </c>
      <c r="GF16" s="62">
        <v>76</v>
      </c>
      <c r="GG16" s="63">
        <v>114</v>
      </c>
      <c r="GH16" s="60">
        <v>1364</v>
      </c>
      <c r="GI16" s="61">
        <v>1438</v>
      </c>
      <c r="GJ16" s="62">
        <v>2802</v>
      </c>
      <c r="GK16" s="231"/>
      <c r="GL16" s="61">
        <v>1519</v>
      </c>
      <c r="GM16" s="61">
        <v>1158</v>
      </c>
      <c r="GN16" s="61">
        <v>967</v>
      </c>
      <c r="GO16" s="61">
        <v>1048</v>
      </c>
      <c r="GP16" s="61">
        <v>677</v>
      </c>
      <c r="GQ16" s="62">
        <v>5369</v>
      </c>
      <c r="GR16" s="63">
        <v>8171</v>
      </c>
      <c r="GS16" s="113">
        <v>2050</v>
      </c>
      <c r="GT16" s="72">
        <v>2071</v>
      </c>
      <c r="GU16" s="73">
        <v>4121</v>
      </c>
      <c r="GV16" s="228"/>
      <c r="GW16" s="72">
        <v>2224</v>
      </c>
      <c r="GX16" s="72">
        <v>1772</v>
      </c>
      <c r="GY16" s="72">
        <v>1427</v>
      </c>
      <c r="GZ16" s="72">
        <v>1489</v>
      </c>
      <c r="HA16" s="72">
        <v>890</v>
      </c>
      <c r="HB16" s="74">
        <v>7802</v>
      </c>
      <c r="HC16" s="75">
        <v>11923</v>
      </c>
      <c r="HD16" s="76">
        <v>57</v>
      </c>
      <c r="HE16" s="61">
        <v>61</v>
      </c>
      <c r="HF16" s="62">
        <v>118</v>
      </c>
      <c r="HG16" s="231"/>
      <c r="HH16" s="61">
        <v>41</v>
      </c>
      <c r="HI16" s="61">
        <v>40</v>
      </c>
      <c r="HJ16" s="61">
        <v>34</v>
      </c>
      <c r="HK16" s="61">
        <v>37</v>
      </c>
      <c r="HL16" s="61">
        <v>21</v>
      </c>
      <c r="HM16" s="62">
        <v>173</v>
      </c>
      <c r="HN16" s="63">
        <v>291</v>
      </c>
      <c r="HO16" s="60">
        <v>147</v>
      </c>
      <c r="HP16" s="61">
        <v>143</v>
      </c>
      <c r="HQ16" s="62">
        <v>290</v>
      </c>
      <c r="HR16" s="231"/>
      <c r="HS16" s="61">
        <v>102</v>
      </c>
      <c r="HT16" s="61">
        <v>109</v>
      </c>
      <c r="HU16" s="61">
        <v>72</v>
      </c>
      <c r="HV16" s="61">
        <v>85</v>
      </c>
      <c r="HW16" s="61">
        <v>66</v>
      </c>
      <c r="HX16" s="62">
        <v>434</v>
      </c>
      <c r="HY16" s="63">
        <v>724</v>
      </c>
      <c r="HZ16" s="76">
        <v>285</v>
      </c>
      <c r="IA16" s="61">
        <v>308</v>
      </c>
      <c r="IB16" s="62">
        <v>593</v>
      </c>
      <c r="IC16" s="231"/>
      <c r="ID16" s="61">
        <v>242</v>
      </c>
      <c r="IE16" s="61">
        <v>207</v>
      </c>
      <c r="IF16" s="61">
        <v>152</v>
      </c>
      <c r="IG16" s="61">
        <v>159</v>
      </c>
      <c r="IH16" s="61">
        <v>115</v>
      </c>
      <c r="II16" s="62">
        <v>875</v>
      </c>
      <c r="IJ16" s="63">
        <v>1468</v>
      </c>
      <c r="IK16" s="60">
        <v>586</v>
      </c>
      <c r="IL16" s="61">
        <v>535</v>
      </c>
      <c r="IM16" s="62">
        <v>1121</v>
      </c>
      <c r="IN16" s="231"/>
      <c r="IO16" s="61">
        <v>537</v>
      </c>
      <c r="IP16" s="61">
        <v>387</v>
      </c>
      <c r="IQ16" s="61">
        <v>288</v>
      </c>
      <c r="IR16" s="61">
        <v>235</v>
      </c>
      <c r="IS16" s="61">
        <v>176</v>
      </c>
      <c r="IT16" s="62">
        <v>1623</v>
      </c>
      <c r="IU16" s="63">
        <v>2744</v>
      </c>
      <c r="IV16" s="76">
        <v>600</v>
      </c>
      <c r="IW16" s="61">
        <v>562</v>
      </c>
      <c r="IX16" s="62">
        <v>1162</v>
      </c>
      <c r="IY16" s="231"/>
      <c r="IZ16" s="61">
        <v>704</v>
      </c>
      <c r="JA16" s="61">
        <v>494</v>
      </c>
      <c r="JB16" s="61">
        <v>406</v>
      </c>
      <c r="JC16" s="61">
        <v>398</v>
      </c>
      <c r="JD16" s="61">
        <v>205</v>
      </c>
      <c r="JE16" s="62">
        <v>2207</v>
      </c>
      <c r="JF16" s="63">
        <v>3369</v>
      </c>
      <c r="JG16" s="60">
        <v>375</v>
      </c>
      <c r="JH16" s="61">
        <v>462</v>
      </c>
      <c r="JI16" s="62">
        <v>837</v>
      </c>
      <c r="JJ16" s="231"/>
      <c r="JK16" s="61">
        <v>598</v>
      </c>
      <c r="JL16" s="61">
        <v>535</v>
      </c>
      <c r="JM16" s="61">
        <v>475</v>
      </c>
      <c r="JN16" s="61">
        <v>575</v>
      </c>
      <c r="JO16" s="61">
        <v>307</v>
      </c>
      <c r="JP16" s="62">
        <v>2490</v>
      </c>
      <c r="JQ16" s="63">
        <v>3327</v>
      </c>
      <c r="JR16" s="60">
        <v>38</v>
      </c>
      <c r="JS16" s="61">
        <v>59</v>
      </c>
      <c r="JT16" s="62">
        <v>97</v>
      </c>
      <c r="JU16" s="231"/>
      <c r="JV16" s="61">
        <v>29</v>
      </c>
      <c r="JW16" s="61">
        <v>41</v>
      </c>
      <c r="JX16" s="61">
        <v>32</v>
      </c>
      <c r="JY16" s="61">
        <v>26</v>
      </c>
      <c r="JZ16" s="61">
        <v>26</v>
      </c>
      <c r="KA16" s="62">
        <v>154</v>
      </c>
      <c r="KB16" s="63">
        <v>251</v>
      </c>
      <c r="KC16" s="60">
        <v>2088</v>
      </c>
      <c r="KD16" s="61">
        <v>2130</v>
      </c>
      <c r="KE16" s="62">
        <v>4218</v>
      </c>
      <c r="KF16" s="231"/>
      <c r="KG16" s="61">
        <v>2253</v>
      </c>
      <c r="KH16" s="61">
        <v>1813</v>
      </c>
      <c r="KI16" s="61">
        <v>1459</v>
      </c>
      <c r="KJ16" s="61">
        <v>1515</v>
      </c>
      <c r="KK16" s="61">
        <v>916</v>
      </c>
      <c r="KL16" s="62">
        <v>7956</v>
      </c>
      <c r="KM16" s="63">
        <v>12174</v>
      </c>
    </row>
    <row r="17" spans="2:299" ht="21" customHeight="1" x14ac:dyDescent="0.2">
      <c r="B17" s="472" t="s">
        <v>13</v>
      </c>
      <c r="C17" s="293">
        <v>168</v>
      </c>
      <c r="D17" s="72">
        <v>176</v>
      </c>
      <c r="E17" s="73">
        <v>344</v>
      </c>
      <c r="F17" s="228"/>
      <c r="G17" s="72">
        <v>284</v>
      </c>
      <c r="H17" s="72">
        <v>274</v>
      </c>
      <c r="I17" s="72">
        <v>182</v>
      </c>
      <c r="J17" s="72">
        <v>137</v>
      </c>
      <c r="K17" s="72">
        <v>110</v>
      </c>
      <c r="L17" s="74">
        <v>987</v>
      </c>
      <c r="M17" s="75">
        <v>1331</v>
      </c>
      <c r="N17" s="60">
        <v>5</v>
      </c>
      <c r="O17" s="61">
        <v>4</v>
      </c>
      <c r="P17" s="62">
        <v>9</v>
      </c>
      <c r="Q17" s="231"/>
      <c r="R17" s="61">
        <v>10</v>
      </c>
      <c r="S17" s="61">
        <v>8</v>
      </c>
      <c r="T17" s="61">
        <v>11</v>
      </c>
      <c r="U17" s="61">
        <v>5</v>
      </c>
      <c r="V17" s="61">
        <v>4</v>
      </c>
      <c r="W17" s="62">
        <v>38</v>
      </c>
      <c r="X17" s="63">
        <v>47</v>
      </c>
      <c r="Y17" s="60">
        <v>9</v>
      </c>
      <c r="Z17" s="61">
        <v>9</v>
      </c>
      <c r="AA17" s="62">
        <v>18</v>
      </c>
      <c r="AB17" s="231"/>
      <c r="AC17" s="61">
        <v>28</v>
      </c>
      <c r="AD17" s="61">
        <v>18</v>
      </c>
      <c r="AE17" s="61">
        <v>10</v>
      </c>
      <c r="AF17" s="61">
        <v>11</v>
      </c>
      <c r="AG17" s="61">
        <v>16</v>
      </c>
      <c r="AH17" s="62">
        <v>83</v>
      </c>
      <c r="AI17" s="63">
        <v>101</v>
      </c>
      <c r="AJ17" s="60">
        <v>29</v>
      </c>
      <c r="AK17" s="61">
        <v>18</v>
      </c>
      <c r="AL17" s="62">
        <v>47</v>
      </c>
      <c r="AM17" s="231"/>
      <c r="AN17" s="61">
        <v>38</v>
      </c>
      <c r="AO17" s="61">
        <v>31</v>
      </c>
      <c r="AP17" s="61">
        <v>22</v>
      </c>
      <c r="AQ17" s="61">
        <v>11</v>
      </c>
      <c r="AR17" s="61">
        <v>15</v>
      </c>
      <c r="AS17" s="62">
        <v>117</v>
      </c>
      <c r="AT17" s="63">
        <v>164</v>
      </c>
      <c r="AU17" s="60">
        <v>37</v>
      </c>
      <c r="AV17" s="61">
        <v>45</v>
      </c>
      <c r="AW17" s="62">
        <v>82</v>
      </c>
      <c r="AX17" s="231"/>
      <c r="AY17" s="61">
        <v>67</v>
      </c>
      <c r="AZ17" s="61">
        <v>57</v>
      </c>
      <c r="BA17" s="61">
        <v>39</v>
      </c>
      <c r="BB17" s="61">
        <v>28</v>
      </c>
      <c r="BC17" s="61">
        <v>27</v>
      </c>
      <c r="BD17" s="62">
        <v>218</v>
      </c>
      <c r="BE17" s="63">
        <v>300</v>
      </c>
      <c r="BF17" s="60">
        <v>51</v>
      </c>
      <c r="BG17" s="61">
        <v>65</v>
      </c>
      <c r="BH17" s="62">
        <v>116</v>
      </c>
      <c r="BI17" s="231"/>
      <c r="BJ17" s="61">
        <v>76</v>
      </c>
      <c r="BK17" s="61">
        <v>82</v>
      </c>
      <c r="BL17" s="61">
        <v>54</v>
      </c>
      <c r="BM17" s="61">
        <v>43</v>
      </c>
      <c r="BN17" s="61">
        <v>23</v>
      </c>
      <c r="BO17" s="62">
        <v>278</v>
      </c>
      <c r="BP17" s="63">
        <v>394</v>
      </c>
      <c r="BQ17" s="60">
        <v>37</v>
      </c>
      <c r="BR17" s="61">
        <v>35</v>
      </c>
      <c r="BS17" s="62">
        <v>72</v>
      </c>
      <c r="BT17" s="231"/>
      <c r="BU17" s="61">
        <v>65</v>
      </c>
      <c r="BV17" s="61">
        <v>78</v>
      </c>
      <c r="BW17" s="61">
        <v>46</v>
      </c>
      <c r="BX17" s="61">
        <v>39</v>
      </c>
      <c r="BY17" s="61">
        <v>25</v>
      </c>
      <c r="BZ17" s="62">
        <v>253</v>
      </c>
      <c r="CA17" s="63">
        <v>325</v>
      </c>
      <c r="CB17" s="60">
        <v>4</v>
      </c>
      <c r="CC17" s="61">
        <v>2</v>
      </c>
      <c r="CD17" s="62">
        <v>6</v>
      </c>
      <c r="CE17" s="231"/>
      <c r="CF17" s="61">
        <v>8</v>
      </c>
      <c r="CG17" s="61">
        <v>9</v>
      </c>
      <c r="CH17" s="61">
        <v>4</v>
      </c>
      <c r="CI17" s="61">
        <v>5</v>
      </c>
      <c r="CJ17" s="61">
        <v>7</v>
      </c>
      <c r="CK17" s="62">
        <v>33</v>
      </c>
      <c r="CL17" s="63">
        <v>39</v>
      </c>
      <c r="CM17" s="60">
        <v>172</v>
      </c>
      <c r="CN17" s="61">
        <v>178</v>
      </c>
      <c r="CO17" s="62">
        <v>350</v>
      </c>
      <c r="CP17" s="231"/>
      <c r="CQ17" s="61">
        <v>292</v>
      </c>
      <c r="CR17" s="61">
        <v>283</v>
      </c>
      <c r="CS17" s="61">
        <v>186</v>
      </c>
      <c r="CT17" s="61">
        <v>142</v>
      </c>
      <c r="CU17" s="61">
        <v>117</v>
      </c>
      <c r="CV17" s="62">
        <v>1020</v>
      </c>
      <c r="CW17" s="63">
        <v>1370</v>
      </c>
      <c r="CX17" s="113">
        <v>401</v>
      </c>
      <c r="CY17" s="72">
        <v>394</v>
      </c>
      <c r="CZ17" s="73">
        <v>795</v>
      </c>
      <c r="DA17" s="228"/>
      <c r="DB17" s="72">
        <v>599</v>
      </c>
      <c r="DC17" s="72">
        <v>483</v>
      </c>
      <c r="DD17" s="72">
        <v>339</v>
      </c>
      <c r="DE17" s="72">
        <v>403</v>
      </c>
      <c r="DF17" s="72">
        <v>293</v>
      </c>
      <c r="DG17" s="74">
        <v>2117</v>
      </c>
      <c r="DH17" s="75">
        <v>2912</v>
      </c>
      <c r="DI17" s="60">
        <v>6</v>
      </c>
      <c r="DJ17" s="61">
        <v>4</v>
      </c>
      <c r="DK17" s="62">
        <v>10</v>
      </c>
      <c r="DL17" s="231"/>
      <c r="DM17" s="61">
        <v>6</v>
      </c>
      <c r="DN17" s="61">
        <v>11</v>
      </c>
      <c r="DO17" s="61">
        <v>0</v>
      </c>
      <c r="DP17" s="61">
        <v>6</v>
      </c>
      <c r="DQ17" s="61">
        <v>2</v>
      </c>
      <c r="DR17" s="62">
        <v>25</v>
      </c>
      <c r="DS17" s="63">
        <v>35</v>
      </c>
      <c r="DT17" s="60">
        <v>19</v>
      </c>
      <c r="DU17" s="61">
        <v>21</v>
      </c>
      <c r="DV17" s="62">
        <v>40</v>
      </c>
      <c r="DW17" s="231"/>
      <c r="DX17" s="61">
        <v>26</v>
      </c>
      <c r="DY17" s="61">
        <v>15</v>
      </c>
      <c r="DZ17" s="61">
        <v>9</v>
      </c>
      <c r="EA17" s="61">
        <v>10</v>
      </c>
      <c r="EB17" s="61">
        <v>11</v>
      </c>
      <c r="EC17" s="62">
        <v>71</v>
      </c>
      <c r="ED17" s="63">
        <v>111</v>
      </c>
      <c r="EE17" s="60">
        <v>46</v>
      </c>
      <c r="EF17" s="61">
        <v>44</v>
      </c>
      <c r="EG17" s="62">
        <v>90</v>
      </c>
      <c r="EH17" s="231"/>
      <c r="EI17" s="61">
        <v>68</v>
      </c>
      <c r="EJ17" s="61">
        <v>43</v>
      </c>
      <c r="EK17" s="61">
        <v>31</v>
      </c>
      <c r="EL17" s="61">
        <v>17</v>
      </c>
      <c r="EM17" s="61">
        <v>31</v>
      </c>
      <c r="EN17" s="62">
        <v>190</v>
      </c>
      <c r="EO17" s="63">
        <v>280</v>
      </c>
      <c r="EP17" s="60">
        <v>120</v>
      </c>
      <c r="EQ17" s="61">
        <v>112</v>
      </c>
      <c r="ER17" s="62">
        <v>232</v>
      </c>
      <c r="ES17" s="231"/>
      <c r="ET17" s="61">
        <v>158</v>
      </c>
      <c r="EU17" s="61">
        <v>85</v>
      </c>
      <c r="EV17" s="61">
        <v>42</v>
      </c>
      <c r="EW17" s="61">
        <v>62</v>
      </c>
      <c r="EX17" s="61">
        <v>47</v>
      </c>
      <c r="EY17" s="62">
        <v>394</v>
      </c>
      <c r="EZ17" s="63">
        <v>626</v>
      </c>
      <c r="FA17" s="60">
        <v>135</v>
      </c>
      <c r="FB17" s="61">
        <v>118</v>
      </c>
      <c r="FC17" s="62">
        <v>253</v>
      </c>
      <c r="FD17" s="231"/>
      <c r="FE17" s="61">
        <v>179</v>
      </c>
      <c r="FF17" s="61">
        <v>135</v>
      </c>
      <c r="FG17" s="61">
        <v>96</v>
      </c>
      <c r="FH17" s="61">
        <v>108</v>
      </c>
      <c r="FI17" s="61">
        <v>64</v>
      </c>
      <c r="FJ17" s="62">
        <v>582</v>
      </c>
      <c r="FK17" s="63">
        <v>835</v>
      </c>
      <c r="FL17" s="60">
        <v>75</v>
      </c>
      <c r="FM17" s="61">
        <v>95</v>
      </c>
      <c r="FN17" s="62">
        <v>170</v>
      </c>
      <c r="FO17" s="231"/>
      <c r="FP17" s="61">
        <v>162</v>
      </c>
      <c r="FQ17" s="61">
        <v>194</v>
      </c>
      <c r="FR17" s="61">
        <v>161</v>
      </c>
      <c r="FS17" s="61">
        <v>200</v>
      </c>
      <c r="FT17" s="61">
        <v>138</v>
      </c>
      <c r="FU17" s="62">
        <v>855</v>
      </c>
      <c r="FV17" s="63">
        <v>1025</v>
      </c>
      <c r="FW17" s="60">
        <v>0</v>
      </c>
      <c r="FX17" s="61">
        <v>2</v>
      </c>
      <c r="FY17" s="62">
        <v>2</v>
      </c>
      <c r="FZ17" s="231"/>
      <c r="GA17" s="61">
        <v>5</v>
      </c>
      <c r="GB17" s="61">
        <v>8</v>
      </c>
      <c r="GC17" s="61">
        <v>6</v>
      </c>
      <c r="GD17" s="61">
        <v>3</v>
      </c>
      <c r="GE17" s="61">
        <v>6</v>
      </c>
      <c r="GF17" s="62">
        <v>28</v>
      </c>
      <c r="GG17" s="63">
        <v>30</v>
      </c>
      <c r="GH17" s="60">
        <v>401</v>
      </c>
      <c r="GI17" s="61">
        <v>396</v>
      </c>
      <c r="GJ17" s="62">
        <v>797</v>
      </c>
      <c r="GK17" s="231"/>
      <c r="GL17" s="61">
        <v>604</v>
      </c>
      <c r="GM17" s="61">
        <v>491</v>
      </c>
      <c r="GN17" s="61">
        <v>345</v>
      </c>
      <c r="GO17" s="61">
        <v>406</v>
      </c>
      <c r="GP17" s="61">
        <v>299</v>
      </c>
      <c r="GQ17" s="62">
        <v>2145</v>
      </c>
      <c r="GR17" s="63">
        <v>2942</v>
      </c>
      <c r="GS17" s="113">
        <v>569</v>
      </c>
      <c r="GT17" s="72">
        <v>570</v>
      </c>
      <c r="GU17" s="73">
        <v>1139</v>
      </c>
      <c r="GV17" s="228"/>
      <c r="GW17" s="72">
        <v>883</v>
      </c>
      <c r="GX17" s="72">
        <v>757</v>
      </c>
      <c r="GY17" s="72">
        <v>521</v>
      </c>
      <c r="GZ17" s="72">
        <v>540</v>
      </c>
      <c r="HA17" s="72">
        <v>403</v>
      </c>
      <c r="HB17" s="74">
        <v>3104</v>
      </c>
      <c r="HC17" s="75">
        <v>4243</v>
      </c>
      <c r="HD17" s="60">
        <v>11</v>
      </c>
      <c r="HE17" s="61">
        <v>8</v>
      </c>
      <c r="HF17" s="62">
        <v>19</v>
      </c>
      <c r="HG17" s="231"/>
      <c r="HH17" s="61">
        <v>16</v>
      </c>
      <c r="HI17" s="61">
        <v>19</v>
      </c>
      <c r="HJ17" s="61">
        <v>11</v>
      </c>
      <c r="HK17" s="61">
        <v>11</v>
      </c>
      <c r="HL17" s="61">
        <v>6</v>
      </c>
      <c r="HM17" s="62">
        <v>63</v>
      </c>
      <c r="HN17" s="63">
        <v>82</v>
      </c>
      <c r="HO17" s="60">
        <v>28</v>
      </c>
      <c r="HP17" s="61">
        <v>30</v>
      </c>
      <c r="HQ17" s="62">
        <v>58</v>
      </c>
      <c r="HR17" s="231"/>
      <c r="HS17" s="61">
        <v>54</v>
      </c>
      <c r="HT17" s="61">
        <v>33</v>
      </c>
      <c r="HU17" s="61">
        <v>19</v>
      </c>
      <c r="HV17" s="61">
        <v>21</v>
      </c>
      <c r="HW17" s="61">
        <v>27</v>
      </c>
      <c r="HX17" s="62">
        <v>154</v>
      </c>
      <c r="HY17" s="63">
        <v>212</v>
      </c>
      <c r="HZ17" s="60">
        <v>75</v>
      </c>
      <c r="IA17" s="61">
        <v>62</v>
      </c>
      <c r="IB17" s="62">
        <v>137</v>
      </c>
      <c r="IC17" s="231"/>
      <c r="ID17" s="61">
        <v>106</v>
      </c>
      <c r="IE17" s="61">
        <v>74</v>
      </c>
      <c r="IF17" s="61">
        <v>53</v>
      </c>
      <c r="IG17" s="61">
        <v>28</v>
      </c>
      <c r="IH17" s="61">
        <v>46</v>
      </c>
      <c r="II17" s="62">
        <v>307</v>
      </c>
      <c r="IJ17" s="63">
        <v>444</v>
      </c>
      <c r="IK17" s="60">
        <v>157</v>
      </c>
      <c r="IL17" s="61">
        <v>157</v>
      </c>
      <c r="IM17" s="62">
        <v>314</v>
      </c>
      <c r="IN17" s="231"/>
      <c r="IO17" s="61">
        <v>225</v>
      </c>
      <c r="IP17" s="61">
        <v>142</v>
      </c>
      <c r="IQ17" s="61">
        <v>81</v>
      </c>
      <c r="IR17" s="61">
        <v>90</v>
      </c>
      <c r="IS17" s="61">
        <v>74</v>
      </c>
      <c r="IT17" s="62">
        <v>612</v>
      </c>
      <c r="IU17" s="63">
        <v>926</v>
      </c>
      <c r="IV17" s="60">
        <v>186</v>
      </c>
      <c r="IW17" s="61">
        <v>183</v>
      </c>
      <c r="IX17" s="62">
        <v>369</v>
      </c>
      <c r="IY17" s="231"/>
      <c r="IZ17" s="61">
        <v>255</v>
      </c>
      <c r="JA17" s="61">
        <v>217</v>
      </c>
      <c r="JB17" s="61">
        <v>150</v>
      </c>
      <c r="JC17" s="61">
        <v>151</v>
      </c>
      <c r="JD17" s="61">
        <v>87</v>
      </c>
      <c r="JE17" s="62">
        <v>860</v>
      </c>
      <c r="JF17" s="63">
        <v>1229</v>
      </c>
      <c r="JG17" s="60">
        <v>112</v>
      </c>
      <c r="JH17" s="61">
        <v>130</v>
      </c>
      <c r="JI17" s="62">
        <v>242</v>
      </c>
      <c r="JJ17" s="231"/>
      <c r="JK17" s="61">
        <v>227</v>
      </c>
      <c r="JL17" s="61">
        <v>272</v>
      </c>
      <c r="JM17" s="61">
        <v>207</v>
      </c>
      <c r="JN17" s="61">
        <v>239</v>
      </c>
      <c r="JO17" s="61">
        <v>163</v>
      </c>
      <c r="JP17" s="62">
        <v>1108</v>
      </c>
      <c r="JQ17" s="63">
        <v>1350</v>
      </c>
      <c r="JR17" s="60">
        <v>4</v>
      </c>
      <c r="JS17" s="61">
        <v>4</v>
      </c>
      <c r="JT17" s="62">
        <v>8</v>
      </c>
      <c r="JU17" s="231"/>
      <c r="JV17" s="61">
        <v>13</v>
      </c>
      <c r="JW17" s="61">
        <v>17</v>
      </c>
      <c r="JX17" s="61">
        <v>10</v>
      </c>
      <c r="JY17" s="61">
        <v>8</v>
      </c>
      <c r="JZ17" s="61">
        <v>13</v>
      </c>
      <c r="KA17" s="62">
        <v>61</v>
      </c>
      <c r="KB17" s="63">
        <v>69</v>
      </c>
      <c r="KC17" s="60">
        <v>573</v>
      </c>
      <c r="KD17" s="61">
        <v>574</v>
      </c>
      <c r="KE17" s="62">
        <v>1147</v>
      </c>
      <c r="KF17" s="231"/>
      <c r="KG17" s="61">
        <v>896</v>
      </c>
      <c r="KH17" s="61">
        <v>774</v>
      </c>
      <c r="KI17" s="61">
        <v>531</v>
      </c>
      <c r="KJ17" s="61">
        <v>548</v>
      </c>
      <c r="KK17" s="61">
        <v>416</v>
      </c>
      <c r="KL17" s="62">
        <v>3165</v>
      </c>
      <c r="KM17" s="63">
        <v>4312</v>
      </c>
    </row>
    <row r="18" spans="2:299" ht="21" customHeight="1" x14ac:dyDescent="0.2">
      <c r="B18" s="472" t="s">
        <v>15</v>
      </c>
      <c r="C18" s="293">
        <v>125</v>
      </c>
      <c r="D18" s="72">
        <v>149</v>
      </c>
      <c r="E18" s="73">
        <v>274</v>
      </c>
      <c r="F18" s="228"/>
      <c r="G18" s="72">
        <v>244</v>
      </c>
      <c r="H18" s="72">
        <v>238</v>
      </c>
      <c r="I18" s="72">
        <v>171</v>
      </c>
      <c r="J18" s="72">
        <v>131</v>
      </c>
      <c r="K18" s="72">
        <v>69</v>
      </c>
      <c r="L18" s="74">
        <v>853</v>
      </c>
      <c r="M18" s="75">
        <v>1127</v>
      </c>
      <c r="N18" s="60">
        <v>5</v>
      </c>
      <c r="O18" s="61">
        <v>7</v>
      </c>
      <c r="P18" s="62">
        <v>12</v>
      </c>
      <c r="Q18" s="231"/>
      <c r="R18" s="61">
        <v>9</v>
      </c>
      <c r="S18" s="61">
        <v>18</v>
      </c>
      <c r="T18" s="61">
        <v>12</v>
      </c>
      <c r="U18" s="61">
        <v>5</v>
      </c>
      <c r="V18" s="61">
        <v>5</v>
      </c>
      <c r="W18" s="62">
        <v>49</v>
      </c>
      <c r="X18" s="63">
        <v>61</v>
      </c>
      <c r="Y18" s="60">
        <v>17</v>
      </c>
      <c r="Z18" s="61">
        <v>15</v>
      </c>
      <c r="AA18" s="62">
        <v>32</v>
      </c>
      <c r="AB18" s="231"/>
      <c r="AC18" s="61">
        <v>30</v>
      </c>
      <c r="AD18" s="61">
        <v>22</v>
      </c>
      <c r="AE18" s="61">
        <v>20</v>
      </c>
      <c r="AF18" s="61">
        <v>15</v>
      </c>
      <c r="AG18" s="61">
        <v>8</v>
      </c>
      <c r="AH18" s="62">
        <v>95</v>
      </c>
      <c r="AI18" s="63">
        <v>127</v>
      </c>
      <c r="AJ18" s="60">
        <v>13</v>
      </c>
      <c r="AK18" s="61">
        <v>24</v>
      </c>
      <c r="AL18" s="62">
        <v>37</v>
      </c>
      <c r="AM18" s="231"/>
      <c r="AN18" s="61">
        <v>33</v>
      </c>
      <c r="AO18" s="61">
        <v>45</v>
      </c>
      <c r="AP18" s="61">
        <v>24</v>
      </c>
      <c r="AQ18" s="61">
        <v>26</v>
      </c>
      <c r="AR18" s="61">
        <v>15</v>
      </c>
      <c r="AS18" s="62">
        <v>143</v>
      </c>
      <c r="AT18" s="63">
        <v>180</v>
      </c>
      <c r="AU18" s="60">
        <v>37</v>
      </c>
      <c r="AV18" s="61">
        <v>36</v>
      </c>
      <c r="AW18" s="62">
        <v>73</v>
      </c>
      <c r="AX18" s="231"/>
      <c r="AY18" s="61">
        <v>69</v>
      </c>
      <c r="AZ18" s="61">
        <v>50</v>
      </c>
      <c r="BA18" s="61">
        <v>34</v>
      </c>
      <c r="BB18" s="61">
        <v>34</v>
      </c>
      <c r="BC18" s="61">
        <v>17</v>
      </c>
      <c r="BD18" s="62">
        <v>204</v>
      </c>
      <c r="BE18" s="63">
        <v>277</v>
      </c>
      <c r="BF18" s="60">
        <v>36</v>
      </c>
      <c r="BG18" s="61">
        <v>46</v>
      </c>
      <c r="BH18" s="62">
        <v>82</v>
      </c>
      <c r="BI18" s="231"/>
      <c r="BJ18" s="61">
        <v>56</v>
      </c>
      <c r="BK18" s="61">
        <v>54</v>
      </c>
      <c r="BL18" s="61">
        <v>44</v>
      </c>
      <c r="BM18" s="61">
        <v>26</v>
      </c>
      <c r="BN18" s="61">
        <v>17</v>
      </c>
      <c r="BO18" s="62">
        <v>197</v>
      </c>
      <c r="BP18" s="63">
        <v>279</v>
      </c>
      <c r="BQ18" s="60">
        <v>17</v>
      </c>
      <c r="BR18" s="61">
        <v>21</v>
      </c>
      <c r="BS18" s="62">
        <v>38</v>
      </c>
      <c r="BT18" s="231"/>
      <c r="BU18" s="61">
        <v>47</v>
      </c>
      <c r="BV18" s="61">
        <v>49</v>
      </c>
      <c r="BW18" s="61">
        <v>37</v>
      </c>
      <c r="BX18" s="61">
        <v>25</v>
      </c>
      <c r="BY18" s="61">
        <v>7</v>
      </c>
      <c r="BZ18" s="62">
        <v>165</v>
      </c>
      <c r="CA18" s="63">
        <v>203</v>
      </c>
      <c r="CB18" s="60">
        <v>0</v>
      </c>
      <c r="CC18" s="61">
        <v>4</v>
      </c>
      <c r="CD18" s="62">
        <v>4</v>
      </c>
      <c r="CE18" s="231"/>
      <c r="CF18" s="61">
        <v>7</v>
      </c>
      <c r="CG18" s="61">
        <v>8</v>
      </c>
      <c r="CH18" s="61">
        <v>2</v>
      </c>
      <c r="CI18" s="61">
        <v>3</v>
      </c>
      <c r="CJ18" s="61">
        <v>6</v>
      </c>
      <c r="CK18" s="62">
        <v>26</v>
      </c>
      <c r="CL18" s="63">
        <v>30</v>
      </c>
      <c r="CM18" s="60">
        <v>125</v>
      </c>
      <c r="CN18" s="61">
        <v>153</v>
      </c>
      <c r="CO18" s="62">
        <v>278</v>
      </c>
      <c r="CP18" s="231"/>
      <c r="CQ18" s="61">
        <v>251</v>
      </c>
      <c r="CR18" s="61">
        <v>246</v>
      </c>
      <c r="CS18" s="61">
        <v>173</v>
      </c>
      <c r="CT18" s="61">
        <v>134</v>
      </c>
      <c r="CU18" s="61">
        <v>75</v>
      </c>
      <c r="CV18" s="62">
        <v>879</v>
      </c>
      <c r="CW18" s="63">
        <v>1157</v>
      </c>
      <c r="CX18" s="113">
        <v>273</v>
      </c>
      <c r="CY18" s="72">
        <v>355</v>
      </c>
      <c r="CZ18" s="73">
        <v>628</v>
      </c>
      <c r="DA18" s="228"/>
      <c r="DB18" s="72">
        <v>462</v>
      </c>
      <c r="DC18" s="72">
        <v>458</v>
      </c>
      <c r="DD18" s="72">
        <v>313</v>
      </c>
      <c r="DE18" s="72">
        <v>313</v>
      </c>
      <c r="DF18" s="72">
        <v>182</v>
      </c>
      <c r="DG18" s="74">
        <v>1728</v>
      </c>
      <c r="DH18" s="75">
        <v>2356</v>
      </c>
      <c r="DI18" s="60">
        <v>6</v>
      </c>
      <c r="DJ18" s="61">
        <v>6</v>
      </c>
      <c r="DK18" s="62">
        <v>12</v>
      </c>
      <c r="DL18" s="231"/>
      <c r="DM18" s="61">
        <v>13</v>
      </c>
      <c r="DN18" s="61">
        <v>11</v>
      </c>
      <c r="DO18" s="61">
        <v>1</v>
      </c>
      <c r="DP18" s="61">
        <v>1</v>
      </c>
      <c r="DQ18" s="61">
        <v>4</v>
      </c>
      <c r="DR18" s="62">
        <v>30</v>
      </c>
      <c r="DS18" s="63">
        <v>42</v>
      </c>
      <c r="DT18" s="60">
        <v>13</v>
      </c>
      <c r="DU18" s="61">
        <v>19</v>
      </c>
      <c r="DV18" s="62">
        <v>32</v>
      </c>
      <c r="DW18" s="231"/>
      <c r="DX18" s="61">
        <v>29</v>
      </c>
      <c r="DY18" s="61">
        <v>35</v>
      </c>
      <c r="DZ18" s="61">
        <v>19</v>
      </c>
      <c r="EA18" s="61">
        <v>12</v>
      </c>
      <c r="EB18" s="61">
        <v>11</v>
      </c>
      <c r="EC18" s="62">
        <v>106</v>
      </c>
      <c r="ED18" s="63">
        <v>138</v>
      </c>
      <c r="EE18" s="60">
        <v>67</v>
      </c>
      <c r="EF18" s="61">
        <v>50</v>
      </c>
      <c r="EG18" s="62">
        <v>117</v>
      </c>
      <c r="EH18" s="231"/>
      <c r="EI18" s="61">
        <v>63</v>
      </c>
      <c r="EJ18" s="61">
        <v>53</v>
      </c>
      <c r="EK18" s="61">
        <v>25</v>
      </c>
      <c r="EL18" s="61">
        <v>17</v>
      </c>
      <c r="EM18" s="61">
        <v>18</v>
      </c>
      <c r="EN18" s="62">
        <v>176</v>
      </c>
      <c r="EO18" s="63">
        <v>293</v>
      </c>
      <c r="EP18" s="60">
        <v>84</v>
      </c>
      <c r="EQ18" s="61">
        <v>107</v>
      </c>
      <c r="ER18" s="62">
        <v>191</v>
      </c>
      <c r="ES18" s="231"/>
      <c r="ET18" s="61">
        <v>108</v>
      </c>
      <c r="EU18" s="61">
        <v>86</v>
      </c>
      <c r="EV18" s="61">
        <v>59</v>
      </c>
      <c r="EW18" s="61">
        <v>40</v>
      </c>
      <c r="EX18" s="61">
        <v>36</v>
      </c>
      <c r="EY18" s="62">
        <v>329</v>
      </c>
      <c r="EZ18" s="63">
        <v>520</v>
      </c>
      <c r="FA18" s="60">
        <v>68</v>
      </c>
      <c r="FB18" s="61">
        <v>102</v>
      </c>
      <c r="FC18" s="62">
        <v>170</v>
      </c>
      <c r="FD18" s="231"/>
      <c r="FE18" s="61">
        <v>133</v>
      </c>
      <c r="FF18" s="61">
        <v>127</v>
      </c>
      <c r="FG18" s="61">
        <v>82</v>
      </c>
      <c r="FH18" s="61">
        <v>89</v>
      </c>
      <c r="FI18" s="61">
        <v>40</v>
      </c>
      <c r="FJ18" s="62">
        <v>471</v>
      </c>
      <c r="FK18" s="63">
        <v>641</v>
      </c>
      <c r="FL18" s="60">
        <v>35</v>
      </c>
      <c r="FM18" s="61">
        <v>71</v>
      </c>
      <c r="FN18" s="62">
        <v>106</v>
      </c>
      <c r="FO18" s="231"/>
      <c r="FP18" s="61">
        <v>116</v>
      </c>
      <c r="FQ18" s="61">
        <v>146</v>
      </c>
      <c r="FR18" s="61">
        <v>127</v>
      </c>
      <c r="FS18" s="61">
        <v>154</v>
      </c>
      <c r="FT18" s="61">
        <v>73</v>
      </c>
      <c r="FU18" s="62">
        <v>616</v>
      </c>
      <c r="FV18" s="63">
        <v>722</v>
      </c>
      <c r="FW18" s="60">
        <v>2</v>
      </c>
      <c r="FX18" s="61">
        <v>3</v>
      </c>
      <c r="FY18" s="62">
        <v>5</v>
      </c>
      <c r="FZ18" s="231"/>
      <c r="GA18" s="61">
        <v>5</v>
      </c>
      <c r="GB18" s="61">
        <v>7</v>
      </c>
      <c r="GC18" s="61">
        <v>0</v>
      </c>
      <c r="GD18" s="61">
        <v>2</v>
      </c>
      <c r="GE18" s="61">
        <v>7</v>
      </c>
      <c r="GF18" s="62">
        <v>21</v>
      </c>
      <c r="GG18" s="63">
        <v>26</v>
      </c>
      <c r="GH18" s="60">
        <v>275</v>
      </c>
      <c r="GI18" s="61">
        <v>358</v>
      </c>
      <c r="GJ18" s="62">
        <v>633</v>
      </c>
      <c r="GK18" s="231"/>
      <c r="GL18" s="61">
        <v>467</v>
      </c>
      <c r="GM18" s="61">
        <v>465</v>
      </c>
      <c r="GN18" s="61">
        <v>313</v>
      </c>
      <c r="GO18" s="61">
        <v>315</v>
      </c>
      <c r="GP18" s="61">
        <v>189</v>
      </c>
      <c r="GQ18" s="62">
        <v>1749</v>
      </c>
      <c r="GR18" s="63">
        <v>2382</v>
      </c>
      <c r="GS18" s="113">
        <v>398</v>
      </c>
      <c r="GT18" s="72">
        <v>504</v>
      </c>
      <c r="GU18" s="73">
        <v>902</v>
      </c>
      <c r="GV18" s="228"/>
      <c r="GW18" s="72">
        <v>706</v>
      </c>
      <c r="GX18" s="72">
        <v>696</v>
      </c>
      <c r="GY18" s="72">
        <v>484</v>
      </c>
      <c r="GZ18" s="72">
        <v>444</v>
      </c>
      <c r="HA18" s="72">
        <v>251</v>
      </c>
      <c r="HB18" s="74">
        <v>2581</v>
      </c>
      <c r="HC18" s="75">
        <v>3483</v>
      </c>
      <c r="HD18" s="60">
        <v>11</v>
      </c>
      <c r="HE18" s="61">
        <v>13</v>
      </c>
      <c r="HF18" s="62">
        <v>24</v>
      </c>
      <c r="HG18" s="231"/>
      <c r="HH18" s="61">
        <v>22</v>
      </c>
      <c r="HI18" s="61">
        <v>29</v>
      </c>
      <c r="HJ18" s="61">
        <v>13</v>
      </c>
      <c r="HK18" s="61">
        <v>6</v>
      </c>
      <c r="HL18" s="61">
        <v>9</v>
      </c>
      <c r="HM18" s="62">
        <v>79</v>
      </c>
      <c r="HN18" s="63">
        <v>103</v>
      </c>
      <c r="HO18" s="60">
        <v>30</v>
      </c>
      <c r="HP18" s="61">
        <v>34</v>
      </c>
      <c r="HQ18" s="62">
        <v>64</v>
      </c>
      <c r="HR18" s="231"/>
      <c r="HS18" s="61">
        <v>59</v>
      </c>
      <c r="HT18" s="61">
        <v>57</v>
      </c>
      <c r="HU18" s="61">
        <v>39</v>
      </c>
      <c r="HV18" s="61">
        <v>27</v>
      </c>
      <c r="HW18" s="61">
        <v>19</v>
      </c>
      <c r="HX18" s="62">
        <v>201</v>
      </c>
      <c r="HY18" s="63">
        <v>265</v>
      </c>
      <c r="HZ18" s="60">
        <v>80</v>
      </c>
      <c r="IA18" s="61">
        <v>74</v>
      </c>
      <c r="IB18" s="62">
        <v>154</v>
      </c>
      <c r="IC18" s="231"/>
      <c r="ID18" s="61">
        <v>96</v>
      </c>
      <c r="IE18" s="61">
        <v>98</v>
      </c>
      <c r="IF18" s="61">
        <v>49</v>
      </c>
      <c r="IG18" s="61">
        <v>43</v>
      </c>
      <c r="IH18" s="61">
        <v>33</v>
      </c>
      <c r="II18" s="62">
        <v>319</v>
      </c>
      <c r="IJ18" s="63">
        <v>473</v>
      </c>
      <c r="IK18" s="60">
        <v>121</v>
      </c>
      <c r="IL18" s="61">
        <v>143</v>
      </c>
      <c r="IM18" s="62">
        <v>264</v>
      </c>
      <c r="IN18" s="231"/>
      <c r="IO18" s="61">
        <v>177</v>
      </c>
      <c r="IP18" s="61">
        <v>136</v>
      </c>
      <c r="IQ18" s="61">
        <v>93</v>
      </c>
      <c r="IR18" s="61">
        <v>74</v>
      </c>
      <c r="IS18" s="61">
        <v>53</v>
      </c>
      <c r="IT18" s="62">
        <v>533</v>
      </c>
      <c r="IU18" s="63">
        <v>797</v>
      </c>
      <c r="IV18" s="60">
        <v>104</v>
      </c>
      <c r="IW18" s="61">
        <v>148</v>
      </c>
      <c r="IX18" s="62">
        <v>252</v>
      </c>
      <c r="IY18" s="231"/>
      <c r="IZ18" s="61">
        <v>189</v>
      </c>
      <c r="JA18" s="61">
        <v>181</v>
      </c>
      <c r="JB18" s="61">
        <v>126</v>
      </c>
      <c r="JC18" s="61">
        <v>115</v>
      </c>
      <c r="JD18" s="61">
        <v>57</v>
      </c>
      <c r="JE18" s="62">
        <v>668</v>
      </c>
      <c r="JF18" s="63">
        <v>920</v>
      </c>
      <c r="JG18" s="60">
        <v>52</v>
      </c>
      <c r="JH18" s="61">
        <v>92</v>
      </c>
      <c r="JI18" s="62">
        <v>144</v>
      </c>
      <c r="JJ18" s="231"/>
      <c r="JK18" s="61">
        <v>163</v>
      </c>
      <c r="JL18" s="61">
        <v>195</v>
      </c>
      <c r="JM18" s="61">
        <v>164</v>
      </c>
      <c r="JN18" s="61">
        <v>179</v>
      </c>
      <c r="JO18" s="61">
        <v>80</v>
      </c>
      <c r="JP18" s="62">
        <v>781</v>
      </c>
      <c r="JQ18" s="63">
        <v>925</v>
      </c>
      <c r="JR18" s="60">
        <v>2</v>
      </c>
      <c r="JS18" s="61">
        <v>7</v>
      </c>
      <c r="JT18" s="62">
        <v>9</v>
      </c>
      <c r="JU18" s="231"/>
      <c r="JV18" s="61">
        <v>12</v>
      </c>
      <c r="JW18" s="61">
        <v>15</v>
      </c>
      <c r="JX18" s="61">
        <v>2</v>
      </c>
      <c r="JY18" s="61">
        <v>5</v>
      </c>
      <c r="JZ18" s="61">
        <v>13</v>
      </c>
      <c r="KA18" s="62">
        <v>47</v>
      </c>
      <c r="KB18" s="63">
        <v>56</v>
      </c>
      <c r="KC18" s="60">
        <v>400</v>
      </c>
      <c r="KD18" s="61">
        <v>511</v>
      </c>
      <c r="KE18" s="62">
        <v>911</v>
      </c>
      <c r="KF18" s="231"/>
      <c r="KG18" s="61">
        <v>718</v>
      </c>
      <c r="KH18" s="61">
        <v>711</v>
      </c>
      <c r="KI18" s="61">
        <v>486</v>
      </c>
      <c r="KJ18" s="61">
        <v>449</v>
      </c>
      <c r="KK18" s="61">
        <v>264</v>
      </c>
      <c r="KL18" s="62">
        <v>2628</v>
      </c>
      <c r="KM18" s="63">
        <v>3539</v>
      </c>
    </row>
    <row r="19" spans="2:299" ht="21" customHeight="1" x14ac:dyDescent="0.2">
      <c r="B19" s="472" t="s">
        <v>16</v>
      </c>
      <c r="C19" s="293">
        <v>242</v>
      </c>
      <c r="D19" s="72">
        <v>292</v>
      </c>
      <c r="E19" s="73">
        <v>534</v>
      </c>
      <c r="F19" s="228"/>
      <c r="G19" s="72">
        <v>484</v>
      </c>
      <c r="H19" s="72">
        <v>624</v>
      </c>
      <c r="I19" s="72">
        <v>404</v>
      </c>
      <c r="J19" s="72">
        <v>318</v>
      </c>
      <c r="K19" s="72">
        <v>201</v>
      </c>
      <c r="L19" s="74">
        <v>2031</v>
      </c>
      <c r="M19" s="75">
        <v>2565</v>
      </c>
      <c r="N19" s="60">
        <v>11</v>
      </c>
      <c r="O19" s="61">
        <v>11</v>
      </c>
      <c r="P19" s="62">
        <v>22</v>
      </c>
      <c r="Q19" s="231"/>
      <c r="R19" s="61">
        <v>14</v>
      </c>
      <c r="S19" s="61">
        <v>30</v>
      </c>
      <c r="T19" s="61">
        <v>23</v>
      </c>
      <c r="U19" s="61">
        <v>18</v>
      </c>
      <c r="V19" s="61">
        <v>17</v>
      </c>
      <c r="W19" s="62">
        <v>102</v>
      </c>
      <c r="X19" s="63">
        <v>124</v>
      </c>
      <c r="Y19" s="60">
        <v>32</v>
      </c>
      <c r="Z19" s="61">
        <v>53</v>
      </c>
      <c r="AA19" s="62">
        <v>85</v>
      </c>
      <c r="AB19" s="231"/>
      <c r="AC19" s="61">
        <v>56</v>
      </c>
      <c r="AD19" s="61">
        <v>75</v>
      </c>
      <c r="AE19" s="61">
        <v>43</v>
      </c>
      <c r="AF19" s="61">
        <v>40</v>
      </c>
      <c r="AG19" s="61">
        <v>33</v>
      </c>
      <c r="AH19" s="62">
        <v>247</v>
      </c>
      <c r="AI19" s="63">
        <v>332</v>
      </c>
      <c r="AJ19" s="60">
        <v>50</v>
      </c>
      <c r="AK19" s="61">
        <v>52</v>
      </c>
      <c r="AL19" s="62">
        <v>102</v>
      </c>
      <c r="AM19" s="231"/>
      <c r="AN19" s="61">
        <v>74</v>
      </c>
      <c r="AO19" s="61">
        <v>106</v>
      </c>
      <c r="AP19" s="61">
        <v>80</v>
      </c>
      <c r="AQ19" s="61">
        <v>60</v>
      </c>
      <c r="AR19" s="61">
        <v>42</v>
      </c>
      <c r="AS19" s="62">
        <v>362</v>
      </c>
      <c r="AT19" s="63">
        <v>464</v>
      </c>
      <c r="AU19" s="60">
        <v>77</v>
      </c>
      <c r="AV19" s="61">
        <v>71</v>
      </c>
      <c r="AW19" s="62">
        <v>148</v>
      </c>
      <c r="AX19" s="231"/>
      <c r="AY19" s="61">
        <v>147</v>
      </c>
      <c r="AZ19" s="61">
        <v>166</v>
      </c>
      <c r="BA19" s="61">
        <v>87</v>
      </c>
      <c r="BB19" s="61">
        <v>74</v>
      </c>
      <c r="BC19" s="61">
        <v>43</v>
      </c>
      <c r="BD19" s="62">
        <v>517</v>
      </c>
      <c r="BE19" s="63">
        <v>665</v>
      </c>
      <c r="BF19" s="60">
        <v>48</v>
      </c>
      <c r="BG19" s="61">
        <v>60</v>
      </c>
      <c r="BH19" s="62">
        <v>108</v>
      </c>
      <c r="BI19" s="231"/>
      <c r="BJ19" s="61">
        <v>128</v>
      </c>
      <c r="BK19" s="61">
        <v>140</v>
      </c>
      <c r="BL19" s="61">
        <v>93</v>
      </c>
      <c r="BM19" s="61">
        <v>57</v>
      </c>
      <c r="BN19" s="61">
        <v>31</v>
      </c>
      <c r="BO19" s="62">
        <v>449</v>
      </c>
      <c r="BP19" s="63">
        <v>557</v>
      </c>
      <c r="BQ19" s="60">
        <v>24</v>
      </c>
      <c r="BR19" s="61">
        <v>45</v>
      </c>
      <c r="BS19" s="62">
        <v>69</v>
      </c>
      <c r="BT19" s="231"/>
      <c r="BU19" s="61">
        <v>65</v>
      </c>
      <c r="BV19" s="61">
        <v>107</v>
      </c>
      <c r="BW19" s="61">
        <v>78</v>
      </c>
      <c r="BX19" s="61">
        <v>69</v>
      </c>
      <c r="BY19" s="61">
        <v>35</v>
      </c>
      <c r="BZ19" s="62">
        <v>354</v>
      </c>
      <c r="CA19" s="63">
        <v>423</v>
      </c>
      <c r="CB19" s="60">
        <v>9</v>
      </c>
      <c r="CC19" s="61">
        <v>12</v>
      </c>
      <c r="CD19" s="62">
        <v>21</v>
      </c>
      <c r="CE19" s="231"/>
      <c r="CF19" s="61">
        <v>17</v>
      </c>
      <c r="CG19" s="61">
        <v>23</v>
      </c>
      <c r="CH19" s="61">
        <v>21</v>
      </c>
      <c r="CI19" s="61">
        <v>13</v>
      </c>
      <c r="CJ19" s="61">
        <v>12</v>
      </c>
      <c r="CK19" s="62">
        <v>86</v>
      </c>
      <c r="CL19" s="63">
        <v>107</v>
      </c>
      <c r="CM19" s="60">
        <v>251</v>
      </c>
      <c r="CN19" s="61">
        <v>304</v>
      </c>
      <c r="CO19" s="62">
        <v>555</v>
      </c>
      <c r="CP19" s="231"/>
      <c r="CQ19" s="61">
        <v>501</v>
      </c>
      <c r="CR19" s="61">
        <v>647</v>
      </c>
      <c r="CS19" s="61">
        <v>425</v>
      </c>
      <c r="CT19" s="61">
        <v>331</v>
      </c>
      <c r="CU19" s="61">
        <v>213</v>
      </c>
      <c r="CV19" s="62">
        <v>2117</v>
      </c>
      <c r="CW19" s="63">
        <v>2672</v>
      </c>
      <c r="CX19" s="113">
        <v>397</v>
      </c>
      <c r="CY19" s="72">
        <v>614</v>
      </c>
      <c r="CZ19" s="73">
        <v>1011</v>
      </c>
      <c r="DA19" s="228"/>
      <c r="DB19" s="72">
        <v>833</v>
      </c>
      <c r="DC19" s="72">
        <v>1024</v>
      </c>
      <c r="DD19" s="72">
        <v>761</v>
      </c>
      <c r="DE19" s="72">
        <v>773</v>
      </c>
      <c r="DF19" s="72">
        <v>509</v>
      </c>
      <c r="DG19" s="74">
        <v>3900</v>
      </c>
      <c r="DH19" s="75">
        <v>4911</v>
      </c>
      <c r="DI19" s="60">
        <v>12</v>
      </c>
      <c r="DJ19" s="61">
        <v>28</v>
      </c>
      <c r="DK19" s="62">
        <v>40</v>
      </c>
      <c r="DL19" s="231"/>
      <c r="DM19" s="61">
        <v>12</v>
      </c>
      <c r="DN19" s="61">
        <v>31</v>
      </c>
      <c r="DO19" s="61">
        <v>16</v>
      </c>
      <c r="DP19" s="61">
        <v>16</v>
      </c>
      <c r="DQ19" s="61">
        <v>11</v>
      </c>
      <c r="DR19" s="62">
        <v>86</v>
      </c>
      <c r="DS19" s="63">
        <v>126</v>
      </c>
      <c r="DT19" s="60">
        <v>32</v>
      </c>
      <c r="DU19" s="61">
        <v>51</v>
      </c>
      <c r="DV19" s="62">
        <v>83</v>
      </c>
      <c r="DW19" s="231"/>
      <c r="DX19" s="61">
        <v>61</v>
      </c>
      <c r="DY19" s="61">
        <v>72</v>
      </c>
      <c r="DZ19" s="61">
        <v>41</v>
      </c>
      <c r="EA19" s="61">
        <v>44</v>
      </c>
      <c r="EB19" s="61">
        <v>33</v>
      </c>
      <c r="EC19" s="62">
        <v>251</v>
      </c>
      <c r="ED19" s="63">
        <v>334</v>
      </c>
      <c r="EE19" s="60">
        <v>84</v>
      </c>
      <c r="EF19" s="61">
        <v>99</v>
      </c>
      <c r="EG19" s="62">
        <v>183</v>
      </c>
      <c r="EH19" s="231"/>
      <c r="EI19" s="61">
        <v>106</v>
      </c>
      <c r="EJ19" s="61">
        <v>135</v>
      </c>
      <c r="EK19" s="61">
        <v>84</v>
      </c>
      <c r="EL19" s="61">
        <v>77</v>
      </c>
      <c r="EM19" s="61">
        <v>49</v>
      </c>
      <c r="EN19" s="62">
        <v>451</v>
      </c>
      <c r="EO19" s="63">
        <v>634</v>
      </c>
      <c r="EP19" s="60">
        <v>110</v>
      </c>
      <c r="EQ19" s="61">
        <v>160</v>
      </c>
      <c r="ER19" s="62">
        <v>270</v>
      </c>
      <c r="ES19" s="231"/>
      <c r="ET19" s="61">
        <v>211</v>
      </c>
      <c r="EU19" s="61">
        <v>207</v>
      </c>
      <c r="EV19" s="61">
        <v>129</v>
      </c>
      <c r="EW19" s="61">
        <v>127</v>
      </c>
      <c r="EX19" s="61">
        <v>94</v>
      </c>
      <c r="EY19" s="62">
        <v>768</v>
      </c>
      <c r="EZ19" s="63">
        <v>1038</v>
      </c>
      <c r="FA19" s="60">
        <v>96</v>
      </c>
      <c r="FB19" s="61">
        <v>157</v>
      </c>
      <c r="FC19" s="62">
        <v>253</v>
      </c>
      <c r="FD19" s="231"/>
      <c r="FE19" s="61">
        <v>259</v>
      </c>
      <c r="FF19" s="61">
        <v>273</v>
      </c>
      <c r="FG19" s="61">
        <v>201</v>
      </c>
      <c r="FH19" s="61">
        <v>179</v>
      </c>
      <c r="FI19" s="61">
        <v>122</v>
      </c>
      <c r="FJ19" s="62">
        <v>1034</v>
      </c>
      <c r="FK19" s="63">
        <v>1287</v>
      </c>
      <c r="FL19" s="60">
        <v>63</v>
      </c>
      <c r="FM19" s="61">
        <v>119</v>
      </c>
      <c r="FN19" s="62">
        <v>182</v>
      </c>
      <c r="FO19" s="231"/>
      <c r="FP19" s="61">
        <v>184</v>
      </c>
      <c r="FQ19" s="61">
        <v>306</v>
      </c>
      <c r="FR19" s="61">
        <v>290</v>
      </c>
      <c r="FS19" s="61">
        <v>330</v>
      </c>
      <c r="FT19" s="61">
        <v>200</v>
      </c>
      <c r="FU19" s="62">
        <v>1310</v>
      </c>
      <c r="FV19" s="63">
        <v>1492</v>
      </c>
      <c r="FW19" s="60">
        <v>10</v>
      </c>
      <c r="FX19" s="61">
        <v>12</v>
      </c>
      <c r="FY19" s="62">
        <v>22</v>
      </c>
      <c r="FZ19" s="231"/>
      <c r="GA19" s="61">
        <v>7</v>
      </c>
      <c r="GB19" s="61">
        <v>18</v>
      </c>
      <c r="GC19" s="61">
        <v>10</v>
      </c>
      <c r="GD19" s="61">
        <v>10</v>
      </c>
      <c r="GE19" s="61">
        <v>12</v>
      </c>
      <c r="GF19" s="62">
        <v>57</v>
      </c>
      <c r="GG19" s="63">
        <v>79</v>
      </c>
      <c r="GH19" s="60">
        <v>407</v>
      </c>
      <c r="GI19" s="61">
        <v>626</v>
      </c>
      <c r="GJ19" s="62">
        <v>1033</v>
      </c>
      <c r="GK19" s="231"/>
      <c r="GL19" s="61">
        <v>840</v>
      </c>
      <c r="GM19" s="61">
        <v>1042</v>
      </c>
      <c r="GN19" s="61">
        <v>771</v>
      </c>
      <c r="GO19" s="61">
        <v>783</v>
      </c>
      <c r="GP19" s="61">
        <v>521</v>
      </c>
      <c r="GQ19" s="62">
        <v>3957</v>
      </c>
      <c r="GR19" s="63">
        <v>4990</v>
      </c>
      <c r="GS19" s="113">
        <v>639</v>
      </c>
      <c r="GT19" s="72">
        <v>906</v>
      </c>
      <c r="GU19" s="73">
        <v>1545</v>
      </c>
      <c r="GV19" s="228"/>
      <c r="GW19" s="72">
        <v>1317</v>
      </c>
      <c r="GX19" s="72">
        <v>1648</v>
      </c>
      <c r="GY19" s="72">
        <v>1165</v>
      </c>
      <c r="GZ19" s="72">
        <v>1091</v>
      </c>
      <c r="HA19" s="72">
        <v>710</v>
      </c>
      <c r="HB19" s="74">
        <v>5931</v>
      </c>
      <c r="HC19" s="75">
        <v>7476</v>
      </c>
      <c r="HD19" s="60">
        <v>23</v>
      </c>
      <c r="HE19" s="61">
        <v>39</v>
      </c>
      <c r="HF19" s="62">
        <v>62</v>
      </c>
      <c r="HG19" s="231"/>
      <c r="HH19" s="61">
        <v>26</v>
      </c>
      <c r="HI19" s="61">
        <v>61</v>
      </c>
      <c r="HJ19" s="61">
        <v>39</v>
      </c>
      <c r="HK19" s="61">
        <v>34</v>
      </c>
      <c r="HL19" s="61">
        <v>28</v>
      </c>
      <c r="HM19" s="62">
        <v>188</v>
      </c>
      <c r="HN19" s="63">
        <v>250</v>
      </c>
      <c r="HO19" s="60">
        <v>64</v>
      </c>
      <c r="HP19" s="61">
        <v>104</v>
      </c>
      <c r="HQ19" s="62">
        <v>168</v>
      </c>
      <c r="HR19" s="231"/>
      <c r="HS19" s="61">
        <v>117</v>
      </c>
      <c r="HT19" s="61">
        <v>147</v>
      </c>
      <c r="HU19" s="61">
        <v>84</v>
      </c>
      <c r="HV19" s="61">
        <v>84</v>
      </c>
      <c r="HW19" s="61">
        <v>66</v>
      </c>
      <c r="HX19" s="62">
        <v>498</v>
      </c>
      <c r="HY19" s="63">
        <v>666</v>
      </c>
      <c r="HZ19" s="60">
        <v>134</v>
      </c>
      <c r="IA19" s="61">
        <v>151</v>
      </c>
      <c r="IB19" s="62">
        <v>285</v>
      </c>
      <c r="IC19" s="231"/>
      <c r="ID19" s="61">
        <v>180</v>
      </c>
      <c r="IE19" s="61">
        <v>241</v>
      </c>
      <c r="IF19" s="61">
        <v>164</v>
      </c>
      <c r="IG19" s="61">
        <v>137</v>
      </c>
      <c r="IH19" s="61">
        <v>91</v>
      </c>
      <c r="II19" s="62">
        <v>813</v>
      </c>
      <c r="IJ19" s="63">
        <v>1098</v>
      </c>
      <c r="IK19" s="60">
        <v>187</v>
      </c>
      <c r="IL19" s="61">
        <v>231</v>
      </c>
      <c r="IM19" s="62">
        <v>418</v>
      </c>
      <c r="IN19" s="231"/>
      <c r="IO19" s="61">
        <v>358</v>
      </c>
      <c r="IP19" s="61">
        <v>373</v>
      </c>
      <c r="IQ19" s="61">
        <v>216</v>
      </c>
      <c r="IR19" s="61">
        <v>201</v>
      </c>
      <c r="IS19" s="61">
        <v>137</v>
      </c>
      <c r="IT19" s="62">
        <v>1285</v>
      </c>
      <c r="IU19" s="63">
        <v>1703</v>
      </c>
      <c r="IV19" s="60">
        <v>144</v>
      </c>
      <c r="IW19" s="61">
        <v>217</v>
      </c>
      <c r="IX19" s="62">
        <v>361</v>
      </c>
      <c r="IY19" s="231"/>
      <c r="IZ19" s="61">
        <v>387</v>
      </c>
      <c r="JA19" s="61">
        <v>413</v>
      </c>
      <c r="JB19" s="61">
        <v>294</v>
      </c>
      <c r="JC19" s="61">
        <v>236</v>
      </c>
      <c r="JD19" s="61">
        <v>153</v>
      </c>
      <c r="JE19" s="62">
        <v>1483</v>
      </c>
      <c r="JF19" s="63">
        <v>1844</v>
      </c>
      <c r="JG19" s="60">
        <v>87</v>
      </c>
      <c r="JH19" s="61">
        <v>164</v>
      </c>
      <c r="JI19" s="62">
        <v>251</v>
      </c>
      <c r="JJ19" s="231"/>
      <c r="JK19" s="61">
        <v>249</v>
      </c>
      <c r="JL19" s="61">
        <v>413</v>
      </c>
      <c r="JM19" s="61">
        <v>368</v>
      </c>
      <c r="JN19" s="61">
        <v>399</v>
      </c>
      <c r="JO19" s="61">
        <v>235</v>
      </c>
      <c r="JP19" s="62">
        <v>1664</v>
      </c>
      <c r="JQ19" s="63">
        <v>1915</v>
      </c>
      <c r="JR19" s="60">
        <v>19</v>
      </c>
      <c r="JS19" s="61">
        <v>24</v>
      </c>
      <c r="JT19" s="62">
        <v>43</v>
      </c>
      <c r="JU19" s="231"/>
      <c r="JV19" s="61">
        <v>24</v>
      </c>
      <c r="JW19" s="61">
        <v>41</v>
      </c>
      <c r="JX19" s="61">
        <v>31</v>
      </c>
      <c r="JY19" s="61">
        <v>23</v>
      </c>
      <c r="JZ19" s="61">
        <v>24</v>
      </c>
      <c r="KA19" s="62">
        <v>143</v>
      </c>
      <c r="KB19" s="63">
        <v>186</v>
      </c>
      <c r="KC19" s="60">
        <v>658</v>
      </c>
      <c r="KD19" s="61">
        <v>930</v>
      </c>
      <c r="KE19" s="62">
        <v>1588</v>
      </c>
      <c r="KF19" s="231"/>
      <c r="KG19" s="61">
        <v>1341</v>
      </c>
      <c r="KH19" s="61">
        <v>1689</v>
      </c>
      <c r="KI19" s="61">
        <v>1196</v>
      </c>
      <c r="KJ19" s="61">
        <v>1114</v>
      </c>
      <c r="KK19" s="61">
        <v>734</v>
      </c>
      <c r="KL19" s="62">
        <v>6074</v>
      </c>
      <c r="KM19" s="63">
        <v>7662</v>
      </c>
    </row>
    <row r="20" spans="2:299" ht="21" customHeight="1" x14ac:dyDescent="0.2">
      <c r="B20" s="472" t="s">
        <v>17</v>
      </c>
      <c r="C20" s="293">
        <v>283</v>
      </c>
      <c r="D20" s="72">
        <v>382</v>
      </c>
      <c r="E20" s="73">
        <v>665</v>
      </c>
      <c r="F20" s="228"/>
      <c r="G20" s="72">
        <v>606</v>
      </c>
      <c r="H20" s="72">
        <v>778</v>
      </c>
      <c r="I20" s="72">
        <v>541</v>
      </c>
      <c r="J20" s="72">
        <v>428</v>
      </c>
      <c r="K20" s="72">
        <v>271</v>
      </c>
      <c r="L20" s="74">
        <v>2624</v>
      </c>
      <c r="M20" s="75">
        <v>3289</v>
      </c>
      <c r="N20" s="60">
        <v>10</v>
      </c>
      <c r="O20" s="61">
        <v>17</v>
      </c>
      <c r="P20" s="62">
        <v>27</v>
      </c>
      <c r="Q20" s="231"/>
      <c r="R20" s="61">
        <v>30</v>
      </c>
      <c r="S20" s="61">
        <v>45</v>
      </c>
      <c r="T20" s="61">
        <v>30</v>
      </c>
      <c r="U20" s="61">
        <v>22</v>
      </c>
      <c r="V20" s="61">
        <v>24</v>
      </c>
      <c r="W20" s="62">
        <v>151</v>
      </c>
      <c r="X20" s="63">
        <v>178</v>
      </c>
      <c r="Y20" s="60">
        <v>21</v>
      </c>
      <c r="Z20" s="61">
        <v>57</v>
      </c>
      <c r="AA20" s="62">
        <v>78</v>
      </c>
      <c r="AB20" s="231"/>
      <c r="AC20" s="61">
        <v>48</v>
      </c>
      <c r="AD20" s="61">
        <v>104</v>
      </c>
      <c r="AE20" s="61">
        <v>69</v>
      </c>
      <c r="AF20" s="61">
        <v>62</v>
      </c>
      <c r="AG20" s="61">
        <v>34</v>
      </c>
      <c r="AH20" s="62">
        <v>317</v>
      </c>
      <c r="AI20" s="63">
        <v>395</v>
      </c>
      <c r="AJ20" s="60">
        <v>56</v>
      </c>
      <c r="AK20" s="61">
        <v>58</v>
      </c>
      <c r="AL20" s="62">
        <v>114</v>
      </c>
      <c r="AM20" s="231"/>
      <c r="AN20" s="61">
        <v>112</v>
      </c>
      <c r="AO20" s="61">
        <v>148</v>
      </c>
      <c r="AP20" s="61">
        <v>101</v>
      </c>
      <c r="AQ20" s="61">
        <v>69</v>
      </c>
      <c r="AR20" s="61">
        <v>58</v>
      </c>
      <c r="AS20" s="62">
        <v>488</v>
      </c>
      <c r="AT20" s="63">
        <v>602</v>
      </c>
      <c r="AU20" s="60">
        <v>69</v>
      </c>
      <c r="AV20" s="61">
        <v>112</v>
      </c>
      <c r="AW20" s="62">
        <v>181</v>
      </c>
      <c r="AX20" s="231"/>
      <c r="AY20" s="61">
        <v>178</v>
      </c>
      <c r="AZ20" s="61">
        <v>195</v>
      </c>
      <c r="BA20" s="61">
        <v>143</v>
      </c>
      <c r="BB20" s="61">
        <v>87</v>
      </c>
      <c r="BC20" s="61">
        <v>60</v>
      </c>
      <c r="BD20" s="62">
        <v>663</v>
      </c>
      <c r="BE20" s="63">
        <v>844</v>
      </c>
      <c r="BF20" s="60">
        <v>76</v>
      </c>
      <c r="BG20" s="61">
        <v>90</v>
      </c>
      <c r="BH20" s="62">
        <v>166</v>
      </c>
      <c r="BI20" s="231"/>
      <c r="BJ20" s="61">
        <v>148</v>
      </c>
      <c r="BK20" s="61">
        <v>175</v>
      </c>
      <c r="BL20" s="61">
        <v>119</v>
      </c>
      <c r="BM20" s="61">
        <v>118</v>
      </c>
      <c r="BN20" s="61">
        <v>61</v>
      </c>
      <c r="BO20" s="62">
        <v>621</v>
      </c>
      <c r="BP20" s="63">
        <v>787</v>
      </c>
      <c r="BQ20" s="60">
        <v>51</v>
      </c>
      <c r="BR20" s="61">
        <v>48</v>
      </c>
      <c r="BS20" s="62">
        <v>99</v>
      </c>
      <c r="BT20" s="231"/>
      <c r="BU20" s="61">
        <v>90</v>
      </c>
      <c r="BV20" s="61">
        <v>111</v>
      </c>
      <c r="BW20" s="61">
        <v>79</v>
      </c>
      <c r="BX20" s="61">
        <v>70</v>
      </c>
      <c r="BY20" s="61">
        <v>34</v>
      </c>
      <c r="BZ20" s="62">
        <v>384</v>
      </c>
      <c r="CA20" s="63">
        <v>483</v>
      </c>
      <c r="CB20" s="60">
        <v>12</v>
      </c>
      <c r="CC20" s="61">
        <v>26</v>
      </c>
      <c r="CD20" s="62">
        <v>38</v>
      </c>
      <c r="CE20" s="231"/>
      <c r="CF20" s="61">
        <v>19</v>
      </c>
      <c r="CG20" s="61">
        <v>46</v>
      </c>
      <c r="CH20" s="61">
        <v>31</v>
      </c>
      <c r="CI20" s="61">
        <v>14</v>
      </c>
      <c r="CJ20" s="61">
        <v>16</v>
      </c>
      <c r="CK20" s="62">
        <v>126</v>
      </c>
      <c r="CL20" s="63">
        <v>164</v>
      </c>
      <c r="CM20" s="60">
        <v>295</v>
      </c>
      <c r="CN20" s="61">
        <v>408</v>
      </c>
      <c r="CO20" s="62">
        <v>703</v>
      </c>
      <c r="CP20" s="231"/>
      <c r="CQ20" s="61">
        <v>625</v>
      </c>
      <c r="CR20" s="61">
        <v>824</v>
      </c>
      <c r="CS20" s="61">
        <v>572</v>
      </c>
      <c r="CT20" s="61">
        <v>442</v>
      </c>
      <c r="CU20" s="61">
        <v>287</v>
      </c>
      <c r="CV20" s="62">
        <v>2750</v>
      </c>
      <c r="CW20" s="63">
        <v>3453</v>
      </c>
      <c r="CX20" s="113">
        <v>622</v>
      </c>
      <c r="CY20" s="72">
        <v>849</v>
      </c>
      <c r="CZ20" s="73">
        <v>1471</v>
      </c>
      <c r="DA20" s="228"/>
      <c r="DB20" s="72">
        <v>986</v>
      </c>
      <c r="DC20" s="72">
        <v>1257</v>
      </c>
      <c r="DD20" s="72">
        <v>938</v>
      </c>
      <c r="DE20" s="72">
        <v>872</v>
      </c>
      <c r="DF20" s="72">
        <v>603</v>
      </c>
      <c r="DG20" s="74">
        <v>4656</v>
      </c>
      <c r="DH20" s="75">
        <v>6127</v>
      </c>
      <c r="DI20" s="60">
        <v>13</v>
      </c>
      <c r="DJ20" s="61">
        <v>31</v>
      </c>
      <c r="DK20" s="62">
        <v>44</v>
      </c>
      <c r="DL20" s="231"/>
      <c r="DM20" s="61">
        <v>19</v>
      </c>
      <c r="DN20" s="61">
        <v>34</v>
      </c>
      <c r="DO20" s="61">
        <v>28</v>
      </c>
      <c r="DP20" s="61">
        <v>22</v>
      </c>
      <c r="DQ20" s="61">
        <v>20</v>
      </c>
      <c r="DR20" s="62">
        <v>123</v>
      </c>
      <c r="DS20" s="63">
        <v>167</v>
      </c>
      <c r="DT20" s="60">
        <v>44</v>
      </c>
      <c r="DU20" s="61">
        <v>74</v>
      </c>
      <c r="DV20" s="62">
        <v>118</v>
      </c>
      <c r="DW20" s="231"/>
      <c r="DX20" s="61">
        <v>74</v>
      </c>
      <c r="DY20" s="61">
        <v>78</v>
      </c>
      <c r="DZ20" s="61">
        <v>59</v>
      </c>
      <c r="EA20" s="61">
        <v>47</v>
      </c>
      <c r="EB20" s="61">
        <v>29</v>
      </c>
      <c r="EC20" s="62">
        <v>287</v>
      </c>
      <c r="ED20" s="63">
        <v>405</v>
      </c>
      <c r="EE20" s="60">
        <v>114</v>
      </c>
      <c r="EF20" s="61">
        <v>143</v>
      </c>
      <c r="EG20" s="62">
        <v>257</v>
      </c>
      <c r="EH20" s="231"/>
      <c r="EI20" s="61">
        <v>135</v>
      </c>
      <c r="EJ20" s="61">
        <v>166</v>
      </c>
      <c r="EK20" s="61">
        <v>118</v>
      </c>
      <c r="EL20" s="61">
        <v>93</v>
      </c>
      <c r="EM20" s="61">
        <v>70</v>
      </c>
      <c r="EN20" s="62">
        <v>582</v>
      </c>
      <c r="EO20" s="63">
        <v>839</v>
      </c>
      <c r="EP20" s="60">
        <v>219</v>
      </c>
      <c r="EQ20" s="61">
        <v>242</v>
      </c>
      <c r="ER20" s="62">
        <v>461</v>
      </c>
      <c r="ES20" s="231"/>
      <c r="ET20" s="61">
        <v>264</v>
      </c>
      <c r="EU20" s="61">
        <v>310</v>
      </c>
      <c r="EV20" s="61">
        <v>204</v>
      </c>
      <c r="EW20" s="61">
        <v>179</v>
      </c>
      <c r="EX20" s="61">
        <v>116</v>
      </c>
      <c r="EY20" s="62">
        <v>1073</v>
      </c>
      <c r="EZ20" s="63">
        <v>1534</v>
      </c>
      <c r="FA20" s="60">
        <v>156</v>
      </c>
      <c r="FB20" s="61">
        <v>221</v>
      </c>
      <c r="FC20" s="62">
        <v>377</v>
      </c>
      <c r="FD20" s="231"/>
      <c r="FE20" s="61">
        <v>271</v>
      </c>
      <c r="FF20" s="61">
        <v>341</v>
      </c>
      <c r="FG20" s="61">
        <v>253</v>
      </c>
      <c r="FH20" s="61">
        <v>211</v>
      </c>
      <c r="FI20" s="61">
        <v>166</v>
      </c>
      <c r="FJ20" s="62">
        <v>1242</v>
      </c>
      <c r="FK20" s="63">
        <v>1619</v>
      </c>
      <c r="FL20" s="60">
        <v>76</v>
      </c>
      <c r="FM20" s="61">
        <v>138</v>
      </c>
      <c r="FN20" s="62">
        <v>214</v>
      </c>
      <c r="FO20" s="231"/>
      <c r="FP20" s="61">
        <v>223</v>
      </c>
      <c r="FQ20" s="61">
        <v>328</v>
      </c>
      <c r="FR20" s="61">
        <v>276</v>
      </c>
      <c r="FS20" s="61">
        <v>320</v>
      </c>
      <c r="FT20" s="61">
        <v>202</v>
      </c>
      <c r="FU20" s="62">
        <v>1349</v>
      </c>
      <c r="FV20" s="63">
        <v>1563</v>
      </c>
      <c r="FW20" s="60">
        <v>3</v>
      </c>
      <c r="FX20" s="61">
        <v>21</v>
      </c>
      <c r="FY20" s="62">
        <v>24</v>
      </c>
      <c r="FZ20" s="231"/>
      <c r="GA20" s="61">
        <v>13</v>
      </c>
      <c r="GB20" s="61">
        <v>33</v>
      </c>
      <c r="GC20" s="61">
        <v>16</v>
      </c>
      <c r="GD20" s="61">
        <v>17</v>
      </c>
      <c r="GE20" s="61">
        <v>24</v>
      </c>
      <c r="GF20" s="62">
        <v>103</v>
      </c>
      <c r="GG20" s="63">
        <v>127</v>
      </c>
      <c r="GH20" s="60">
        <v>625</v>
      </c>
      <c r="GI20" s="61">
        <v>870</v>
      </c>
      <c r="GJ20" s="62">
        <v>1495</v>
      </c>
      <c r="GK20" s="231"/>
      <c r="GL20" s="61">
        <v>999</v>
      </c>
      <c r="GM20" s="61">
        <v>1290</v>
      </c>
      <c r="GN20" s="61">
        <v>954</v>
      </c>
      <c r="GO20" s="61">
        <v>889</v>
      </c>
      <c r="GP20" s="61">
        <v>627</v>
      </c>
      <c r="GQ20" s="62">
        <v>4759</v>
      </c>
      <c r="GR20" s="63">
        <v>6254</v>
      </c>
      <c r="GS20" s="113">
        <v>905</v>
      </c>
      <c r="GT20" s="72">
        <v>1231</v>
      </c>
      <c r="GU20" s="73">
        <v>2136</v>
      </c>
      <c r="GV20" s="228"/>
      <c r="GW20" s="72">
        <v>1592</v>
      </c>
      <c r="GX20" s="72">
        <v>2035</v>
      </c>
      <c r="GY20" s="72">
        <v>1479</v>
      </c>
      <c r="GZ20" s="72">
        <v>1300</v>
      </c>
      <c r="HA20" s="72">
        <v>874</v>
      </c>
      <c r="HB20" s="74">
        <v>7280</v>
      </c>
      <c r="HC20" s="75">
        <v>9416</v>
      </c>
      <c r="HD20" s="60">
        <v>23</v>
      </c>
      <c r="HE20" s="61">
        <v>48</v>
      </c>
      <c r="HF20" s="62">
        <v>71</v>
      </c>
      <c r="HG20" s="231"/>
      <c r="HH20" s="61">
        <v>49</v>
      </c>
      <c r="HI20" s="61">
        <v>79</v>
      </c>
      <c r="HJ20" s="61">
        <v>58</v>
      </c>
      <c r="HK20" s="61">
        <v>44</v>
      </c>
      <c r="HL20" s="61">
        <v>44</v>
      </c>
      <c r="HM20" s="62">
        <v>274</v>
      </c>
      <c r="HN20" s="63">
        <v>345</v>
      </c>
      <c r="HO20" s="60">
        <v>65</v>
      </c>
      <c r="HP20" s="61">
        <v>131</v>
      </c>
      <c r="HQ20" s="62">
        <v>196</v>
      </c>
      <c r="HR20" s="231"/>
      <c r="HS20" s="61">
        <v>122</v>
      </c>
      <c r="HT20" s="61">
        <v>182</v>
      </c>
      <c r="HU20" s="61">
        <v>128</v>
      </c>
      <c r="HV20" s="61">
        <v>109</v>
      </c>
      <c r="HW20" s="61">
        <v>63</v>
      </c>
      <c r="HX20" s="62">
        <v>604</v>
      </c>
      <c r="HY20" s="63">
        <v>800</v>
      </c>
      <c r="HZ20" s="60">
        <v>170</v>
      </c>
      <c r="IA20" s="61">
        <v>201</v>
      </c>
      <c r="IB20" s="62">
        <v>371</v>
      </c>
      <c r="IC20" s="231"/>
      <c r="ID20" s="61">
        <v>247</v>
      </c>
      <c r="IE20" s="61">
        <v>314</v>
      </c>
      <c r="IF20" s="61">
        <v>219</v>
      </c>
      <c r="IG20" s="61">
        <v>162</v>
      </c>
      <c r="IH20" s="61">
        <v>128</v>
      </c>
      <c r="II20" s="62">
        <v>1070</v>
      </c>
      <c r="IJ20" s="63">
        <v>1441</v>
      </c>
      <c r="IK20" s="60">
        <v>288</v>
      </c>
      <c r="IL20" s="61">
        <v>354</v>
      </c>
      <c r="IM20" s="62">
        <v>642</v>
      </c>
      <c r="IN20" s="231"/>
      <c r="IO20" s="61">
        <v>442</v>
      </c>
      <c r="IP20" s="61">
        <v>505</v>
      </c>
      <c r="IQ20" s="61">
        <v>347</v>
      </c>
      <c r="IR20" s="61">
        <v>266</v>
      </c>
      <c r="IS20" s="61">
        <v>176</v>
      </c>
      <c r="IT20" s="62">
        <v>1736</v>
      </c>
      <c r="IU20" s="63">
        <v>2378</v>
      </c>
      <c r="IV20" s="60">
        <v>232</v>
      </c>
      <c r="IW20" s="61">
        <v>311</v>
      </c>
      <c r="IX20" s="62">
        <v>543</v>
      </c>
      <c r="IY20" s="231"/>
      <c r="IZ20" s="61">
        <v>419</v>
      </c>
      <c r="JA20" s="61">
        <v>516</v>
      </c>
      <c r="JB20" s="61">
        <v>372</v>
      </c>
      <c r="JC20" s="61">
        <v>329</v>
      </c>
      <c r="JD20" s="61">
        <v>227</v>
      </c>
      <c r="JE20" s="62">
        <v>1863</v>
      </c>
      <c r="JF20" s="63">
        <v>2406</v>
      </c>
      <c r="JG20" s="60">
        <v>127</v>
      </c>
      <c r="JH20" s="61">
        <v>186</v>
      </c>
      <c r="JI20" s="62">
        <v>313</v>
      </c>
      <c r="JJ20" s="231"/>
      <c r="JK20" s="61">
        <v>313</v>
      </c>
      <c r="JL20" s="61">
        <v>439</v>
      </c>
      <c r="JM20" s="61">
        <v>355</v>
      </c>
      <c r="JN20" s="61">
        <v>390</v>
      </c>
      <c r="JO20" s="61">
        <v>236</v>
      </c>
      <c r="JP20" s="62">
        <v>1733</v>
      </c>
      <c r="JQ20" s="63">
        <v>2046</v>
      </c>
      <c r="JR20" s="60">
        <v>15</v>
      </c>
      <c r="JS20" s="61">
        <v>47</v>
      </c>
      <c r="JT20" s="62">
        <v>62</v>
      </c>
      <c r="JU20" s="231"/>
      <c r="JV20" s="61">
        <v>32</v>
      </c>
      <c r="JW20" s="61">
        <v>79</v>
      </c>
      <c r="JX20" s="61">
        <v>47</v>
      </c>
      <c r="JY20" s="61">
        <v>31</v>
      </c>
      <c r="JZ20" s="61">
        <v>40</v>
      </c>
      <c r="KA20" s="62">
        <v>229</v>
      </c>
      <c r="KB20" s="63">
        <v>291</v>
      </c>
      <c r="KC20" s="60">
        <v>920</v>
      </c>
      <c r="KD20" s="61">
        <v>1278</v>
      </c>
      <c r="KE20" s="62">
        <v>2198</v>
      </c>
      <c r="KF20" s="231"/>
      <c r="KG20" s="61">
        <v>1624</v>
      </c>
      <c r="KH20" s="61">
        <v>2114</v>
      </c>
      <c r="KI20" s="61">
        <v>1526</v>
      </c>
      <c r="KJ20" s="61">
        <v>1331</v>
      </c>
      <c r="KK20" s="61">
        <v>914</v>
      </c>
      <c r="KL20" s="62">
        <v>7509</v>
      </c>
      <c r="KM20" s="63">
        <v>9707</v>
      </c>
    </row>
    <row r="21" spans="2:299" ht="21" customHeight="1" x14ac:dyDescent="0.2">
      <c r="B21" s="472" t="s">
        <v>18</v>
      </c>
      <c r="C21" s="293">
        <v>428</v>
      </c>
      <c r="D21" s="72">
        <v>464</v>
      </c>
      <c r="E21" s="73">
        <v>892</v>
      </c>
      <c r="F21" s="228"/>
      <c r="G21" s="72">
        <v>962</v>
      </c>
      <c r="H21" s="72">
        <v>775</v>
      </c>
      <c r="I21" s="72">
        <v>528</v>
      </c>
      <c r="J21" s="72">
        <v>455</v>
      </c>
      <c r="K21" s="72">
        <v>276</v>
      </c>
      <c r="L21" s="74">
        <v>2996</v>
      </c>
      <c r="M21" s="75">
        <v>3888</v>
      </c>
      <c r="N21" s="60">
        <v>24</v>
      </c>
      <c r="O21" s="61">
        <v>21</v>
      </c>
      <c r="P21" s="62">
        <v>45</v>
      </c>
      <c r="Q21" s="231"/>
      <c r="R21" s="61">
        <v>54</v>
      </c>
      <c r="S21" s="61">
        <v>48</v>
      </c>
      <c r="T21" s="61">
        <v>32</v>
      </c>
      <c r="U21" s="61">
        <v>31</v>
      </c>
      <c r="V21" s="61">
        <v>24</v>
      </c>
      <c r="W21" s="62">
        <v>189</v>
      </c>
      <c r="X21" s="63">
        <v>234</v>
      </c>
      <c r="Y21" s="60">
        <v>49</v>
      </c>
      <c r="Z21" s="61">
        <v>58</v>
      </c>
      <c r="AA21" s="62">
        <v>107</v>
      </c>
      <c r="AB21" s="231"/>
      <c r="AC21" s="61">
        <v>101</v>
      </c>
      <c r="AD21" s="61">
        <v>91</v>
      </c>
      <c r="AE21" s="61">
        <v>54</v>
      </c>
      <c r="AF21" s="61">
        <v>51</v>
      </c>
      <c r="AG21" s="61">
        <v>35</v>
      </c>
      <c r="AH21" s="62">
        <v>332</v>
      </c>
      <c r="AI21" s="63">
        <v>439</v>
      </c>
      <c r="AJ21" s="60">
        <v>71</v>
      </c>
      <c r="AK21" s="61">
        <v>81</v>
      </c>
      <c r="AL21" s="62">
        <v>152</v>
      </c>
      <c r="AM21" s="231"/>
      <c r="AN21" s="61">
        <v>148</v>
      </c>
      <c r="AO21" s="61">
        <v>130</v>
      </c>
      <c r="AP21" s="61">
        <v>99</v>
      </c>
      <c r="AQ21" s="61">
        <v>78</v>
      </c>
      <c r="AR21" s="61">
        <v>51</v>
      </c>
      <c r="AS21" s="62">
        <v>506</v>
      </c>
      <c r="AT21" s="63">
        <v>658</v>
      </c>
      <c r="AU21" s="60">
        <v>104</v>
      </c>
      <c r="AV21" s="61">
        <v>131</v>
      </c>
      <c r="AW21" s="62">
        <v>235</v>
      </c>
      <c r="AX21" s="231"/>
      <c r="AY21" s="61">
        <v>272</v>
      </c>
      <c r="AZ21" s="61">
        <v>201</v>
      </c>
      <c r="BA21" s="61">
        <v>127</v>
      </c>
      <c r="BB21" s="61">
        <v>117</v>
      </c>
      <c r="BC21" s="61">
        <v>81</v>
      </c>
      <c r="BD21" s="62">
        <v>798</v>
      </c>
      <c r="BE21" s="63">
        <v>1033</v>
      </c>
      <c r="BF21" s="60">
        <v>119</v>
      </c>
      <c r="BG21" s="61">
        <v>119</v>
      </c>
      <c r="BH21" s="62">
        <v>238</v>
      </c>
      <c r="BI21" s="231"/>
      <c r="BJ21" s="61">
        <v>255</v>
      </c>
      <c r="BK21" s="61">
        <v>185</v>
      </c>
      <c r="BL21" s="61">
        <v>131</v>
      </c>
      <c r="BM21" s="61">
        <v>100</v>
      </c>
      <c r="BN21" s="61">
        <v>58</v>
      </c>
      <c r="BO21" s="62">
        <v>729</v>
      </c>
      <c r="BP21" s="63">
        <v>967</v>
      </c>
      <c r="BQ21" s="60">
        <v>61</v>
      </c>
      <c r="BR21" s="61">
        <v>54</v>
      </c>
      <c r="BS21" s="62">
        <v>115</v>
      </c>
      <c r="BT21" s="231"/>
      <c r="BU21" s="61">
        <v>132</v>
      </c>
      <c r="BV21" s="61">
        <v>120</v>
      </c>
      <c r="BW21" s="61">
        <v>85</v>
      </c>
      <c r="BX21" s="61">
        <v>78</v>
      </c>
      <c r="BY21" s="61">
        <v>27</v>
      </c>
      <c r="BZ21" s="62">
        <v>442</v>
      </c>
      <c r="CA21" s="63">
        <v>557</v>
      </c>
      <c r="CB21" s="60">
        <v>15</v>
      </c>
      <c r="CC21" s="61">
        <v>27</v>
      </c>
      <c r="CD21" s="62">
        <v>42</v>
      </c>
      <c r="CE21" s="231"/>
      <c r="CF21" s="61">
        <v>32</v>
      </c>
      <c r="CG21" s="61">
        <v>30</v>
      </c>
      <c r="CH21" s="61">
        <v>25</v>
      </c>
      <c r="CI21" s="61">
        <v>29</v>
      </c>
      <c r="CJ21" s="61">
        <v>26</v>
      </c>
      <c r="CK21" s="62">
        <v>142</v>
      </c>
      <c r="CL21" s="63">
        <v>184</v>
      </c>
      <c r="CM21" s="60">
        <v>443</v>
      </c>
      <c r="CN21" s="61">
        <v>491</v>
      </c>
      <c r="CO21" s="62">
        <v>934</v>
      </c>
      <c r="CP21" s="231"/>
      <c r="CQ21" s="61">
        <v>994</v>
      </c>
      <c r="CR21" s="61">
        <v>805</v>
      </c>
      <c r="CS21" s="61">
        <v>553</v>
      </c>
      <c r="CT21" s="61">
        <v>484</v>
      </c>
      <c r="CU21" s="61">
        <v>302</v>
      </c>
      <c r="CV21" s="62">
        <v>3138</v>
      </c>
      <c r="CW21" s="63">
        <v>4072</v>
      </c>
      <c r="CX21" s="113">
        <v>813</v>
      </c>
      <c r="CY21" s="72">
        <v>1073</v>
      </c>
      <c r="CZ21" s="73">
        <v>1886</v>
      </c>
      <c r="DA21" s="228"/>
      <c r="DB21" s="72">
        <v>1426</v>
      </c>
      <c r="DC21" s="72">
        <v>1258</v>
      </c>
      <c r="DD21" s="72">
        <v>972</v>
      </c>
      <c r="DE21" s="72">
        <v>1001</v>
      </c>
      <c r="DF21" s="72">
        <v>632</v>
      </c>
      <c r="DG21" s="74">
        <v>5289</v>
      </c>
      <c r="DH21" s="75">
        <v>7175</v>
      </c>
      <c r="DI21" s="60">
        <v>24</v>
      </c>
      <c r="DJ21" s="61">
        <v>29</v>
      </c>
      <c r="DK21" s="62">
        <v>53</v>
      </c>
      <c r="DL21" s="231"/>
      <c r="DM21" s="61">
        <v>36</v>
      </c>
      <c r="DN21" s="61">
        <v>21</v>
      </c>
      <c r="DO21" s="61">
        <v>20</v>
      </c>
      <c r="DP21" s="61">
        <v>23</v>
      </c>
      <c r="DQ21" s="61">
        <v>11</v>
      </c>
      <c r="DR21" s="62">
        <v>111</v>
      </c>
      <c r="DS21" s="63">
        <v>164</v>
      </c>
      <c r="DT21" s="60">
        <v>75</v>
      </c>
      <c r="DU21" s="61">
        <v>89</v>
      </c>
      <c r="DV21" s="62">
        <v>164</v>
      </c>
      <c r="DW21" s="231"/>
      <c r="DX21" s="61">
        <v>92</v>
      </c>
      <c r="DY21" s="61">
        <v>62</v>
      </c>
      <c r="DZ21" s="61">
        <v>44</v>
      </c>
      <c r="EA21" s="61">
        <v>49</v>
      </c>
      <c r="EB21" s="61">
        <v>40</v>
      </c>
      <c r="EC21" s="62">
        <v>287</v>
      </c>
      <c r="ED21" s="63">
        <v>451</v>
      </c>
      <c r="EE21" s="60">
        <v>133</v>
      </c>
      <c r="EF21" s="61">
        <v>175</v>
      </c>
      <c r="EG21" s="62">
        <v>308</v>
      </c>
      <c r="EH21" s="231"/>
      <c r="EI21" s="61">
        <v>202</v>
      </c>
      <c r="EJ21" s="61">
        <v>164</v>
      </c>
      <c r="EK21" s="61">
        <v>118</v>
      </c>
      <c r="EL21" s="61">
        <v>95</v>
      </c>
      <c r="EM21" s="61">
        <v>76</v>
      </c>
      <c r="EN21" s="62">
        <v>655</v>
      </c>
      <c r="EO21" s="63">
        <v>963</v>
      </c>
      <c r="EP21" s="60">
        <v>273</v>
      </c>
      <c r="EQ21" s="61">
        <v>327</v>
      </c>
      <c r="ER21" s="62">
        <v>600</v>
      </c>
      <c r="ES21" s="231"/>
      <c r="ET21" s="61">
        <v>361</v>
      </c>
      <c r="EU21" s="61">
        <v>313</v>
      </c>
      <c r="EV21" s="61">
        <v>205</v>
      </c>
      <c r="EW21" s="61">
        <v>203</v>
      </c>
      <c r="EX21" s="61">
        <v>120</v>
      </c>
      <c r="EY21" s="62">
        <v>1202</v>
      </c>
      <c r="EZ21" s="63">
        <v>1802</v>
      </c>
      <c r="FA21" s="60">
        <v>205</v>
      </c>
      <c r="FB21" s="61">
        <v>290</v>
      </c>
      <c r="FC21" s="62">
        <v>495</v>
      </c>
      <c r="FD21" s="231"/>
      <c r="FE21" s="61">
        <v>435</v>
      </c>
      <c r="FF21" s="61">
        <v>374</v>
      </c>
      <c r="FG21" s="61">
        <v>280</v>
      </c>
      <c r="FH21" s="61">
        <v>255</v>
      </c>
      <c r="FI21" s="61">
        <v>176</v>
      </c>
      <c r="FJ21" s="62">
        <v>1520</v>
      </c>
      <c r="FK21" s="63">
        <v>2015</v>
      </c>
      <c r="FL21" s="60">
        <v>103</v>
      </c>
      <c r="FM21" s="61">
        <v>163</v>
      </c>
      <c r="FN21" s="62">
        <v>266</v>
      </c>
      <c r="FO21" s="231"/>
      <c r="FP21" s="61">
        <v>300</v>
      </c>
      <c r="FQ21" s="61">
        <v>324</v>
      </c>
      <c r="FR21" s="61">
        <v>305</v>
      </c>
      <c r="FS21" s="61">
        <v>376</v>
      </c>
      <c r="FT21" s="61">
        <v>209</v>
      </c>
      <c r="FU21" s="62">
        <v>1514</v>
      </c>
      <c r="FV21" s="63">
        <v>1780</v>
      </c>
      <c r="FW21" s="60">
        <v>15</v>
      </c>
      <c r="FX21" s="61">
        <v>12</v>
      </c>
      <c r="FY21" s="62">
        <v>27</v>
      </c>
      <c r="FZ21" s="231"/>
      <c r="GA21" s="61">
        <v>26</v>
      </c>
      <c r="GB21" s="61">
        <v>31</v>
      </c>
      <c r="GC21" s="61">
        <v>11</v>
      </c>
      <c r="GD21" s="61">
        <v>16</v>
      </c>
      <c r="GE21" s="61">
        <v>16</v>
      </c>
      <c r="GF21" s="62">
        <v>100</v>
      </c>
      <c r="GG21" s="63">
        <v>127</v>
      </c>
      <c r="GH21" s="60">
        <v>828</v>
      </c>
      <c r="GI21" s="61">
        <v>1085</v>
      </c>
      <c r="GJ21" s="62">
        <v>1913</v>
      </c>
      <c r="GK21" s="231"/>
      <c r="GL21" s="61">
        <v>1452</v>
      </c>
      <c r="GM21" s="61">
        <v>1289</v>
      </c>
      <c r="GN21" s="61">
        <v>983</v>
      </c>
      <c r="GO21" s="61">
        <v>1017</v>
      </c>
      <c r="GP21" s="61">
        <v>648</v>
      </c>
      <c r="GQ21" s="62">
        <v>5389</v>
      </c>
      <c r="GR21" s="63">
        <v>7302</v>
      </c>
      <c r="GS21" s="113">
        <v>1241</v>
      </c>
      <c r="GT21" s="72">
        <v>1537</v>
      </c>
      <c r="GU21" s="73">
        <v>2778</v>
      </c>
      <c r="GV21" s="228"/>
      <c r="GW21" s="72">
        <v>2388</v>
      </c>
      <c r="GX21" s="72">
        <v>2033</v>
      </c>
      <c r="GY21" s="72">
        <v>1500</v>
      </c>
      <c r="GZ21" s="72">
        <v>1456</v>
      </c>
      <c r="HA21" s="72">
        <v>908</v>
      </c>
      <c r="HB21" s="74">
        <v>8285</v>
      </c>
      <c r="HC21" s="75">
        <v>11063</v>
      </c>
      <c r="HD21" s="60">
        <v>48</v>
      </c>
      <c r="HE21" s="61">
        <v>50</v>
      </c>
      <c r="HF21" s="62">
        <v>98</v>
      </c>
      <c r="HG21" s="231"/>
      <c r="HH21" s="61">
        <v>90</v>
      </c>
      <c r="HI21" s="61">
        <v>69</v>
      </c>
      <c r="HJ21" s="61">
        <v>52</v>
      </c>
      <c r="HK21" s="61">
        <v>54</v>
      </c>
      <c r="HL21" s="61">
        <v>35</v>
      </c>
      <c r="HM21" s="62">
        <v>300</v>
      </c>
      <c r="HN21" s="63">
        <v>398</v>
      </c>
      <c r="HO21" s="60">
        <v>124</v>
      </c>
      <c r="HP21" s="61">
        <v>147</v>
      </c>
      <c r="HQ21" s="62">
        <v>271</v>
      </c>
      <c r="HR21" s="231"/>
      <c r="HS21" s="61">
        <v>193</v>
      </c>
      <c r="HT21" s="61">
        <v>153</v>
      </c>
      <c r="HU21" s="61">
        <v>98</v>
      </c>
      <c r="HV21" s="61">
        <v>100</v>
      </c>
      <c r="HW21" s="61">
        <v>75</v>
      </c>
      <c r="HX21" s="62">
        <v>619</v>
      </c>
      <c r="HY21" s="63">
        <v>890</v>
      </c>
      <c r="HZ21" s="60">
        <v>204</v>
      </c>
      <c r="IA21" s="61">
        <v>256</v>
      </c>
      <c r="IB21" s="62">
        <v>460</v>
      </c>
      <c r="IC21" s="231"/>
      <c r="ID21" s="61">
        <v>350</v>
      </c>
      <c r="IE21" s="61">
        <v>294</v>
      </c>
      <c r="IF21" s="61">
        <v>217</v>
      </c>
      <c r="IG21" s="61">
        <v>173</v>
      </c>
      <c r="IH21" s="61">
        <v>127</v>
      </c>
      <c r="II21" s="62">
        <v>1161</v>
      </c>
      <c r="IJ21" s="63">
        <v>1621</v>
      </c>
      <c r="IK21" s="60">
        <v>377</v>
      </c>
      <c r="IL21" s="61">
        <v>458</v>
      </c>
      <c r="IM21" s="62">
        <v>835</v>
      </c>
      <c r="IN21" s="231"/>
      <c r="IO21" s="61">
        <v>633</v>
      </c>
      <c r="IP21" s="61">
        <v>514</v>
      </c>
      <c r="IQ21" s="61">
        <v>332</v>
      </c>
      <c r="IR21" s="61">
        <v>320</v>
      </c>
      <c r="IS21" s="61">
        <v>201</v>
      </c>
      <c r="IT21" s="62">
        <v>2000</v>
      </c>
      <c r="IU21" s="63">
        <v>2835</v>
      </c>
      <c r="IV21" s="60">
        <v>324</v>
      </c>
      <c r="IW21" s="61">
        <v>409</v>
      </c>
      <c r="IX21" s="62">
        <v>733</v>
      </c>
      <c r="IY21" s="231"/>
      <c r="IZ21" s="61">
        <v>690</v>
      </c>
      <c r="JA21" s="61">
        <v>559</v>
      </c>
      <c r="JB21" s="61">
        <v>411</v>
      </c>
      <c r="JC21" s="61">
        <v>355</v>
      </c>
      <c r="JD21" s="61">
        <v>234</v>
      </c>
      <c r="JE21" s="62">
        <v>2249</v>
      </c>
      <c r="JF21" s="63">
        <v>2982</v>
      </c>
      <c r="JG21" s="60">
        <v>164</v>
      </c>
      <c r="JH21" s="61">
        <v>217</v>
      </c>
      <c r="JI21" s="62">
        <v>381</v>
      </c>
      <c r="JJ21" s="231"/>
      <c r="JK21" s="61">
        <v>432</v>
      </c>
      <c r="JL21" s="61">
        <v>444</v>
      </c>
      <c r="JM21" s="61">
        <v>390</v>
      </c>
      <c r="JN21" s="61">
        <v>454</v>
      </c>
      <c r="JO21" s="61">
        <v>236</v>
      </c>
      <c r="JP21" s="62">
        <v>1956</v>
      </c>
      <c r="JQ21" s="63">
        <v>2337</v>
      </c>
      <c r="JR21" s="60">
        <v>30</v>
      </c>
      <c r="JS21" s="61">
        <v>39</v>
      </c>
      <c r="JT21" s="62">
        <v>69</v>
      </c>
      <c r="JU21" s="231"/>
      <c r="JV21" s="61">
        <v>58</v>
      </c>
      <c r="JW21" s="61">
        <v>61</v>
      </c>
      <c r="JX21" s="61">
        <v>36</v>
      </c>
      <c r="JY21" s="61">
        <v>45</v>
      </c>
      <c r="JZ21" s="61">
        <v>42</v>
      </c>
      <c r="KA21" s="62">
        <v>242</v>
      </c>
      <c r="KB21" s="63">
        <v>311</v>
      </c>
      <c r="KC21" s="60">
        <v>1271</v>
      </c>
      <c r="KD21" s="61">
        <v>1576</v>
      </c>
      <c r="KE21" s="62">
        <v>2847</v>
      </c>
      <c r="KF21" s="231"/>
      <c r="KG21" s="61">
        <v>2446</v>
      </c>
      <c r="KH21" s="61">
        <v>2094</v>
      </c>
      <c r="KI21" s="61">
        <v>1536</v>
      </c>
      <c r="KJ21" s="61">
        <v>1501</v>
      </c>
      <c r="KK21" s="61">
        <v>950</v>
      </c>
      <c r="KL21" s="62">
        <v>8527</v>
      </c>
      <c r="KM21" s="63">
        <v>11374</v>
      </c>
    </row>
    <row r="22" spans="2:299" ht="21" customHeight="1" x14ac:dyDescent="0.2">
      <c r="B22" s="472" t="s">
        <v>19</v>
      </c>
      <c r="C22" s="293">
        <v>193</v>
      </c>
      <c r="D22" s="72">
        <v>165</v>
      </c>
      <c r="E22" s="73">
        <v>358</v>
      </c>
      <c r="F22" s="228"/>
      <c r="G22" s="72">
        <v>401</v>
      </c>
      <c r="H22" s="72">
        <v>321</v>
      </c>
      <c r="I22" s="72">
        <v>212</v>
      </c>
      <c r="J22" s="72">
        <v>141</v>
      </c>
      <c r="K22" s="72">
        <v>108</v>
      </c>
      <c r="L22" s="74">
        <v>1183</v>
      </c>
      <c r="M22" s="75">
        <v>1541</v>
      </c>
      <c r="N22" s="76">
        <v>5</v>
      </c>
      <c r="O22" s="61">
        <v>10</v>
      </c>
      <c r="P22" s="62">
        <v>15</v>
      </c>
      <c r="Q22" s="231"/>
      <c r="R22" s="61">
        <v>17</v>
      </c>
      <c r="S22" s="61">
        <v>11</v>
      </c>
      <c r="T22" s="61">
        <v>9</v>
      </c>
      <c r="U22" s="61">
        <v>8</v>
      </c>
      <c r="V22" s="61">
        <v>5</v>
      </c>
      <c r="W22" s="62">
        <v>50</v>
      </c>
      <c r="X22" s="63">
        <v>65</v>
      </c>
      <c r="Y22" s="60">
        <v>22</v>
      </c>
      <c r="Z22" s="61">
        <v>20</v>
      </c>
      <c r="AA22" s="62">
        <v>42</v>
      </c>
      <c r="AB22" s="231"/>
      <c r="AC22" s="61">
        <v>45</v>
      </c>
      <c r="AD22" s="61">
        <v>45</v>
      </c>
      <c r="AE22" s="61">
        <v>20</v>
      </c>
      <c r="AF22" s="61">
        <v>15</v>
      </c>
      <c r="AG22" s="61">
        <v>17</v>
      </c>
      <c r="AH22" s="62">
        <v>142</v>
      </c>
      <c r="AI22" s="63">
        <v>184</v>
      </c>
      <c r="AJ22" s="76">
        <v>30</v>
      </c>
      <c r="AK22" s="61">
        <v>26</v>
      </c>
      <c r="AL22" s="62">
        <v>56</v>
      </c>
      <c r="AM22" s="231"/>
      <c r="AN22" s="61">
        <v>61</v>
      </c>
      <c r="AO22" s="61">
        <v>53</v>
      </c>
      <c r="AP22" s="61">
        <v>40</v>
      </c>
      <c r="AQ22" s="61">
        <v>35</v>
      </c>
      <c r="AR22" s="61">
        <v>13</v>
      </c>
      <c r="AS22" s="62">
        <v>202</v>
      </c>
      <c r="AT22" s="63">
        <v>258</v>
      </c>
      <c r="AU22" s="60">
        <v>48</v>
      </c>
      <c r="AV22" s="61">
        <v>33</v>
      </c>
      <c r="AW22" s="62">
        <v>81</v>
      </c>
      <c r="AX22" s="231"/>
      <c r="AY22" s="61">
        <v>97</v>
      </c>
      <c r="AZ22" s="61">
        <v>78</v>
      </c>
      <c r="BA22" s="61">
        <v>65</v>
      </c>
      <c r="BB22" s="61">
        <v>23</v>
      </c>
      <c r="BC22" s="61">
        <v>35</v>
      </c>
      <c r="BD22" s="62">
        <v>298</v>
      </c>
      <c r="BE22" s="63">
        <v>379</v>
      </c>
      <c r="BF22" s="76">
        <v>54</v>
      </c>
      <c r="BG22" s="61">
        <v>41</v>
      </c>
      <c r="BH22" s="62">
        <v>95</v>
      </c>
      <c r="BI22" s="231"/>
      <c r="BJ22" s="61">
        <v>112</v>
      </c>
      <c r="BK22" s="61">
        <v>81</v>
      </c>
      <c r="BL22" s="61">
        <v>39</v>
      </c>
      <c r="BM22" s="61">
        <v>40</v>
      </c>
      <c r="BN22" s="61">
        <v>28</v>
      </c>
      <c r="BO22" s="62">
        <v>300</v>
      </c>
      <c r="BP22" s="63">
        <v>395</v>
      </c>
      <c r="BQ22" s="60">
        <v>34</v>
      </c>
      <c r="BR22" s="61">
        <v>35</v>
      </c>
      <c r="BS22" s="62">
        <v>69</v>
      </c>
      <c r="BT22" s="231"/>
      <c r="BU22" s="61">
        <v>69</v>
      </c>
      <c r="BV22" s="61">
        <v>53</v>
      </c>
      <c r="BW22" s="61">
        <v>39</v>
      </c>
      <c r="BX22" s="61">
        <v>20</v>
      </c>
      <c r="BY22" s="61">
        <v>10</v>
      </c>
      <c r="BZ22" s="62">
        <v>191</v>
      </c>
      <c r="CA22" s="63">
        <v>260</v>
      </c>
      <c r="CB22" s="60">
        <v>7</v>
      </c>
      <c r="CC22" s="61">
        <v>8</v>
      </c>
      <c r="CD22" s="62">
        <v>15</v>
      </c>
      <c r="CE22" s="231"/>
      <c r="CF22" s="61">
        <v>14</v>
      </c>
      <c r="CG22" s="61">
        <v>11</v>
      </c>
      <c r="CH22" s="61">
        <v>10</v>
      </c>
      <c r="CI22" s="61">
        <v>8</v>
      </c>
      <c r="CJ22" s="61">
        <v>7</v>
      </c>
      <c r="CK22" s="62">
        <v>50</v>
      </c>
      <c r="CL22" s="63">
        <v>65</v>
      </c>
      <c r="CM22" s="60">
        <v>200</v>
      </c>
      <c r="CN22" s="61">
        <v>173</v>
      </c>
      <c r="CO22" s="62">
        <v>373</v>
      </c>
      <c r="CP22" s="231"/>
      <c r="CQ22" s="61">
        <v>415</v>
      </c>
      <c r="CR22" s="61">
        <v>332</v>
      </c>
      <c r="CS22" s="61">
        <v>222</v>
      </c>
      <c r="CT22" s="61">
        <v>149</v>
      </c>
      <c r="CU22" s="61">
        <v>115</v>
      </c>
      <c r="CV22" s="62">
        <v>1233</v>
      </c>
      <c r="CW22" s="63">
        <v>1606</v>
      </c>
      <c r="CX22" s="113">
        <v>353</v>
      </c>
      <c r="CY22" s="72">
        <v>404</v>
      </c>
      <c r="CZ22" s="73">
        <v>757</v>
      </c>
      <c r="DA22" s="228"/>
      <c r="DB22" s="72">
        <v>643</v>
      </c>
      <c r="DC22" s="72">
        <v>501</v>
      </c>
      <c r="DD22" s="72">
        <v>441</v>
      </c>
      <c r="DE22" s="72">
        <v>353</v>
      </c>
      <c r="DF22" s="72">
        <v>251</v>
      </c>
      <c r="DG22" s="74">
        <v>2189</v>
      </c>
      <c r="DH22" s="75">
        <v>2946</v>
      </c>
      <c r="DI22" s="76">
        <v>8</v>
      </c>
      <c r="DJ22" s="61">
        <v>11</v>
      </c>
      <c r="DK22" s="62">
        <v>19</v>
      </c>
      <c r="DL22" s="231"/>
      <c r="DM22" s="61">
        <v>12</v>
      </c>
      <c r="DN22" s="61">
        <v>13</v>
      </c>
      <c r="DO22" s="61">
        <v>7</v>
      </c>
      <c r="DP22" s="61">
        <v>3</v>
      </c>
      <c r="DQ22" s="61">
        <v>2</v>
      </c>
      <c r="DR22" s="62">
        <v>37</v>
      </c>
      <c r="DS22" s="63">
        <v>56</v>
      </c>
      <c r="DT22" s="60">
        <v>25</v>
      </c>
      <c r="DU22" s="61">
        <v>36</v>
      </c>
      <c r="DV22" s="62">
        <v>61</v>
      </c>
      <c r="DW22" s="231"/>
      <c r="DX22" s="61">
        <v>46</v>
      </c>
      <c r="DY22" s="61">
        <v>22</v>
      </c>
      <c r="DZ22" s="61">
        <v>22</v>
      </c>
      <c r="EA22" s="61">
        <v>16</v>
      </c>
      <c r="EB22" s="61">
        <v>18</v>
      </c>
      <c r="EC22" s="62">
        <v>124</v>
      </c>
      <c r="ED22" s="63">
        <v>185</v>
      </c>
      <c r="EE22" s="76">
        <v>58</v>
      </c>
      <c r="EF22" s="61">
        <v>60</v>
      </c>
      <c r="EG22" s="62">
        <v>118</v>
      </c>
      <c r="EH22" s="231"/>
      <c r="EI22" s="61">
        <v>84</v>
      </c>
      <c r="EJ22" s="61">
        <v>56</v>
      </c>
      <c r="EK22" s="61">
        <v>37</v>
      </c>
      <c r="EL22" s="61">
        <v>37</v>
      </c>
      <c r="EM22" s="61">
        <v>29</v>
      </c>
      <c r="EN22" s="62">
        <v>243</v>
      </c>
      <c r="EO22" s="63">
        <v>361</v>
      </c>
      <c r="EP22" s="60">
        <v>108</v>
      </c>
      <c r="EQ22" s="61">
        <v>99</v>
      </c>
      <c r="ER22" s="62">
        <v>207</v>
      </c>
      <c r="ES22" s="231"/>
      <c r="ET22" s="61">
        <v>157</v>
      </c>
      <c r="EU22" s="61">
        <v>125</v>
      </c>
      <c r="EV22" s="61">
        <v>98</v>
      </c>
      <c r="EW22" s="61">
        <v>69</v>
      </c>
      <c r="EX22" s="61">
        <v>41</v>
      </c>
      <c r="EY22" s="62">
        <v>490</v>
      </c>
      <c r="EZ22" s="63">
        <v>697</v>
      </c>
      <c r="FA22" s="76">
        <v>106</v>
      </c>
      <c r="FB22" s="61">
        <v>114</v>
      </c>
      <c r="FC22" s="62">
        <v>220</v>
      </c>
      <c r="FD22" s="231"/>
      <c r="FE22" s="61">
        <v>182</v>
      </c>
      <c r="FF22" s="61">
        <v>145</v>
      </c>
      <c r="FG22" s="61">
        <v>122</v>
      </c>
      <c r="FH22" s="61">
        <v>81</v>
      </c>
      <c r="FI22" s="61">
        <v>57</v>
      </c>
      <c r="FJ22" s="62">
        <v>587</v>
      </c>
      <c r="FK22" s="63">
        <v>807</v>
      </c>
      <c r="FL22" s="60">
        <v>48</v>
      </c>
      <c r="FM22" s="61">
        <v>84</v>
      </c>
      <c r="FN22" s="62">
        <v>132</v>
      </c>
      <c r="FO22" s="231"/>
      <c r="FP22" s="61">
        <v>162</v>
      </c>
      <c r="FQ22" s="61">
        <v>140</v>
      </c>
      <c r="FR22" s="61">
        <v>155</v>
      </c>
      <c r="FS22" s="61">
        <v>147</v>
      </c>
      <c r="FT22" s="61">
        <v>104</v>
      </c>
      <c r="FU22" s="62">
        <v>708</v>
      </c>
      <c r="FV22" s="63">
        <v>840</v>
      </c>
      <c r="FW22" s="60">
        <v>4</v>
      </c>
      <c r="FX22" s="61">
        <v>5</v>
      </c>
      <c r="FY22" s="62">
        <v>9</v>
      </c>
      <c r="FZ22" s="231"/>
      <c r="GA22" s="61">
        <v>5</v>
      </c>
      <c r="GB22" s="61">
        <v>11</v>
      </c>
      <c r="GC22" s="61">
        <v>4</v>
      </c>
      <c r="GD22" s="61">
        <v>4</v>
      </c>
      <c r="GE22" s="61">
        <v>6</v>
      </c>
      <c r="GF22" s="62">
        <v>30</v>
      </c>
      <c r="GG22" s="63">
        <v>39</v>
      </c>
      <c r="GH22" s="60">
        <v>357</v>
      </c>
      <c r="GI22" s="61">
        <v>409</v>
      </c>
      <c r="GJ22" s="62">
        <v>766</v>
      </c>
      <c r="GK22" s="231"/>
      <c r="GL22" s="61">
        <v>648</v>
      </c>
      <c r="GM22" s="61">
        <v>512</v>
      </c>
      <c r="GN22" s="61">
        <v>445</v>
      </c>
      <c r="GO22" s="61">
        <v>357</v>
      </c>
      <c r="GP22" s="61">
        <v>257</v>
      </c>
      <c r="GQ22" s="62">
        <v>2219</v>
      </c>
      <c r="GR22" s="63">
        <v>2985</v>
      </c>
      <c r="GS22" s="113">
        <v>546</v>
      </c>
      <c r="GT22" s="72">
        <v>569</v>
      </c>
      <c r="GU22" s="73">
        <v>1115</v>
      </c>
      <c r="GV22" s="228"/>
      <c r="GW22" s="72">
        <v>1044</v>
      </c>
      <c r="GX22" s="72">
        <v>822</v>
      </c>
      <c r="GY22" s="72">
        <v>653</v>
      </c>
      <c r="GZ22" s="72">
        <v>494</v>
      </c>
      <c r="HA22" s="72">
        <v>359</v>
      </c>
      <c r="HB22" s="74">
        <v>3372</v>
      </c>
      <c r="HC22" s="75">
        <v>4487</v>
      </c>
      <c r="HD22" s="76">
        <v>13</v>
      </c>
      <c r="HE22" s="61">
        <v>21</v>
      </c>
      <c r="HF22" s="62">
        <v>34</v>
      </c>
      <c r="HG22" s="231"/>
      <c r="HH22" s="61">
        <v>29</v>
      </c>
      <c r="HI22" s="61">
        <v>24</v>
      </c>
      <c r="HJ22" s="61">
        <v>16</v>
      </c>
      <c r="HK22" s="61">
        <v>11</v>
      </c>
      <c r="HL22" s="61">
        <v>7</v>
      </c>
      <c r="HM22" s="62">
        <v>87</v>
      </c>
      <c r="HN22" s="63">
        <v>121</v>
      </c>
      <c r="HO22" s="60">
        <v>47</v>
      </c>
      <c r="HP22" s="61">
        <v>56</v>
      </c>
      <c r="HQ22" s="62">
        <v>103</v>
      </c>
      <c r="HR22" s="231"/>
      <c r="HS22" s="61">
        <v>91</v>
      </c>
      <c r="HT22" s="61">
        <v>67</v>
      </c>
      <c r="HU22" s="61">
        <v>42</v>
      </c>
      <c r="HV22" s="61">
        <v>31</v>
      </c>
      <c r="HW22" s="61">
        <v>35</v>
      </c>
      <c r="HX22" s="62">
        <v>266</v>
      </c>
      <c r="HY22" s="63">
        <v>369</v>
      </c>
      <c r="HZ22" s="76">
        <v>88</v>
      </c>
      <c r="IA22" s="61">
        <v>86</v>
      </c>
      <c r="IB22" s="62">
        <v>174</v>
      </c>
      <c r="IC22" s="231"/>
      <c r="ID22" s="61">
        <v>145</v>
      </c>
      <c r="IE22" s="61">
        <v>109</v>
      </c>
      <c r="IF22" s="61">
        <v>77</v>
      </c>
      <c r="IG22" s="61">
        <v>72</v>
      </c>
      <c r="IH22" s="61">
        <v>42</v>
      </c>
      <c r="II22" s="62">
        <v>445</v>
      </c>
      <c r="IJ22" s="63">
        <v>619</v>
      </c>
      <c r="IK22" s="60">
        <v>156</v>
      </c>
      <c r="IL22" s="61">
        <v>132</v>
      </c>
      <c r="IM22" s="62">
        <v>288</v>
      </c>
      <c r="IN22" s="231"/>
      <c r="IO22" s="61">
        <v>254</v>
      </c>
      <c r="IP22" s="61">
        <v>203</v>
      </c>
      <c r="IQ22" s="61">
        <v>163</v>
      </c>
      <c r="IR22" s="61">
        <v>92</v>
      </c>
      <c r="IS22" s="61">
        <v>76</v>
      </c>
      <c r="IT22" s="62">
        <v>788</v>
      </c>
      <c r="IU22" s="63">
        <v>1076</v>
      </c>
      <c r="IV22" s="76">
        <v>160</v>
      </c>
      <c r="IW22" s="61">
        <v>155</v>
      </c>
      <c r="IX22" s="62">
        <v>315</v>
      </c>
      <c r="IY22" s="231"/>
      <c r="IZ22" s="61">
        <v>294</v>
      </c>
      <c r="JA22" s="61">
        <v>226</v>
      </c>
      <c r="JB22" s="61">
        <v>161</v>
      </c>
      <c r="JC22" s="61">
        <v>121</v>
      </c>
      <c r="JD22" s="61">
        <v>85</v>
      </c>
      <c r="JE22" s="62">
        <v>887</v>
      </c>
      <c r="JF22" s="63">
        <v>1202</v>
      </c>
      <c r="JG22" s="60">
        <v>82</v>
      </c>
      <c r="JH22" s="61">
        <v>119</v>
      </c>
      <c r="JI22" s="62">
        <v>201</v>
      </c>
      <c r="JJ22" s="231"/>
      <c r="JK22" s="61">
        <v>231</v>
      </c>
      <c r="JL22" s="61">
        <v>193</v>
      </c>
      <c r="JM22" s="61">
        <v>194</v>
      </c>
      <c r="JN22" s="61">
        <v>167</v>
      </c>
      <c r="JO22" s="61">
        <v>114</v>
      </c>
      <c r="JP22" s="62">
        <v>899</v>
      </c>
      <c r="JQ22" s="63">
        <v>1100</v>
      </c>
      <c r="JR22" s="60">
        <v>11</v>
      </c>
      <c r="JS22" s="61">
        <v>13</v>
      </c>
      <c r="JT22" s="62">
        <v>24</v>
      </c>
      <c r="JU22" s="231"/>
      <c r="JV22" s="61">
        <v>19</v>
      </c>
      <c r="JW22" s="61">
        <v>22</v>
      </c>
      <c r="JX22" s="61">
        <v>14</v>
      </c>
      <c r="JY22" s="61">
        <v>12</v>
      </c>
      <c r="JZ22" s="61">
        <v>13</v>
      </c>
      <c r="KA22" s="62">
        <v>80</v>
      </c>
      <c r="KB22" s="63">
        <v>104</v>
      </c>
      <c r="KC22" s="60">
        <v>557</v>
      </c>
      <c r="KD22" s="61">
        <v>582</v>
      </c>
      <c r="KE22" s="62">
        <v>1139</v>
      </c>
      <c r="KF22" s="231"/>
      <c r="KG22" s="61">
        <v>1063</v>
      </c>
      <c r="KH22" s="61">
        <v>844</v>
      </c>
      <c r="KI22" s="61">
        <v>667</v>
      </c>
      <c r="KJ22" s="61">
        <v>506</v>
      </c>
      <c r="KK22" s="61">
        <v>372</v>
      </c>
      <c r="KL22" s="62">
        <v>3452</v>
      </c>
      <c r="KM22" s="63">
        <v>4591</v>
      </c>
    </row>
    <row r="23" spans="2:299" ht="21" customHeight="1" x14ac:dyDescent="0.2">
      <c r="B23" s="472" t="s">
        <v>20</v>
      </c>
      <c r="C23" s="293">
        <v>282</v>
      </c>
      <c r="D23" s="72">
        <v>331</v>
      </c>
      <c r="E23" s="73">
        <v>613</v>
      </c>
      <c r="F23" s="228"/>
      <c r="G23" s="72">
        <v>569</v>
      </c>
      <c r="H23" s="72">
        <v>354</v>
      </c>
      <c r="I23" s="72">
        <v>281</v>
      </c>
      <c r="J23" s="72">
        <v>228</v>
      </c>
      <c r="K23" s="72">
        <v>122</v>
      </c>
      <c r="L23" s="74">
        <v>1554</v>
      </c>
      <c r="M23" s="75">
        <v>2167</v>
      </c>
      <c r="N23" s="60">
        <v>10</v>
      </c>
      <c r="O23" s="61">
        <v>7</v>
      </c>
      <c r="P23" s="62">
        <v>17</v>
      </c>
      <c r="Q23" s="231"/>
      <c r="R23" s="61">
        <v>24</v>
      </c>
      <c r="S23" s="61">
        <v>15</v>
      </c>
      <c r="T23" s="61">
        <v>14</v>
      </c>
      <c r="U23" s="61">
        <v>11</v>
      </c>
      <c r="V23" s="61">
        <v>6</v>
      </c>
      <c r="W23" s="62">
        <v>70</v>
      </c>
      <c r="X23" s="63">
        <v>87</v>
      </c>
      <c r="Y23" s="60">
        <v>24</v>
      </c>
      <c r="Z23" s="61">
        <v>26</v>
      </c>
      <c r="AA23" s="62">
        <v>50</v>
      </c>
      <c r="AB23" s="231"/>
      <c r="AC23" s="61">
        <v>56</v>
      </c>
      <c r="AD23" s="61">
        <v>43</v>
      </c>
      <c r="AE23" s="61">
        <v>39</v>
      </c>
      <c r="AF23" s="61">
        <v>31</v>
      </c>
      <c r="AG23" s="61">
        <v>19</v>
      </c>
      <c r="AH23" s="62">
        <v>188</v>
      </c>
      <c r="AI23" s="63">
        <v>238</v>
      </c>
      <c r="AJ23" s="60">
        <v>54</v>
      </c>
      <c r="AK23" s="61">
        <v>61</v>
      </c>
      <c r="AL23" s="62">
        <v>115</v>
      </c>
      <c r="AM23" s="231"/>
      <c r="AN23" s="61">
        <v>75</v>
      </c>
      <c r="AO23" s="61">
        <v>61</v>
      </c>
      <c r="AP23" s="61">
        <v>43</v>
      </c>
      <c r="AQ23" s="61">
        <v>43</v>
      </c>
      <c r="AR23" s="61">
        <v>26</v>
      </c>
      <c r="AS23" s="62">
        <v>248</v>
      </c>
      <c r="AT23" s="63">
        <v>363</v>
      </c>
      <c r="AU23" s="60">
        <v>88</v>
      </c>
      <c r="AV23" s="61">
        <v>93</v>
      </c>
      <c r="AW23" s="62">
        <v>181</v>
      </c>
      <c r="AX23" s="231"/>
      <c r="AY23" s="61">
        <v>169</v>
      </c>
      <c r="AZ23" s="61">
        <v>94</v>
      </c>
      <c r="BA23" s="61">
        <v>83</v>
      </c>
      <c r="BB23" s="61">
        <v>58</v>
      </c>
      <c r="BC23" s="61">
        <v>28</v>
      </c>
      <c r="BD23" s="62">
        <v>432</v>
      </c>
      <c r="BE23" s="63">
        <v>613</v>
      </c>
      <c r="BF23" s="60">
        <v>74</v>
      </c>
      <c r="BG23" s="61">
        <v>99</v>
      </c>
      <c r="BH23" s="62">
        <v>173</v>
      </c>
      <c r="BI23" s="231"/>
      <c r="BJ23" s="61">
        <v>159</v>
      </c>
      <c r="BK23" s="61">
        <v>81</v>
      </c>
      <c r="BL23" s="61">
        <v>69</v>
      </c>
      <c r="BM23" s="61">
        <v>56</v>
      </c>
      <c r="BN23" s="61">
        <v>24</v>
      </c>
      <c r="BO23" s="62">
        <v>389</v>
      </c>
      <c r="BP23" s="63">
        <v>562</v>
      </c>
      <c r="BQ23" s="60">
        <v>32</v>
      </c>
      <c r="BR23" s="61">
        <v>45</v>
      </c>
      <c r="BS23" s="62">
        <v>77</v>
      </c>
      <c r="BT23" s="231"/>
      <c r="BU23" s="61">
        <v>86</v>
      </c>
      <c r="BV23" s="61">
        <v>60</v>
      </c>
      <c r="BW23" s="61">
        <v>33</v>
      </c>
      <c r="BX23" s="61">
        <v>29</v>
      </c>
      <c r="BY23" s="61">
        <v>19</v>
      </c>
      <c r="BZ23" s="62">
        <v>227</v>
      </c>
      <c r="CA23" s="63">
        <v>304</v>
      </c>
      <c r="CB23" s="60">
        <v>9</v>
      </c>
      <c r="CC23" s="61">
        <v>13</v>
      </c>
      <c r="CD23" s="62">
        <v>22</v>
      </c>
      <c r="CE23" s="231"/>
      <c r="CF23" s="61">
        <v>22</v>
      </c>
      <c r="CG23" s="61">
        <v>15</v>
      </c>
      <c r="CH23" s="61">
        <v>12</v>
      </c>
      <c r="CI23" s="61">
        <v>9</v>
      </c>
      <c r="CJ23" s="61">
        <v>11</v>
      </c>
      <c r="CK23" s="62">
        <v>69</v>
      </c>
      <c r="CL23" s="63">
        <v>91</v>
      </c>
      <c r="CM23" s="60">
        <v>291</v>
      </c>
      <c r="CN23" s="61">
        <v>344</v>
      </c>
      <c r="CO23" s="62">
        <v>635</v>
      </c>
      <c r="CP23" s="231"/>
      <c r="CQ23" s="61">
        <v>591</v>
      </c>
      <c r="CR23" s="61">
        <v>369</v>
      </c>
      <c r="CS23" s="61">
        <v>293</v>
      </c>
      <c r="CT23" s="61">
        <v>237</v>
      </c>
      <c r="CU23" s="61">
        <v>133</v>
      </c>
      <c r="CV23" s="62">
        <v>1623</v>
      </c>
      <c r="CW23" s="63">
        <v>2258</v>
      </c>
      <c r="CX23" s="113">
        <v>470</v>
      </c>
      <c r="CY23" s="72">
        <v>619</v>
      </c>
      <c r="CZ23" s="73">
        <v>1089</v>
      </c>
      <c r="DA23" s="228"/>
      <c r="DB23" s="72">
        <v>873</v>
      </c>
      <c r="DC23" s="72">
        <v>578</v>
      </c>
      <c r="DD23" s="72">
        <v>466</v>
      </c>
      <c r="DE23" s="72">
        <v>453</v>
      </c>
      <c r="DF23" s="72">
        <v>274</v>
      </c>
      <c r="DG23" s="74">
        <v>2644</v>
      </c>
      <c r="DH23" s="75">
        <v>3733</v>
      </c>
      <c r="DI23" s="60">
        <v>10</v>
      </c>
      <c r="DJ23" s="61">
        <v>14</v>
      </c>
      <c r="DK23" s="62">
        <v>24</v>
      </c>
      <c r="DL23" s="231"/>
      <c r="DM23" s="61">
        <v>23</v>
      </c>
      <c r="DN23" s="61">
        <v>15</v>
      </c>
      <c r="DO23" s="61">
        <v>7</v>
      </c>
      <c r="DP23" s="61">
        <v>7</v>
      </c>
      <c r="DQ23" s="61">
        <v>6</v>
      </c>
      <c r="DR23" s="62">
        <v>58</v>
      </c>
      <c r="DS23" s="63">
        <v>82</v>
      </c>
      <c r="DT23" s="60">
        <v>36</v>
      </c>
      <c r="DU23" s="61">
        <v>44</v>
      </c>
      <c r="DV23" s="62">
        <v>80</v>
      </c>
      <c r="DW23" s="231"/>
      <c r="DX23" s="61">
        <v>63</v>
      </c>
      <c r="DY23" s="61">
        <v>32</v>
      </c>
      <c r="DZ23" s="61">
        <v>29</v>
      </c>
      <c r="EA23" s="61">
        <v>28</v>
      </c>
      <c r="EB23" s="61">
        <v>17</v>
      </c>
      <c r="EC23" s="62">
        <v>169</v>
      </c>
      <c r="ED23" s="63">
        <v>249</v>
      </c>
      <c r="EE23" s="60">
        <v>79</v>
      </c>
      <c r="EF23" s="61">
        <v>94</v>
      </c>
      <c r="EG23" s="62">
        <v>173</v>
      </c>
      <c r="EH23" s="231"/>
      <c r="EI23" s="61">
        <v>146</v>
      </c>
      <c r="EJ23" s="61">
        <v>72</v>
      </c>
      <c r="EK23" s="61">
        <v>39</v>
      </c>
      <c r="EL23" s="61">
        <v>30</v>
      </c>
      <c r="EM23" s="61">
        <v>35</v>
      </c>
      <c r="EN23" s="62">
        <v>322</v>
      </c>
      <c r="EO23" s="63">
        <v>495</v>
      </c>
      <c r="EP23" s="60">
        <v>175</v>
      </c>
      <c r="EQ23" s="61">
        <v>181</v>
      </c>
      <c r="ER23" s="62">
        <v>356</v>
      </c>
      <c r="ES23" s="231"/>
      <c r="ET23" s="61">
        <v>196</v>
      </c>
      <c r="EU23" s="61">
        <v>127</v>
      </c>
      <c r="EV23" s="61">
        <v>103</v>
      </c>
      <c r="EW23" s="61">
        <v>80</v>
      </c>
      <c r="EX23" s="61">
        <v>58</v>
      </c>
      <c r="EY23" s="62">
        <v>564</v>
      </c>
      <c r="EZ23" s="63">
        <v>920</v>
      </c>
      <c r="FA23" s="60">
        <v>124</v>
      </c>
      <c r="FB23" s="61">
        <v>171</v>
      </c>
      <c r="FC23" s="62">
        <v>295</v>
      </c>
      <c r="FD23" s="231"/>
      <c r="FE23" s="61">
        <v>246</v>
      </c>
      <c r="FF23" s="61">
        <v>161</v>
      </c>
      <c r="FG23" s="61">
        <v>119</v>
      </c>
      <c r="FH23" s="61">
        <v>121</v>
      </c>
      <c r="FI23" s="61">
        <v>67</v>
      </c>
      <c r="FJ23" s="62">
        <v>714</v>
      </c>
      <c r="FK23" s="63">
        <v>1009</v>
      </c>
      <c r="FL23" s="60">
        <v>46</v>
      </c>
      <c r="FM23" s="61">
        <v>115</v>
      </c>
      <c r="FN23" s="62">
        <v>161</v>
      </c>
      <c r="FO23" s="231"/>
      <c r="FP23" s="61">
        <v>199</v>
      </c>
      <c r="FQ23" s="61">
        <v>171</v>
      </c>
      <c r="FR23" s="61">
        <v>169</v>
      </c>
      <c r="FS23" s="61">
        <v>187</v>
      </c>
      <c r="FT23" s="61">
        <v>91</v>
      </c>
      <c r="FU23" s="62">
        <v>817</v>
      </c>
      <c r="FV23" s="63">
        <v>978</v>
      </c>
      <c r="FW23" s="60">
        <v>5</v>
      </c>
      <c r="FX23" s="61">
        <v>15</v>
      </c>
      <c r="FY23" s="62">
        <v>20</v>
      </c>
      <c r="FZ23" s="231"/>
      <c r="GA23" s="61">
        <v>15</v>
      </c>
      <c r="GB23" s="61">
        <v>13</v>
      </c>
      <c r="GC23" s="61">
        <v>6</v>
      </c>
      <c r="GD23" s="61">
        <v>10</v>
      </c>
      <c r="GE23" s="61">
        <v>8</v>
      </c>
      <c r="GF23" s="62">
        <v>52</v>
      </c>
      <c r="GG23" s="63">
        <v>72</v>
      </c>
      <c r="GH23" s="60">
        <v>475</v>
      </c>
      <c r="GI23" s="61">
        <v>634</v>
      </c>
      <c r="GJ23" s="62">
        <v>1109</v>
      </c>
      <c r="GK23" s="231"/>
      <c r="GL23" s="61">
        <v>888</v>
      </c>
      <c r="GM23" s="61">
        <v>591</v>
      </c>
      <c r="GN23" s="61">
        <v>472</v>
      </c>
      <c r="GO23" s="61">
        <v>463</v>
      </c>
      <c r="GP23" s="61">
        <v>282</v>
      </c>
      <c r="GQ23" s="62">
        <v>2696</v>
      </c>
      <c r="GR23" s="63">
        <v>3805</v>
      </c>
      <c r="GS23" s="113">
        <v>752</v>
      </c>
      <c r="GT23" s="72">
        <v>950</v>
      </c>
      <c r="GU23" s="73">
        <v>1702</v>
      </c>
      <c r="GV23" s="228"/>
      <c r="GW23" s="72">
        <v>1442</v>
      </c>
      <c r="GX23" s="72">
        <v>932</v>
      </c>
      <c r="GY23" s="72">
        <v>747</v>
      </c>
      <c r="GZ23" s="72">
        <v>681</v>
      </c>
      <c r="HA23" s="72">
        <v>396</v>
      </c>
      <c r="HB23" s="74">
        <v>4198</v>
      </c>
      <c r="HC23" s="75">
        <v>5900</v>
      </c>
      <c r="HD23" s="60">
        <v>20</v>
      </c>
      <c r="HE23" s="61">
        <v>21</v>
      </c>
      <c r="HF23" s="62">
        <v>41</v>
      </c>
      <c r="HG23" s="231"/>
      <c r="HH23" s="61">
        <v>47</v>
      </c>
      <c r="HI23" s="61">
        <v>30</v>
      </c>
      <c r="HJ23" s="61">
        <v>21</v>
      </c>
      <c r="HK23" s="61">
        <v>18</v>
      </c>
      <c r="HL23" s="61">
        <v>12</v>
      </c>
      <c r="HM23" s="62">
        <v>128</v>
      </c>
      <c r="HN23" s="63">
        <v>169</v>
      </c>
      <c r="HO23" s="60">
        <v>60</v>
      </c>
      <c r="HP23" s="61">
        <v>70</v>
      </c>
      <c r="HQ23" s="62">
        <v>130</v>
      </c>
      <c r="HR23" s="231"/>
      <c r="HS23" s="61">
        <v>119</v>
      </c>
      <c r="HT23" s="61">
        <v>75</v>
      </c>
      <c r="HU23" s="61">
        <v>68</v>
      </c>
      <c r="HV23" s="61">
        <v>59</v>
      </c>
      <c r="HW23" s="61">
        <v>36</v>
      </c>
      <c r="HX23" s="62">
        <v>357</v>
      </c>
      <c r="HY23" s="63">
        <v>487</v>
      </c>
      <c r="HZ23" s="60">
        <v>133</v>
      </c>
      <c r="IA23" s="61">
        <v>155</v>
      </c>
      <c r="IB23" s="62">
        <v>288</v>
      </c>
      <c r="IC23" s="231"/>
      <c r="ID23" s="61">
        <v>221</v>
      </c>
      <c r="IE23" s="61">
        <v>133</v>
      </c>
      <c r="IF23" s="61">
        <v>82</v>
      </c>
      <c r="IG23" s="61">
        <v>73</v>
      </c>
      <c r="IH23" s="61">
        <v>61</v>
      </c>
      <c r="II23" s="62">
        <v>570</v>
      </c>
      <c r="IJ23" s="63">
        <v>858</v>
      </c>
      <c r="IK23" s="60">
        <v>263</v>
      </c>
      <c r="IL23" s="61">
        <v>274</v>
      </c>
      <c r="IM23" s="62">
        <v>537</v>
      </c>
      <c r="IN23" s="231"/>
      <c r="IO23" s="61">
        <v>365</v>
      </c>
      <c r="IP23" s="61">
        <v>221</v>
      </c>
      <c r="IQ23" s="61">
        <v>186</v>
      </c>
      <c r="IR23" s="61">
        <v>138</v>
      </c>
      <c r="IS23" s="61">
        <v>86</v>
      </c>
      <c r="IT23" s="62">
        <v>996</v>
      </c>
      <c r="IU23" s="63">
        <v>1533</v>
      </c>
      <c r="IV23" s="60">
        <v>198</v>
      </c>
      <c r="IW23" s="61">
        <v>270</v>
      </c>
      <c r="IX23" s="62">
        <v>468</v>
      </c>
      <c r="IY23" s="231"/>
      <c r="IZ23" s="61">
        <v>405</v>
      </c>
      <c r="JA23" s="61">
        <v>242</v>
      </c>
      <c r="JB23" s="61">
        <v>188</v>
      </c>
      <c r="JC23" s="61">
        <v>177</v>
      </c>
      <c r="JD23" s="61">
        <v>91</v>
      </c>
      <c r="JE23" s="62">
        <v>1103</v>
      </c>
      <c r="JF23" s="63">
        <v>1571</v>
      </c>
      <c r="JG23" s="60">
        <v>78</v>
      </c>
      <c r="JH23" s="61">
        <v>160</v>
      </c>
      <c r="JI23" s="62">
        <v>238</v>
      </c>
      <c r="JJ23" s="231"/>
      <c r="JK23" s="61">
        <v>285</v>
      </c>
      <c r="JL23" s="61">
        <v>231</v>
      </c>
      <c r="JM23" s="61">
        <v>202</v>
      </c>
      <c r="JN23" s="61">
        <v>216</v>
      </c>
      <c r="JO23" s="61">
        <v>110</v>
      </c>
      <c r="JP23" s="62">
        <v>1044</v>
      </c>
      <c r="JQ23" s="63">
        <v>1282</v>
      </c>
      <c r="JR23" s="60">
        <v>14</v>
      </c>
      <c r="JS23" s="61">
        <v>28</v>
      </c>
      <c r="JT23" s="62">
        <v>42</v>
      </c>
      <c r="JU23" s="231"/>
      <c r="JV23" s="61">
        <v>37</v>
      </c>
      <c r="JW23" s="61">
        <v>28</v>
      </c>
      <c r="JX23" s="61">
        <v>18</v>
      </c>
      <c r="JY23" s="61">
        <v>19</v>
      </c>
      <c r="JZ23" s="61">
        <v>19</v>
      </c>
      <c r="KA23" s="62">
        <v>121</v>
      </c>
      <c r="KB23" s="63">
        <v>163</v>
      </c>
      <c r="KC23" s="60">
        <v>766</v>
      </c>
      <c r="KD23" s="61">
        <v>978</v>
      </c>
      <c r="KE23" s="62">
        <v>1744</v>
      </c>
      <c r="KF23" s="231"/>
      <c r="KG23" s="61">
        <v>1479</v>
      </c>
      <c r="KH23" s="61">
        <v>960</v>
      </c>
      <c r="KI23" s="61">
        <v>765</v>
      </c>
      <c r="KJ23" s="61">
        <v>700</v>
      </c>
      <c r="KK23" s="61">
        <v>415</v>
      </c>
      <c r="KL23" s="62">
        <v>4319</v>
      </c>
      <c r="KM23" s="63">
        <v>6063</v>
      </c>
    </row>
    <row r="24" spans="2:299" ht="21" customHeight="1" x14ac:dyDescent="0.2">
      <c r="B24" s="472" t="s">
        <v>21</v>
      </c>
      <c r="C24" s="293">
        <v>304</v>
      </c>
      <c r="D24" s="72">
        <v>251</v>
      </c>
      <c r="E24" s="73">
        <v>555</v>
      </c>
      <c r="F24" s="228"/>
      <c r="G24" s="72">
        <v>454</v>
      </c>
      <c r="H24" s="72">
        <v>428</v>
      </c>
      <c r="I24" s="72">
        <v>289</v>
      </c>
      <c r="J24" s="72">
        <v>226</v>
      </c>
      <c r="K24" s="72">
        <v>151</v>
      </c>
      <c r="L24" s="74">
        <v>1548</v>
      </c>
      <c r="M24" s="75">
        <v>2103</v>
      </c>
      <c r="N24" s="60">
        <v>13</v>
      </c>
      <c r="O24" s="61">
        <v>18</v>
      </c>
      <c r="P24" s="62">
        <v>31</v>
      </c>
      <c r="Q24" s="231"/>
      <c r="R24" s="61">
        <v>22</v>
      </c>
      <c r="S24" s="61">
        <v>16</v>
      </c>
      <c r="T24" s="61">
        <v>13</v>
      </c>
      <c r="U24" s="61">
        <v>17</v>
      </c>
      <c r="V24" s="61">
        <v>14</v>
      </c>
      <c r="W24" s="62">
        <v>82</v>
      </c>
      <c r="X24" s="63">
        <v>113</v>
      </c>
      <c r="Y24" s="60">
        <v>31</v>
      </c>
      <c r="Z24" s="61">
        <v>29</v>
      </c>
      <c r="AA24" s="62">
        <v>60</v>
      </c>
      <c r="AB24" s="231"/>
      <c r="AC24" s="61">
        <v>44</v>
      </c>
      <c r="AD24" s="61">
        <v>49</v>
      </c>
      <c r="AE24" s="61">
        <v>33</v>
      </c>
      <c r="AF24" s="61">
        <v>32</v>
      </c>
      <c r="AG24" s="61">
        <v>18</v>
      </c>
      <c r="AH24" s="62">
        <v>176</v>
      </c>
      <c r="AI24" s="63">
        <v>236</v>
      </c>
      <c r="AJ24" s="60">
        <v>61</v>
      </c>
      <c r="AK24" s="61">
        <v>40</v>
      </c>
      <c r="AL24" s="62">
        <v>101</v>
      </c>
      <c r="AM24" s="231"/>
      <c r="AN24" s="61">
        <v>84</v>
      </c>
      <c r="AO24" s="61">
        <v>68</v>
      </c>
      <c r="AP24" s="61">
        <v>60</v>
      </c>
      <c r="AQ24" s="61">
        <v>44</v>
      </c>
      <c r="AR24" s="61">
        <v>29</v>
      </c>
      <c r="AS24" s="62">
        <v>285</v>
      </c>
      <c r="AT24" s="63">
        <v>386</v>
      </c>
      <c r="AU24" s="60">
        <v>84</v>
      </c>
      <c r="AV24" s="61">
        <v>54</v>
      </c>
      <c r="AW24" s="62">
        <v>138</v>
      </c>
      <c r="AX24" s="231"/>
      <c r="AY24" s="61">
        <v>127</v>
      </c>
      <c r="AZ24" s="61">
        <v>128</v>
      </c>
      <c r="BA24" s="61">
        <v>75</v>
      </c>
      <c r="BB24" s="61">
        <v>53</v>
      </c>
      <c r="BC24" s="61">
        <v>31</v>
      </c>
      <c r="BD24" s="62">
        <v>414</v>
      </c>
      <c r="BE24" s="63">
        <v>552</v>
      </c>
      <c r="BF24" s="60">
        <v>79</v>
      </c>
      <c r="BG24" s="61">
        <v>73</v>
      </c>
      <c r="BH24" s="62">
        <v>152</v>
      </c>
      <c r="BI24" s="231"/>
      <c r="BJ24" s="61">
        <v>124</v>
      </c>
      <c r="BK24" s="61">
        <v>104</v>
      </c>
      <c r="BL24" s="61">
        <v>57</v>
      </c>
      <c r="BM24" s="61">
        <v>51</v>
      </c>
      <c r="BN24" s="61">
        <v>38</v>
      </c>
      <c r="BO24" s="62">
        <v>374</v>
      </c>
      <c r="BP24" s="63">
        <v>526</v>
      </c>
      <c r="BQ24" s="60">
        <v>36</v>
      </c>
      <c r="BR24" s="61">
        <v>37</v>
      </c>
      <c r="BS24" s="62">
        <v>73</v>
      </c>
      <c r="BT24" s="231"/>
      <c r="BU24" s="61">
        <v>53</v>
      </c>
      <c r="BV24" s="61">
        <v>63</v>
      </c>
      <c r="BW24" s="61">
        <v>51</v>
      </c>
      <c r="BX24" s="61">
        <v>29</v>
      </c>
      <c r="BY24" s="61">
        <v>21</v>
      </c>
      <c r="BZ24" s="62">
        <v>217</v>
      </c>
      <c r="CA24" s="63">
        <v>290</v>
      </c>
      <c r="CB24" s="60">
        <v>10</v>
      </c>
      <c r="CC24" s="61">
        <v>10</v>
      </c>
      <c r="CD24" s="62">
        <v>20</v>
      </c>
      <c r="CE24" s="231"/>
      <c r="CF24" s="61">
        <v>7</v>
      </c>
      <c r="CG24" s="61">
        <v>23</v>
      </c>
      <c r="CH24" s="61">
        <v>9</v>
      </c>
      <c r="CI24" s="61">
        <v>10</v>
      </c>
      <c r="CJ24" s="61">
        <v>10</v>
      </c>
      <c r="CK24" s="62">
        <v>59</v>
      </c>
      <c r="CL24" s="63">
        <v>79</v>
      </c>
      <c r="CM24" s="60">
        <v>314</v>
      </c>
      <c r="CN24" s="61">
        <v>261</v>
      </c>
      <c r="CO24" s="62">
        <v>575</v>
      </c>
      <c r="CP24" s="231"/>
      <c r="CQ24" s="61">
        <v>461</v>
      </c>
      <c r="CR24" s="61">
        <v>451</v>
      </c>
      <c r="CS24" s="61">
        <v>298</v>
      </c>
      <c r="CT24" s="61">
        <v>236</v>
      </c>
      <c r="CU24" s="61">
        <v>161</v>
      </c>
      <c r="CV24" s="62">
        <v>1607</v>
      </c>
      <c r="CW24" s="63">
        <v>2182</v>
      </c>
      <c r="CX24" s="113">
        <v>611</v>
      </c>
      <c r="CY24" s="72">
        <v>570</v>
      </c>
      <c r="CZ24" s="73">
        <v>1181</v>
      </c>
      <c r="DA24" s="228"/>
      <c r="DB24" s="72">
        <v>731</v>
      </c>
      <c r="DC24" s="72">
        <v>697</v>
      </c>
      <c r="DD24" s="72">
        <v>572</v>
      </c>
      <c r="DE24" s="72">
        <v>474</v>
      </c>
      <c r="DF24" s="72">
        <v>371</v>
      </c>
      <c r="DG24" s="74">
        <v>2845</v>
      </c>
      <c r="DH24" s="75">
        <v>4026</v>
      </c>
      <c r="DI24" s="60">
        <v>14</v>
      </c>
      <c r="DJ24" s="61">
        <v>17</v>
      </c>
      <c r="DK24" s="62">
        <v>31</v>
      </c>
      <c r="DL24" s="231"/>
      <c r="DM24" s="61">
        <v>18</v>
      </c>
      <c r="DN24" s="61">
        <v>20</v>
      </c>
      <c r="DO24" s="61">
        <v>9</v>
      </c>
      <c r="DP24" s="61">
        <v>6</v>
      </c>
      <c r="DQ24" s="61">
        <v>15</v>
      </c>
      <c r="DR24" s="62">
        <v>68</v>
      </c>
      <c r="DS24" s="63">
        <v>99</v>
      </c>
      <c r="DT24" s="60">
        <v>49</v>
      </c>
      <c r="DU24" s="61">
        <v>38</v>
      </c>
      <c r="DV24" s="62">
        <v>87</v>
      </c>
      <c r="DW24" s="231"/>
      <c r="DX24" s="61">
        <v>40</v>
      </c>
      <c r="DY24" s="61">
        <v>37</v>
      </c>
      <c r="DZ24" s="61">
        <v>34</v>
      </c>
      <c r="EA24" s="61">
        <v>23</v>
      </c>
      <c r="EB24" s="61">
        <v>29</v>
      </c>
      <c r="EC24" s="62">
        <v>163</v>
      </c>
      <c r="ED24" s="63">
        <v>250</v>
      </c>
      <c r="EE24" s="60">
        <v>92</v>
      </c>
      <c r="EF24" s="61">
        <v>93</v>
      </c>
      <c r="EG24" s="62">
        <v>185</v>
      </c>
      <c r="EH24" s="231"/>
      <c r="EI24" s="61">
        <v>97</v>
      </c>
      <c r="EJ24" s="61">
        <v>80</v>
      </c>
      <c r="EK24" s="61">
        <v>62</v>
      </c>
      <c r="EL24" s="61">
        <v>53</v>
      </c>
      <c r="EM24" s="61">
        <v>36</v>
      </c>
      <c r="EN24" s="62">
        <v>328</v>
      </c>
      <c r="EO24" s="63">
        <v>513</v>
      </c>
      <c r="EP24" s="60">
        <v>195</v>
      </c>
      <c r="EQ24" s="61">
        <v>183</v>
      </c>
      <c r="ER24" s="62">
        <v>378</v>
      </c>
      <c r="ES24" s="231"/>
      <c r="ET24" s="61">
        <v>204</v>
      </c>
      <c r="EU24" s="61">
        <v>151</v>
      </c>
      <c r="EV24" s="61">
        <v>108</v>
      </c>
      <c r="EW24" s="61">
        <v>104</v>
      </c>
      <c r="EX24" s="61">
        <v>76</v>
      </c>
      <c r="EY24" s="62">
        <v>643</v>
      </c>
      <c r="EZ24" s="63">
        <v>1021</v>
      </c>
      <c r="FA24" s="60">
        <v>179</v>
      </c>
      <c r="FB24" s="61">
        <v>159</v>
      </c>
      <c r="FC24" s="62">
        <v>338</v>
      </c>
      <c r="FD24" s="231"/>
      <c r="FE24" s="61">
        <v>209</v>
      </c>
      <c r="FF24" s="61">
        <v>219</v>
      </c>
      <c r="FG24" s="61">
        <v>178</v>
      </c>
      <c r="FH24" s="61">
        <v>113</v>
      </c>
      <c r="FI24" s="61">
        <v>88</v>
      </c>
      <c r="FJ24" s="62">
        <v>807</v>
      </c>
      <c r="FK24" s="63">
        <v>1145</v>
      </c>
      <c r="FL24" s="60">
        <v>82</v>
      </c>
      <c r="FM24" s="61">
        <v>80</v>
      </c>
      <c r="FN24" s="62">
        <v>162</v>
      </c>
      <c r="FO24" s="231"/>
      <c r="FP24" s="61">
        <v>163</v>
      </c>
      <c r="FQ24" s="61">
        <v>190</v>
      </c>
      <c r="FR24" s="61">
        <v>181</v>
      </c>
      <c r="FS24" s="61">
        <v>175</v>
      </c>
      <c r="FT24" s="61">
        <v>127</v>
      </c>
      <c r="FU24" s="62">
        <v>836</v>
      </c>
      <c r="FV24" s="63">
        <v>998</v>
      </c>
      <c r="FW24" s="60">
        <v>6</v>
      </c>
      <c r="FX24" s="61">
        <v>10</v>
      </c>
      <c r="FY24" s="62">
        <v>16</v>
      </c>
      <c r="FZ24" s="231"/>
      <c r="GA24" s="61">
        <v>4</v>
      </c>
      <c r="GB24" s="61">
        <v>19</v>
      </c>
      <c r="GC24" s="61">
        <v>17</v>
      </c>
      <c r="GD24" s="61">
        <v>8</v>
      </c>
      <c r="GE24" s="61">
        <v>6</v>
      </c>
      <c r="GF24" s="62">
        <v>54</v>
      </c>
      <c r="GG24" s="63">
        <v>70</v>
      </c>
      <c r="GH24" s="60">
        <v>617</v>
      </c>
      <c r="GI24" s="61">
        <v>580</v>
      </c>
      <c r="GJ24" s="62">
        <v>1197</v>
      </c>
      <c r="GK24" s="231"/>
      <c r="GL24" s="61">
        <v>735</v>
      </c>
      <c r="GM24" s="61">
        <v>716</v>
      </c>
      <c r="GN24" s="61">
        <v>589</v>
      </c>
      <c r="GO24" s="61">
        <v>482</v>
      </c>
      <c r="GP24" s="61">
        <v>377</v>
      </c>
      <c r="GQ24" s="62">
        <v>2899</v>
      </c>
      <c r="GR24" s="63">
        <v>4096</v>
      </c>
      <c r="GS24" s="113">
        <v>915</v>
      </c>
      <c r="GT24" s="72">
        <v>821</v>
      </c>
      <c r="GU24" s="73">
        <v>1736</v>
      </c>
      <c r="GV24" s="228"/>
      <c r="GW24" s="72">
        <v>1185</v>
      </c>
      <c r="GX24" s="72">
        <v>1125</v>
      </c>
      <c r="GY24" s="72">
        <v>861</v>
      </c>
      <c r="GZ24" s="72">
        <v>700</v>
      </c>
      <c r="HA24" s="72">
        <v>522</v>
      </c>
      <c r="HB24" s="74">
        <v>4393</v>
      </c>
      <c r="HC24" s="75">
        <v>6129</v>
      </c>
      <c r="HD24" s="60">
        <v>27</v>
      </c>
      <c r="HE24" s="61">
        <v>35</v>
      </c>
      <c r="HF24" s="62">
        <v>62</v>
      </c>
      <c r="HG24" s="231"/>
      <c r="HH24" s="61">
        <v>40</v>
      </c>
      <c r="HI24" s="61">
        <v>36</v>
      </c>
      <c r="HJ24" s="61">
        <v>22</v>
      </c>
      <c r="HK24" s="61">
        <v>23</v>
      </c>
      <c r="HL24" s="61">
        <v>29</v>
      </c>
      <c r="HM24" s="62">
        <v>150</v>
      </c>
      <c r="HN24" s="63">
        <v>212</v>
      </c>
      <c r="HO24" s="60">
        <v>80</v>
      </c>
      <c r="HP24" s="61">
        <v>67</v>
      </c>
      <c r="HQ24" s="62">
        <v>147</v>
      </c>
      <c r="HR24" s="231"/>
      <c r="HS24" s="61">
        <v>84</v>
      </c>
      <c r="HT24" s="61">
        <v>86</v>
      </c>
      <c r="HU24" s="61">
        <v>67</v>
      </c>
      <c r="HV24" s="61">
        <v>55</v>
      </c>
      <c r="HW24" s="61">
        <v>47</v>
      </c>
      <c r="HX24" s="62">
        <v>339</v>
      </c>
      <c r="HY24" s="63">
        <v>486</v>
      </c>
      <c r="HZ24" s="60">
        <v>153</v>
      </c>
      <c r="IA24" s="61">
        <v>133</v>
      </c>
      <c r="IB24" s="62">
        <v>286</v>
      </c>
      <c r="IC24" s="231"/>
      <c r="ID24" s="61">
        <v>181</v>
      </c>
      <c r="IE24" s="61">
        <v>148</v>
      </c>
      <c r="IF24" s="61">
        <v>122</v>
      </c>
      <c r="IG24" s="61">
        <v>97</v>
      </c>
      <c r="IH24" s="61">
        <v>65</v>
      </c>
      <c r="II24" s="62">
        <v>613</v>
      </c>
      <c r="IJ24" s="63">
        <v>899</v>
      </c>
      <c r="IK24" s="60">
        <v>279</v>
      </c>
      <c r="IL24" s="61">
        <v>237</v>
      </c>
      <c r="IM24" s="62">
        <v>516</v>
      </c>
      <c r="IN24" s="231"/>
      <c r="IO24" s="61">
        <v>331</v>
      </c>
      <c r="IP24" s="61">
        <v>279</v>
      </c>
      <c r="IQ24" s="61">
        <v>183</v>
      </c>
      <c r="IR24" s="61">
        <v>157</v>
      </c>
      <c r="IS24" s="61">
        <v>107</v>
      </c>
      <c r="IT24" s="62">
        <v>1057</v>
      </c>
      <c r="IU24" s="63">
        <v>1573</v>
      </c>
      <c r="IV24" s="60">
        <v>258</v>
      </c>
      <c r="IW24" s="61">
        <v>232</v>
      </c>
      <c r="IX24" s="62">
        <v>490</v>
      </c>
      <c r="IY24" s="231"/>
      <c r="IZ24" s="61">
        <v>333</v>
      </c>
      <c r="JA24" s="61">
        <v>323</v>
      </c>
      <c r="JB24" s="61">
        <v>235</v>
      </c>
      <c r="JC24" s="61">
        <v>164</v>
      </c>
      <c r="JD24" s="61">
        <v>126</v>
      </c>
      <c r="JE24" s="62">
        <v>1181</v>
      </c>
      <c r="JF24" s="63">
        <v>1671</v>
      </c>
      <c r="JG24" s="60">
        <v>118</v>
      </c>
      <c r="JH24" s="61">
        <v>117</v>
      </c>
      <c r="JI24" s="62">
        <v>235</v>
      </c>
      <c r="JJ24" s="231"/>
      <c r="JK24" s="61">
        <v>216</v>
      </c>
      <c r="JL24" s="61">
        <v>253</v>
      </c>
      <c r="JM24" s="61">
        <v>232</v>
      </c>
      <c r="JN24" s="61">
        <v>204</v>
      </c>
      <c r="JO24" s="61">
        <v>148</v>
      </c>
      <c r="JP24" s="62">
        <v>1053</v>
      </c>
      <c r="JQ24" s="63">
        <v>1288</v>
      </c>
      <c r="JR24" s="60">
        <v>16</v>
      </c>
      <c r="JS24" s="61">
        <v>20</v>
      </c>
      <c r="JT24" s="62">
        <v>36</v>
      </c>
      <c r="JU24" s="231"/>
      <c r="JV24" s="61">
        <v>11</v>
      </c>
      <c r="JW24" s="61">
        <v>42</v>
      </c>
      <c r="JX24" s="61">
        <v>26</v>
      </c>
      <c r="JY24" s="61">
        <v>18</v>
      </c>
      <c r="JZ24" s="61">
        <v>16</v>
      </c>
      <c r="KA24" s="62">
        <v>113</v>
      </c>
      <c r="KB24" s="63">
        <v>149</v>
      </c>
      <c r="KC24" s="60">
        <v>931</v>
      </c>
      <c r="KD24" s="61">
        <v>841</v>
      </c>
      <c r="KE24" s="62">
        <v>1772</v>
      </c>
      <c r="KF24" s="231"/>
      <c r="KG24" s="61">
        <v>1196</v>
      </c>
      <c r="KH24" s="61">
        <v>1167</v>
      </c>
      <c r="KI24" s="61">
        <v>887</v>
      </c>
      <c r="KJ24" s="61">
        <v>718</v>
      </c>
      <c r="KK24" s="61">
        <v>538</v>
      </c>
      <c r="KL24" s="62">
        <v>4506</v>
      </c>
      <c r="KM24" s="63">
        <v>6278</v>
      </c>
    </row>
    <row r="25" spans="2:299" ht="21" customHeight="1" x14ac:dyDescent="0.2">
      <c r="B25" s="472" t="s">
        <v>22</v>
      </c>
      <c r="C25" s="293">
        <v>71</v>
      </c>
      <c r="D25" s="72">
        <v>78</v>
      </c>
      <c r="E25" s="73">
        <v>149</v>
      </c>
      <c r="F25" s="228"/>
      <c r="G25" s="72">
        <v>186</v>
      </c>
      <c r="H25" s="72">
        <v>151</v>
      </c>
      <c r="I25" s="72">
        <v>96</v>
      </c>
      <c r="J25" s="72">
        <v>71</v>
      </c>
      <c r="K25" s="72">
        <v>48</v>
      </c>
      <c r="L25" s="74">
        <v>552</v>
      </c>
      <c r="M25" s="75">
        <v>701</v>
      </c>
      <c r="N25" s="60">
        <v>3</v>
      </c>
      <c r="O25" s="61">
        <v>3</v>
      </c>
      <c r="P25" s="62">
        <v>6</v>
      </c>
      <c r="Q25" s="231"/>
      <c r="R25" s="61">
        <v>5</v>
      </c>
      <c r="S25" s="61">
        <v>5</v>
      </c>
      <c r="T25" s="61">
        <v>1</v>
      </c>
      <c r="U25" s="61">
        <v>3</v>
      </c>
      <c r="V25" s="61">
        <v>2</v>
      </c>
      <c r="W25" s="62">
        <v>16</v>
      </c>
      <c r="X25" s="63">
        <v>22</v>
      </c>
      <c r="Y25" s="60">
        <v>9</v>
      </c>
      <c r="Z25" s="61">
        <v>6</v>
      </c>
      <c r="AA25" s="62">
        <v>15</v>
      </c>
      <c r="AB25" s="231"/>
      <c r="AC25" s="61">
        <v>15</v>
      </c>
      <c r="AD25" s="61">
        <v>9</v>
      </c>
      <c r="AE25" s="61">
        <v>2</v>
      </c>
      <c r="AF25" s="61">
        <v>6</v>
      </c>
      <c r="AG25" s="61">
        <v>9</v>
      </c>
      <c r="AH25" s="62">
        <v>41</v>
      </c>
      <c r="AI25" s="63">
        <v>56</v>
      </c>
      <c r="AJ25" s="60">
        <v>5</v>
      </c>
      <c r="AK25" s="61">
        <v>11</v>
      </c>
      <c r="AL25" s="62">
        <v>16</v>
      </c>
      <c r="AM25" s="231"/>
      <c r="AN25" s="61">
        <v>25</v>
      </c>
      <c r="AO25" s="61">
        <v>22</v>
      </c>
      <c r="AP25" s="61">
        <v>17</v>
      </c>
      <c r="AQ25" s="61">
        <v>15</v>
      </c>
      <c r="AR25" s="61">
        <v>12</v>
      </c>
      <c r="AS25" s="62">
        <v>91</v>
      </c>
      <c r="AT25" s="63">
        <v>107</v>
      </c>
      <c r="AU25" s="60">
        <v>18</v>
      </c>
      <c r="AV25" s="61">
        <v>29</v>
      </c>
      <c r="AW25" s="62">
        <v>47</v>
      </c>
      <c r="AX25" s="231"/>
      <c r="AY25" s="61">
        <v>31</v>
      </c>
      <c r="AZ25" s="61">
        <v>45</v>
      </c>
      <c r="BA25" s="61">
        <v>26</v>
      </c>
      <c r="BB25" s="61">
        <v>16</v>
      </c>
      <c r="BC25" s="61">
        <v>12</v>
      </c>
      <c r="BD25" s="62">
        <v>130</v>
      </c>
      <c r="BE25" s="63">
        <v>177</v>
      </c>
      <c r="BF25" s="60">
        <v>24</v>
      </c>
      <c r="BG25" s="61">
        <v>20</v>
      </c>
      <c r="BH25" s="62">
        <v>44</v>
      </c>
      <c r="BI25" s="231"/>
      <c r="BJ25" s="61">
        <v>58</v>
      </c>
      <c r="BK25" s="61">
        <v>37</v>
      </c>
      <c r="BL25" s="61">
        <v>28</v>
      </c>
      <c r="BM25" s="61">
        <v>11</v>
      </c>
      <c r="BN25" s="61">
        <v>7</v>
      </c>
      <c r="BO25" s="62">
        <v>141</v>
      </c>
      <c r="BP25" s="63">
        <v>185</v>
      </c>
      <c r="BQ25" s="60">
        <v>12</v>
      </c>
      <c r="BR25" s="61">
        <v>9</v>
      </c>
      <c r="BS25" s="62">
        <v>21</v>
      </c>
      <c r="BT25" s="231"/>
      <c r="BU25" s="61">
        <v>52</v>
      </c>
      <c r="BV25" s="61">
        <v>33</v>
      </c>
      <c r="BW25" s="61">
        <v>22</v>
      </c>
      <c r="BX25" s="61">
        <v>20</v>
      </c>
      <c r="BY25" s="61">
        <v>6</v>
      </c>
      <c r="BZ25" s="62">
        <v>133</v>
      </c>
      <c r="CA25" s="63">
        <v>154</v>
      </c>
      <c r="CB25" s="60">
        <v>2</v>
      </c>
      <c r="CC25" s="61">
        <v>5</v>
      </c>
      <c r="CD25" s="62">
        <v>7</v>
      </c>
      <c r="CE25" s="231"/>
      <c r="CF25" s="61">
        <v>7</v>
      </c>
      <c r="CG25" s="61">
        <v>5</v>
      </c>
      <c r="CH25" s="61">
        <v>1</v>
      </c>
      <c r="CI25" s="61">
        <v>3</v>
      </c>
      <c r="CJ25" s="61">
        <v>5</v>
      </c>
      <c r="CK25" s="62">
        <v>21</v>
      </c>
      <c r="CL25" s="63">
        <v>28</v>
      </c>
      <c r="CM25" s="60">
        <v>73</v>
      </c>
      <c r="CN25" s="61">
        <v>83</v>
      </c>
      <c r="CO25" s="62">
        <v>156</v>
      </c>
      <c r="CP25" s="231"/>
      <c r="CQ25" s="61">
        <v>193</v>
      </c>
      <c r="CR25" s="61">
        <v>156</v>
      </c>
      <c r="CS25" s="61">
        <v>97</v>
      </c>
      <c r="CT25" s="61">
        <v>74</v>
      </c>
      <c r="CU25" s="61">
        <v>53</v>
      </c>
      <c r="CV25" s="62">
        <v>573</v>
      </c>
      <c r="CW25" s="63">
        <v>729</v>
      </c>
      <c r="CX25" s="113">
        <v>117</v>
      </c>
      <c r="CY25" s="72">
        <v>237</v>
      </c>
      <c r="CZ25" s="73">
        <v>354</v>
      </c>
      <c r="DA25" s="228"/>
      <c r="DB25" s="72">
        <v>314</v>
      </c>
      <c r="DC25" s="72">
        <v>291</v>
      </c>
      <c r="DD25" s="72">
        <v>209</v>
      </c>
      <c r="DE25" s="72">
        <v>203</v>
      </c>
      <c r="DF25" s="72">
        <v>104</v>
      </c>
      <c r="DG25" s="74">
        <v>1121</v>
      </c>
      <c r="DH25" s="75">
        <v>1475</v>
      </c>
      <c r="DI25" s="60">
        <v>8</v>
      </c>
      <c r="DJ25" s="61">
        <v>9</v>
      </c>
      <c r="DK25" s="62">
        <v>17</v>
      </c>
      <c r="DL25" s="231"/>
      <c r="DM25" s="61">
        <v>1</v>
      </c>
      <c r="DN25" s="61">
        <v>5</v>
      </c>
      <c r="DO25" s="61">
        <v>3</v>
      </c>
      <c r="DP25" s="61">
        <v>1</v>
      </c>
      <c r="DQ25" s="61">
        <v>2</v>
      </c>
      <c r="DR25" s="62">
        <v>12</v>
      </c>
      <c r="DS25" s="63">
        <v>29</v>
      </c>
      <c r="DT25" s="60">
        <v>5</v>
      </c>
      <c r="DU25" s="61">
        <v>5</v>
      </c>
      <c r="DV25" s="62">
        <v>10</v>
      </c>
      <c r="DW25" s="231"/>
      <c r="DX25" s="61">
        <v>17</v>
      </c>
      <c r="DY25" s="61">
        <v>15</v>
      </c>
      <c r="DZ25" s="61">
        <v>5</v>
      </c>
      <c r="EA25" s="61">
        <v>5</v>
      </c>
      <c r="EB25" s="61">
        <v>4</v>
      </c>
      <c r="EC25" s="62">
        <v>46</v>
      </c>
      <c r="ED25" s="63">
        <v>56</v>
      </c>
      <c r="EE25" s="60">
        <v>26</v>
      </c>
      <c r="EF25" s="61">
        <v>35</v>
      </c>
      <c r="EG25" s="62">
        <v>61</v>
      </c>
      <c r="EH25" s="231"/>
      <c r="EI25" s="61">
        <v>37</v>
      </c>
      <c r="EJ25" s="61">
        <v>35</v>
      </c>
      <c r="EK25" s="61">
        <v>17</v>
      </c>
      <c r="EL25" s="61">
        <v>18</v>
      </c>
      <c r="EM25" s="61">
        <v>16</v>
      </c>
      <c r="EN25" s="62">
        <v>123</v>
      </c>
      <c r="EO25" s="63">
        <v>184</v>
      </c>
      <c r="EP25" s="60">
        <v>31</v>
      </c>
      <c r="EQ25" s="61">
        <v>73</v>
      </c>
      <c r="ER25" s="62">
        <v>104</v>
      </c>
      <c r="ES25" s="231"/>
      <c r="ET25" s="61">
        <v>70</v>
      </c>
      <c r="EU25" s="61">
        <v>59</v>
      </c>
      <c r="EV25" s="61">
        <v>45</v>
      </c>
      <c r="EW25" s="61">
        <v>38</v>
      </c>
      <c r="EX25" s="61">
        <v>17</v>
      </c>
      <c r="EY25" s="62">
        <v>229</v>
      </c>
      <c r="EZ25" s="63">
        <v>333</v>
      </c>
      <c r="FA25" s="60">
        <v>35</v>
      </c>
      <c r="FB25" s="61">
        <v>66</v>
      </c>
      <c r="FC25" s="62">
        <v>101</v>
      </c>
      <c r="FD25" s="231"/>
      <c r="FE25" s="61">
        <v>100</v>
      </c>
      <c r="FF25" s="61">
        <v>86</v>
      </c>
      <c r="FG25" s="61">
        <v>50</v>
      </c>
      <c r="FH25" s="61">
        <v>47</v>
      </c>
      <c r="FI25" s="61">
        <v>31</v>
      </c>
      <c r="FJ25" s="62">
        <v>314</v>
      </c>
      <c r="FK25" s="63">
        <v>415</v>
      </c>
      <c r="FL25" s="60">
        <v>12</v>
      </c>
      <c r="FM25" s="61">
        <v>49</v>
      </c>
      <c r="FN25" s="62">
        <v>61</v>
      </c>
      <c r="FO25" s="231"/>
      <c r="FP25" s="61">
        <v>89</v>
      </c>
      <c r="FQ25" s="61">
        <v>91</v>
      </c>
      <c r="FR25" s="61">
        <v>89</v>
      </c>
      <c r="FS25" s="61">
        <v>94</v>
      </c>
      <c r="FT25" s="61">
        <v>34</v>
      </c>
      <c r="FU25" s="62">
        <v>397</v>
      </c>
      <c r="FV25" s="63">
        <v>458</v>
      </c>
      <c r="FW25" s="60">
        <v>1</v>
      </c>
      <c r="FX25" s="61">
        <v>3</v>
      </c>
      <c r="FY25" s="62">
        <v>4</v>
      </c>
      <c r="FZ25" s="231"/>
      <c r="GA25" s="61">
        <v>1</v>
      </c>
      <c r="GB25" s="61">
        <v>7</v>
      </c>
      <c r="GC25" s="61">
        <v>4</v>
      </c>
      <c r="GD25" s="61">
        <v>2</v>
      </c>
      <c r="GE25" s="61">
        <v>2</v>
      </c>
      <c r="GF25" s="62">
        <v>16</v>
      </c>
      <c r="GG25" s="63">
        <v>20</v>
      </c>
      <c r="GH25" s="60">
        <v>118</v>
      </c>
      <c r="GI25" s="61">
        <v>240</v>
      </c>
      <c r="GJ25" s="62">
        <v>358</v>
      </c>
      <c r="GK25" s="231"/>
      <c r="GL25" s="61">
        <v>315</v>
      </c>
      <c r="GM25" s="61">
        <v>298</v>
      </c>
      <c r="GN25" s="61">
        <v>213</v>
      </c>
      <c r="GO25" s="61">
        <v>205</v>
      </c>
      <c r="GP25" s="61">
        <v>106</v>
      </c>
      <c r="GQ25" s="62">
        <v>1137</v>
      </c>
      <c r="GR25" s="63">
        <v>1495</v>
      </c>
      <c r="GS25" s="113">
        <v>188</v>
      </c>
      <c r="GT25" s="72">
        <v>315</v>
      </c>
      <c r="GU25" s="73">
        <v>503</v>
      </c>
      <c r="GV25" s="228"/>
      <c r="GW25" s="72">
        <v>500</v>
      </c>
      <c r="GX25" s="72">
        <v>442</v>
      </c>
      <c r="GY25" s="72">
        <v>305</v>
      </c>
      <c r="GZ25" s="72">
        <v>274</v>
      </c>
      <c r="HA25" s="72">
        <v>152</v>
      </c>
      <c r="HB25" s="74">
        <v>1673</v>
      </c>
      <c r="HC25" s="75">
        <v>2176</v>
      </c>
      <c r="HD25" s="60">
        <v>11</v>
      </c>
      <c r="HE25" s="61">
        <v>12</v>
      </c>
      <c r="HF25" s="62">
        <v>23</v>
      </c>
      <c r="HG25" s="231"/>
      <c r="HH25" s="61">
        <v>6</v>
      </c>
      <c r="HI25" s="61">
        <v>10</v>
      </c>
      <c r="HJ25" s="61">
        <v>4</v>
      </c>
      <c r="HK25" s="61">
        <v>4</v>
      </c>
      <c r="HL25" s="61">
        <v>4</v>
      </c>
      <c r="HM25" s="62">
        <v>28</v>
      </c>
      <c r="HN25" s="63">
        <v>51</v>
      </c>
      <c r="HO25" s="60">
        <v>14</v>
      </c>
      <c r="HP25" s="61">
        <v>11</v>
      </c>
      <c r="HQ25" s="62">
        <v>25</v>
      </c>
      <c r="HR25" s="231"/>
      <c r="HS25" s="61">
        <v>32</v>
      </c>
      <c r="HT25" s="61">
        <v>24</v>
      </c>
      <c r="HU25" s="61">
        <v>7</v>
      </c>
      <c r="HV25" s="61">
        <v>11</v>
      </c>
      <c r="HW25" s="61">
        <v>13</v>
      </c>
      <c r="HX25" s="62">
        <v>87</v>
      </c>
      <c r="HY25" s="63">
        <v>112</v>
      </c>
      <c r="HZ25" s="60">
        <v>31</v>
      </c>
      <c r="IA25" s="61">
        <v>46</v>
      </c>
      <c r="IB25" s="62">
        <v>77</v>
      </c>
      <c r="IC25" s="231"/>
      <c r="ID25" s="61">
        <v>62</v>
      </c>
      <c r="IE25" s="61">
        <v>57</v>
      </c>
      <c r="IF25" s="61">
        <v>34</v>
      </c>
      <c r="IG25" s="61">
        <v>33</v>
      </c>
      <c r="IH25" s="61">
        <v>28</v>
      </c>
      <c r="II25" s="62">
        <v>214</v>
      </c>
      <c r="IJ25" s="63">
        <v>291</v>
      </c>
      <c r="IK25" s="60">
        <v>49</v>
      </c>
      <c r="IL25" s="61">
        <v>102</v>
      </c>
      <c r="IM25" s="62">
        <v>151</v>
      </c>
      <c r="IN25" s="231"/>
      <c r="IO25" s="61">
        <v>101</v>
      </c>
      <c r="IP25" s="61">
        <v>104</v>
      </c>
      <c r="IQ25" s="61">
        <v>71</v>
      </c>
      <c r="IR25" s="61">
        <v>54</v>
      </c>
      <c r="IS25" s="61">
        <v>29</v>
      </c>
      <c r="IT25" s="62">
        <v>359</v>
      </c>
      <c r="IU25" s="63">
        <v>510</v>
      </c>
      <c r="IV25" s="60">
        <v>59</v>
      </c>
      <c r="IW25" s="61">
        <v>86</v>
      </c>
      <c r="IX25" s="62">
        <v>145</v>
      </c>
      <c r="IY25" s="231"/>
      <c r="IZ25" s="61">
        <v>158</v>
      </c>
      <c r="JA25" s="61">
        <v>123</v>
      </c>
      <c r="JB25" s="61">
        <v>78</v>
      </c>
      <c r="JC25" s="61">
        <v>58</v>
      </c>
      <c r="JD25" s="61">
        <v>38</v>
      </c>
      <c r="JE25" s="62">
        <v>455</v>
      </c>
      <c r="JF25" s="63">
        <v>600</v>
      </c>
      <c r="JG25" s="60">
        <v>24</v>
      </c>
      <c r="JH25" s="61">
        <v>58</v>
      </c>
      <c r="JI25" s="62">
        <v>82</v>
      </c>
      <c r="JJ25" s="231"/>
      <c r="JK25" s="61">
        <v>141</v>
      </c>
      <c r="JL25" s="61">
        <v>124</v>
      </c>
      <c r="JM25" s="61">
        <v>111</v>
      </c>
      <c r="JN25" s="61">
        <v>114</v>
      </c>
      <c r="JO25" s="61">
        <v>40</v>
      </c>
      <c r="JP25" s="62">
        <v>530</v>
      </c>
      <c r="JQ25" s="63">
        <v>612</v>
      </c>
      <c r="JR25" s="60">
        <v>3</v>
      </c>
      <c r="JS25" s="61">
        <v>8</v>
      </c>
      <c r="JT25" s="62">
        <v>11</v>
      </c>
      <c r="JU25" s="231"/>
      <c r="JV25" s="61">
        <v>8</v>
      </c>
      <c r="JW25" s="61">
        <v>12</v>
      </c>
      <c r="JX25" s="61">
        <v>5</v>
      </c>
      <c r="JY25" s="61">
        <v>5</v>
      </c>
      <c r="JZ25" s="61">
        <v>7</v>
      </c>
      <c r="KA25" s="62">
        <v>37</v>
      </c>
      <c r="KB25" s="63">
        <v>48</v>
      </c>
      <c r="KC25" s="60">
        <v>191</v>
      </c>
      <c r="KD25" s="61">
        <v>323</v>
      </c>
      <c r="KE25" s="62">
        <v>514</v>
      </c>
      <c r="KF25" s="231"/>
      <c r="KG25" s="61">
        <v>508</v>
      </c>
      <c r="KH25" s="61">
        <v>454</v>
      </c>
      <c r="KI25" s="61">
        <v>310</v>
      </c>
      <c r="KJ25" s="61">
        <v>279</v>
      </c>
      <c r="KK25" s="61">
        <v>159</v>
      </c>
      <c r="KL25" s="62">
        <v>1710</v>
      </c>
      <c r="KM25" s="63">
        <v>2224</v>
      </c>
    </row>
    <row r="26" spans="2:299" ht="21" customHeight="1" x14ac:dyDescent="0.2">
      <c r="B26" s="472" t="s">
        <v>23</v>
      </c>
      <c r="C26" s="293">
        <v>191</v>
      </c>
      <c r="D26" s="72">
        <v>204</v>
      </c>
      <c r="E26" s="73">
        <v>395</v>
      </c>
      <c r="F26" s="228"/>
      <c r="G26" s="72">
        <v>311</v>
      </c>
      <c r="H26" s="72">
        <v>272</v>
      </c>
      <c r="I26" s="72">
        <v>176</v>
      </c>
      <c r="J26" s="72">
        <v>162</v>
      </c>
      <c r="K26" s="72">
        <v>83</v>
      </c>
      <c r="L26" s="74">
        <v>1004</v>
      </c>
      <c r="M26" s="75">
        <v>1399</v>
      </c>
      <c r="N26" s="60">
        <v>7</v>
      </c>
      <c r="O26" s="61">
        <v>8</v>
      </c>
      <c r="P26" s="62">
        <v>15</v>
      </c>
      <c r="Q26" s="231"/>
      <c r="R26" s="61">
        <v>9</v>
      </c>
      <c r="S26" s="61">
        <v>14</v>
      </c>
      <c r="T26" s="61">
        <v>4</v>
      </c>
      <c r="U26" s="61">
        <v>7</v>
      </c>
      <c r="V26" s="61">
        <v>4</v>
      </c>
      <c r="W26" s="62">
        <v>38</v>
      </c>
      <c r="X26" s="63">
        <v>53</v>
      </c>
      <c r="Y26" s="60">
        <v>25</v>
      </c>
      <c r="Z26" s="61">
        <v>21</v>
      </c>
      <c r="AA26" s="62">
        <v>46</v>
      </c>
      <c r="AB26" s="231"/>
      <c r="AC26" s="61">
        <v>28</v>
      </c>
      <c r="AD26" s="61">
        <v>32</v>
      </c>
      <c r="AE26" s="61">
        <v>20</v>
      </c>
      <c r="AF26" s="61">
        <v>14</v>
      </c>
      <c r="AG26" s="61">
        <v>9</v>
      </c>
      <c r="AH26" s="62">
        <v>103</v>
      </c>
      <c r="AI26" s="63">
        <v>149</v>
      </c>
      <c r="AJ26" s="60">
        <v>43</v>
      </c>
      <c r="AK26" s="61">
        <v>35</v>
      </c>
      <c r="AL26" s="62">
        <v>78</v>
      </c>
      <c r="AM26" s="231"/>
      <c r="AN26" s="61">
        <v>53</v>
      </c>
      <c r="AO26" s="61">
        <v>43</v>
      </c>
      <c r="AP26" s="61">
        <v>27</v>
      </c>
      <c r="AQ26" s="61">
        <v>31</v>
      </c>
      <c r="AR26" s="61">
        <v>22</v>
      </c>
      <c r="AS26" s="62">
        <v>176</v>
      </c>
      <c r="AT26" s="63">
        <v>254</v>
      </c>
      <c r="AU26" s="60">
        <v>45</v>
      </c>
      <c r="AV26" s="61">
        <v>74</v>
      </c>
      <c r="AW26" s="62">
        <v>119</v>
      </c>
      <c r="AX26" s="231"/>
      <c r="AY26" s="61">
        <v>95</v>
      </c>
      <c r="AZ26" s="61">
        <v>73</v>
      </c>
      <c r="BA26" s="61">
        <v>49</v>
      </c>
      <c r="BB26" s="61">
        <v>45</v>
      </c>
      <c r="BC26" s="61">
        <v>15</v>
      </c>
      <c r="BD26" s="62">
        <v>277</v>
      </c>
      <c r="BE26" s="63">
        <v>396</v>
      </c>
      <c r="BF26" s="60">
        <v>57</v>
      </c>
      <c r="BG26" s="61">
        <v>51</v>
      </c>
      <c r="BH26" s="62">
        <v>108</v>
      </c>
      <c r="BI26" s="231"/>
      <c r="BJ26" s="61">
        <v>92</v>
      </c>
      <c r="BK26" s="61">
        <v>67</v>
      </c>
      <c r="BL26" s="61">
        <v>51</v>
      </c>
      <c r="BM26" s="61">
        <v>42</v>
      </c>
      <c r="BN26" s="61">
        <v>24</v>
      </c>
      <c r="BO26" s="62">
        <v>276</v>
      </c>
      <c r="BP26" s="63">
        <v>384</v>
      </c>
      <c r="BQ26" s="60">
        <v>14</v>
      </c>
      <c r="BR26" s="61">
        <v>15</v>
      </c>
      <c r="BS26" s="62">
        <v>29</v>
      </c>
      <c r="BT26" s="231"/>
      <c r="BU26" s="61">
        <v>34</v>
      </c>
      <c r="BV26" s="61">
        <v>43</v>
      </c>
      <c r="BW26" s="61">
        <v>25</v>
      </c>
      <c r="BX26" s="61">
        <v>23</v>
      </c>
      <c r="BY26" s="61">
        <v>9</v>
      </c>
      <c r="BZ26" s="62">
        <v>134</v>
      </c>
      <c r="CA26" s="63">
        <v>163</v>
      </c>
      <c r="CB26" s="60">
        <v>4</v>
      </c>
      <c r="CC26" s="61">
        <v>10</v>
      </c>
      <c r="CD26" s="62">
        <v>14</v>
      </c>
      <c r="CE26" s="231"/>
      <c r="CF26" s="61">
        <v>6</v>
      </c>
      <c r="CG26" s="61">
        <v>12</v>
      </c>
      <c r="CH26" s="61">
        <v>8</v>
      </c>
      <c r="CI26" s="61">
        <v>8</v>
      </c>
      <c r="CJ26" s="61">
        <v>3</v>
      </c>
      <c r="CK26" s="62">
        <v>37</v>
      </c>
      <c r="CL26" s="63">
        <v>51</v>
      </c>
      <c r="CM26" s="60">
        <v>195</v>
      </c>
      <c r="CN26" s="61">
        <v>214</v>
      </c>
      <c r="CO26" s="62">
        <v>409</v>
      </c>
      <c r="CP26" s="231"/>
      <c r="CQ26" s="61">
        <v>317</v>
      </c>
      <c r="CR26" s="61">
        <v>284</v>
      </c>
      <c r="CS26" s="61">
        <v>184</v>
      </c>
      <c r="CT26" s="61">
        <v>170</v>
      </c>
      <c r="CU26" s="61">
        <v>86</v>
      </c>
      <c r="CV26" s="62">
        <v>1041</v>
      </c>
      <c r="CW26" s="63">
        <v>1450</v>
      </c>
      <c r="CX26" s="113">
        <v>321</v>
      </c>
      <c r="CY26" s="72">
        <v>419</v>
      </c>
      <c r="CZ26" s="73">
        <v>740</v>
      </c>
      <c r="DA26" s="228"/>
      <c r="DB26" s="72">
        <v>524</v>
      </c>
      <c r="DC26" s="72">
        <v>432</v>
      </c>
      <c r="DD26" s="72">
        <v>309</v>
      </c>
      <c r="DE26" s="72">
        <v>353</v>
      </c>
      <c r="DF26" s="72">
        <v>238</v>
      </c>
      <c r="DG26" s="74">
        <v>1856</v>
      </c>
      <c r="DH26" s="75">
        <v>2596</v>
      </c>
      <c r="DI26" s="60">
        <v>11</v>
      </c>
      <c r="DJ26" s="61">
        <v>11</v>
      </c>
      <c r="DK26" s="62">
        <v>22</v>
      </c>
      <c r="DL26" s="231"/>
      <c r="DM26" s="61">
        <v>13</v>
      </c>
      <c r="DN26" s="61">
        <v>7</v>
      </c>
      <c r="DO26" s="61">
        <v>7</v>
      </c>
      <c r="DP26" s="61">
        <v>10</v>
      </c>
      <c r="DQ26" s="61">
        <v>5</v>
      </c>
      <c r="DR26" s="62">
        <v>42</v>
      </c>
      <c r="DS26" s="63">
        <v>64</v>
      </c>
      <c r="DT26" s="60">
        <v>24</v>
      </c>
      <c r="DU26" s="61">
        <v>37</v>
      </c>
      <c r="DV26" s="62">
        <v>61</v>
      </c>
      <c r="DW26" s="231"/>
      <c r="DX26" s="61">
        <v>26</v>
      </c>
      <c r="DY26" s="61">
        <v>29</v>
      </c>
      <c r="DZ26" s="61">
        <v>15</v>
      </c>
      <c r="EA26" s="61">
        <v>20</v>
      </c>
      <c r="EB26" s="61">
        <v>11</v>
      </c>
      <c r="EC26" s="62">
        <v>101</v>
      </c>
      <c r="ED26" s="63">
        <v>162</v>
      </c>
      <c r="EE26" s="60">
        <v>69</v>
      </c>
      <c r="EF26" s="61">
        <v>76</v>
      </c>
      <c r="EG26" s="62">
        <v>145</v>
      </c>
      <c r="EH26" s="231"/>
      <c r="EI26" s="61">
        <v>76</v>
      </c>
      <c r="EJ26" s="61">
        <v>57</v>
      </c>
      <c r="EK26" s="61">
        <v>38</v>
      </c>
      <c r="EL26" s="61">
        <v>50</v>
      </c>
      <c r="EM26" s="61">
        <v>29</v>
      </c>
      <c r="EN26" s="62">
        <v>250</v>
      </c>
      <c r="EO26" s="63">
        <v>395</v>
      </c>
      <c r="EP26" s="60">
        <v>120</v>
      </c>
      <c r="EQ26" s="61">
        <v>125</v>
      </c>
      <c r="ER26" s="62">
        <v>245</v>
      </c>
      <c r="ES26" s="231"/>
      <c r="ET26" s="61">
        <v>141</v>
      </c>
      <c r="EU26" s="61">
        <v>109</v>
      </c>
      <c r="EV26" s="61">
        <v>72</v>
      </c>
      <c r="EW26" s="61">
        <v>65</v>
      </c>
      <c r="EX26" s="61">
        <v>52</v>
      </c>
      <c r="EY26" s="62">
        <v>439</v>
      </c>
      <c r="EZ26" s="63">
        <v>684</v>
      </c>
      <c r="FA26" s="60">
        <v>66</v>
      </c>
      <c r="FB26" s="61">
        <v>110</v>
      </c>
      <c r="FC26" s="62">
        <v>176</v>
      </c>
      <c r="FD26" s="231"/>
      <c r="FE26" s="61">
        <v>169</v>
      </c>
      <c r="FF26" s="61">
        <v>128</v>
      </c>
      <c r="FG26" s="61">
        <v>93</v>
      </c>
      <c r="FH26" s="61">
        <v>96</v>
      </c>
      <c r="FI26" s="61">
        <v>60</v>
      </c>
      <c r="FJ26" s="62">
        <v>546</v>
      </c>
      <c r="FK26" s="63">
        <v>722</v>
      </c>
      <c r="FL26" s="60">
        <v>31</v>
      </c>
      <c r="FM26" s="61">
        <v>60</v>
      </c>
      <c r="FN26" s="62">
        <v>91</v>
      </c>
      <c r="FO26" s="231"/>
      <c r="FP26" s="61">
        <v>99</v>
      </c>
      <c r="FQ26" s="61">
        <v>102</v>
      </c>
      <c r="FR26" s="61">
        <v>84</v>
      </c>
      <c r="FS26" s="61">
        <v>112</v>
      </c>
      <c r="FT26" s="61">
        <v>81</v>
      </c>
      <c r="FU26" s="62">
        <v>478</v>
      </c>
      <c r="FV26" s="63">
        <v>569</v>
      </c>
      <c r="FW26" s="60">
        <v>5</v>
      </c>
      <c r="FX26" s="61">
        <v>6</v>
      </c>
      <c r="FY26" s="62">
        <v>11</v>
      </c>
      <c r="FZ26" s="231"/>
      <c r="GA26" s="61">
        <v>6</v>
      </c>
      <c r="GB26" s="61">
        <v>11</v>
      </c>
      <c r="GC26" s="61">
        <v>4</v>
      </c>
      <c r="GD26" s="61">
        <v>3</v>
      </c>
      <c r="GE26" s="61">
        <v>4</v>
      </c>
      <c r="GF26" s="62">
        <v>28</v>
      </c>
      <c r="GG26" s="63">
        <v>39</v>
      </c>
      <c r="GH26" s="60">
        <v>326</v>
      </c>
      <c r="GI26" s="61">
        <v>425</v>
      </c>
      <c r="GJ26" s="62">
        <v>751</v>
      </c>
      <c r="GK26" s="231"/>
      <c r="GL26" s="61">
        <v>530</v>
      </c>
      <c r="GM26" s="61">
        <v>443</v>
      </c>
      <c r="GN26" s="61">
        <v>313</v>
      </c>
      <c r="GO26" s="61">
        <v>356</v>
      </c>
      <c r="GP26" s="61">
        <v>242</v>
      </c>
      <c r="GQ26" s="62">
        <v>1884</v>
      </c>
      <c r="GR26" s="63">
        <v>2635</v>
      </c>
      <c r="GS26" s="113">
        <v>512</v>
      </c>
      <c r="GT26" s="72">
        <v>623</v>
      </c>
      <c r="GU26" s="73">
        <v>1135</v>
      </c>
      <c r="GV26" s="228"/>
      <c r="GW26" s="72">
        <v>835</v>
      </c>
      <c r="GX26" s="72">
        <v>704</v>
      </c>
      <c r="GY26" s="72">
        <v>485</v>
      </c>
      <c r="GZ26" s="72">
        <v>515</v>
      </c>
      <c r="HA26" s="72">
        <v>321</v>
      </c>
      <c r="HB26" s="74">
        <v>2860</v>
      </c>
      <c r="HC26" s="75">
        <v>3995</v>
      </c>
      <c r="HD26" s="60">
        <v>18</v>
      </c>
      <c r="HE26" s="61">
        <v>19</v>
      </c>
      <c r="HF26" s="62">
        <v>37</v>
      </c>
      <c r="HG26" s="231"/>
      <c r="HH26" s="61">
        <v>22</v>
      </c>
      <c r="HI26" s="61">
        <v>21</v>
      </c>
      <c r="HJ26" s="61">
        <v>11</v>
      </c>
      <c r="HK26" s="61">
        <v>17</v>
      </c>
      <c r="HL26" s="61">
        <v>9</v>
      </c>
      <c r="HM26" s="62">
        <v>80</v>
      </c>
      <c r="HN26" s="63">
        <v>117</v>
      </c>
      <c r="HO26" s="60">
        <v>49</v>
      </c>
      <c r="HP26" s="61">
        <v>58</v>
      </c>
      <c r="HQ26" s="62">
        <v>107</v>
      </c>
      <c r="HR26" s="231"/>
      <c r="HS26" s="61">
        <v>54</v>
      </c>
      <c r="HT26" s="61">
        <v>61</v>
      </c>
      <c r="HU26" s="61">
        <v>35</v>
      </c>
      <c r="HV26" s="61">
        <v>34</v>
      </c>
      <c r="HW26" s="61">
        <v>20</v>
      </c>
      <c r="HX26" s="62">
        <v>204</v>
      </c>
      <c r="HY26" s="63">
        <v>311</v>
      </c>
      <c r="HZ26" s="60">
        <v>112</v>
      </c>
      <c r="IA26" s="61">
        <v>111</v>
      </c>
      <c r="IB26" s="62">
        <v>223</v>
      </c>
      <c r="IC26" s="231"/>
      <c r="ID26" s="61">
        <v>129</v>
      </c>
      <c r="IE26" s="61">
        <v>100</v>
      </c>
      <c r="IF26" s="61">
        <v>65</v>
      </c>
      <c r="IG26" s="61">
        <v>81</v>
      </c>
      <c r="IH26" s="61">
        <v>51</v>
      </c>
      <c r="II26" s="62">
        <v>426</v>
      </c>
      <c r="IJ26" s="63">
        <v>649</v>
      </c>
      <c r="IK26" s="60">
        <v>165</v>
      </c>
      <c r="IL26" s="61">
        <v>199</v>
      </c>
      <c r="IM26" s="62">
        <v>364</v>
      </c>
      <c r="IN26" s="231"/>
      <c r="IO26" s="61">
        <v>236</v>
      </c>
      <c r="IP26" s="61">
        <v>182</v>
      </c>
      <c r="IQ26" s="61">
        <v>121</v>
      </c>
      <c r="IR26" s="61">
        <v>110</v>
      </c>
      <c r="IS26" s="61">
        <v>67</v>
      </c>
      <c r="IT26" s="62">
        <v>716</v>
      </c>
      <c r="IU26" s="63">
        <v>1080</v>
      </c>
      <c r="IV26" s="60">
        <v>123</v>
      </c>
      <c r="IW26" s="61">
        <v>161</v>
      </c>
      <c r="IX26" s="62">
        <v>284</v>
      </c>
      <c r="IY26" s="231"/>
      <c r="IZ26" s="61">
        <v>261</v>
      </c>
      <c r="JA26" s="61">
        <v>195</v>
      </c>
      <c r="JB26" s="61">
        <v>144</v>
      </c>
      <c r="JC26" s="61">
        <v>138</v>
      </c>
      <c r="JD26" s="61">
        <v>84</v>
      </c>
      <c r="JE26" s="62">
        <v>822</v>
      </c>
      <c r="JF26" s="63">
        <v>1106</v>
      </c>
      <c r="JG26" s="60">
        <v>45</v>
      </c>
      <c r="JH26" s="61">
        <v>75</v>
      </c>
      <c r="JI26" s="62">
        <v>120</v>
      </c>
      <c r="JJ26" s="231"/>
      <c r="JK26" s="61">
        <v>133</v>
      </c>
      <c r="JL26" s="61">
        <v>145</v>
      </c>
      <c r="JM26" s="61">
        <v>109</v>
      </c>
      <c r="JN26" s="61">
        <v>135</v>
      </c>
      <c r="JO26" s="61">
        <v>90</v>
      </c>
      <c r="JP26" s="62">
        <v>612</v>
      </c>
      <c r="JQ26" s="63">
        <v>732</v>
      </c>
      <c r="JR26" s="60">
        <v>9</v>
      </c>
      <c r="JS26" s="61">
        <v>16</v>
      </c>
      <c r="JT26" s="62">
        <v>25</v>
      </c>
      <c r="JU26" s="231"/>
      <c r="JV26" s="61">
        <v>12</v>
      </c>
      <c r="JW26" s="61">
        <v>23</v>
      </c>
      <c r="JX26" s="61">
        <v>12</v>
      </c>
      <c r="JY26" s="61">
        <v>11</v>
      </c>
      <c r="JZ26" s="61">
        <v>7</v>
      </c>
      <c r="KA26" s="62">
        <v>65</v>
      </c>
      <c r="KB26" s="63">
        <v>90</v>
      </c>
      <c r="KC26" s="60">
        <v>521</v>
      </c>
      <c r="KD26" s="61">
        <v>639</v>
      </c>
      <c r="KE26" s="62">
        <v>1160</v>
      </c>
      <c r="KF26" s="231"/>
      <c r="KG26" s="61">
        <v>847</v>
      </c>
      <c r="KH26" s="61">
        <v>727</v>
      </c>
      <c r="KI26" s="61">
        <v>497</v>
      </c>
      <c r="KJ26" s="61">
        <v>526</v>
      </c>
      <c r="KK26" s="61">
        <v>328</v>
      </c>
      <c r="KL26" s="62">
        <v>2925</v>
      </c>
      <c r="KM26" s="63">
        <v>4085</v>
      </c>
    </row>
    <row r="27" spans="2:299" ht="21" customHeight="1" x14ac:dyDescent="0.2">
      <c r="B27" s="472" t="s">
        <v>24</v>
      </c>
      <c r="C27" s="293">
        <v>111</v>
      </c>
      <c r="D27" s="72">
        <v>84</v>
      </c>
      <c r="E27" s="73">
        <v>195</v>
      </c>
      <c r="F27" s="228"/>
      <c r="G27" s="72">
        <v>165</v>
      </c>
      <c r="H27" s="72">
        <v>107</v>
      </c>
      <c r="I27" s="72">
        <v>66</v>
      </c>
      <c r="J27" s="72">
        <v>64</v>
      </c>
      <c r="K27" s="72">
        <v>49</v>
      </c>
      <c r="L27" s="74">
        <v>451</v>
      </c>
      <c r="M27" s="75">
        <v>646</v>
      </c>
      <c r="N27" s="60">
        <v>4</v>
      </c>
      <c r="O27" s="61">
        <v>2</v>
      </c>
      <c r="P27" s="62">
        <v>6</v>
      </c>
      <c r="Q27" s="231"/>
      <c r="R27" s="61">
        <v>5</v>
      </c>
      <c r="S27" s="61">
        <v>4</v>
      </c>
      <c r="T27" s="61">
        <v>2</v>
      </c>
      <c r="U27" s="61">
        <v>0</v>
      </c>
      <c r="V27" s="61">
        <v>5</v>
      </c>
      <c r="W27" s="62">
        <v>16</v>
      </c>
      <c r="X27" s="63">
        <v>22</v>
      </c>
      <c r="Y27" s="60">
        <v>6</v>
      </c>
      <c r="Z27" s="61">
        <v>6</v>
      </c>
      <c r="AA27" s="62">
        <v>12</v>
      </c>
      <c r="AB27" s="231"/>
      <c r="AC27" s="61">
        <v>15</v>
      </c>
      <c r="AD27" s="61">
        <v>8</v>
      </c>
      <c r="AE27" s="61">
        <v>4</v>
      </c>
      <c r="AF27" s="61">
        <v>7</v>
      </c>
      <c r="AG27" s="61">
        <v>8</v>
      </c>
      <c r="AH27" s="62">
        <v>42</v>
      </c>
      <c r="AI27" s="63">
        <v>54</v>
      </c>
      <c r="AJ27" s="60">
        <v>13</v>
      </c>
      <c r="AK27" s="61">
        <v>12</v>
      </c>
      <c r="AL27" s="62">
        <v>25</v>
      </c>
      <c r="AM27" s="231"/>
      <c r="AN27" s="61">
        <v>23</v>
      </c>
      <c r="AO27" s="61">
        <v>20</v>
      </c>
      <c r="AP27" s="61">
        <v>11</v>
      </c>
      <c r="AQ27" s="61">
        <v>9</v>
      </c>
      <c r="AR27" s="61">
        <v>3</v>
      </c>
      <c r="AS27" s="62">
        <v>66</v>
      </c>
      <c r="AT27" s="63">
        <v>91</v>
      </c>
      <c r="AU27" s="60">
        <v>24</v>
      </c>
      <c r="AV27" s="61">
        <v>20</v>
      </c>
      <c r="AW27" s="62">
        <v>44</v>
      </c>
      <c r="AX27" s="231"/>
      <c r="AY27" s="61">
        <v>43</v>
      </c>
      <c r="AZ27" s="61">
        <v>20</v>
      </c>
      <c r="BA27" s="61">
        <v>17</v>
      </c>
      <c r="BB27" s="61">
        <v>14</v>
      </c>
      <c r="BC27" s="61">
        <v>14</v>
      </c>
      <c r="BD27" s="62">
        <v>108</v>
      </c>
      <c r="BE27" s="63">
        <v>152</v>
      </c>
      <c r="BF27" s="60">
        <v>35</v>
      </c>
      <c r="BG27" s="61">
        <v>23</v>
      </c>
      <c r="BH27" s="62">
        <v>58</v>
      </c>
      <c r="BI27" s="231"/>
      <c r="BJ27" s="61">
        <v>43</v>
      </c>
      <c r="BK27" s="61">
        <v>32</v>
      </c>
      <c r="BL27" s="61">
        <v>14</v>
      </c>
      <c r="BM27" s="61">
        <v>20</v>
      </c>
      <c r="BN27" s="61">
        <v>10</v>
      </c>
      <c r="BO27" s="62">
        <v>119</v>
      </c>
      <c r="BP27" s="63">
        <v>177</v>
      </c>
      <c r="BQ27" s="60">
        <v>29</v>
      </c>
      <c r="BR27" s="61">
        <v>21</v>
      </c>
      <c r="BS27" s="62">
        <v>50</v>
      </c>
      <c r="BT27" s="231"/>
      <c r="BU27" s="61">
        <v>36</v>
      </c>
      <c r="BV27" s="61">
        <v>23</v>
      </c>
      <c r="BW27" s="61">
        <v>18</v>
      </c>
      <c r="BX27" s="61">
        <v>14</v>
      </c>
      <c r="BY27" s="61">
        <v>9</v>
      </c>
      <c r="BZ27" s="62">
        <v>100</v>
      </c>
      <c r="CA27" s="63">
        <v>150</v>
      </c>
      <c r="CB27" s="60">
        <v>3</v>
      </c>
      <c r="CC27" s="61">
        <v>2</v>
      </c>
      <c r="CD27" s="62">
        <v>5</v>
      </c>
      <c r="CE27" s="231"/>
      <c r="CF27" s="61">
        <v>4</v>
      </c>
      <c r="CG27" s="61">
        <v>5</v>
      </c>
      <c r="CH27" s="61">
        <v>2</v>
      </c>
      <c r="CI27" s="61">
        <v>3</v>
      </c>
      <c r="CJ27" s="61">
        <v>1</v>
      </c>
      <c r="CK27" s="62">
        <v>15</v>
      </c>
      <c r="CL27" s="63">
        <v>20</v>
      </c>
      <c r="CM27" s="60">
        <v>114</v>
      </c>
      <c r="CN27" s="61">
        <v>86</v>
      </c>
      <c r="CO27" s="62">
        <v>200</v>
      </c>
      <c r="CP27" s="231"/>
      <c r="CQ27" s="61">
        <v>169</v>
      </c>
      <c r="CR27" s="61">
        <v>112</v>
      </c>
      <c r="CS27" s="61">
        <v>68</v>
      </c>
      <c r="CT27" s="61">
        <v>67</v>
      </c>
      <c r="CU27" s="61">
        <v>50</v>
      </c>
      <c r="CV27" s="62">
        <v>466</v>
      </c>
      <c r="CW27" s="63">
        <v>666</v>
      </c>
      <c r="CX27" s="113">
        <v>225</v>
      </c>
      <c r="CY27" s="72">
        <v>175</v>
      </c>
      <c r="CZ27" s="73">
        <v>400</v>
      </c>
      <c r="DA27" s="228"/>
      <c r="DB27" s="72">
        <v>267</v>
      </c>
      <c r="DC27" s="72">
        <v>184</v>
      </c>
      <c r="DD27" s="72">
        <v>154</v>
      </c>
      <c r="DE27" s="72">
        <v>184</v>
      </c>
      <c r="DF27" s="72">
        <v>111</v>
      </c>
      <c r="DG27" s="74">
        <v>900</v>
      </c>
      <c r="DH27" s="75">
        <v>1300</v>
      </c>
      <c r="DI27" s="60">
        <v>4</v>
      </c>
      <c r="DJ27" s="61">
        <v>3</v>
      </c>
      <c r="DK27" s="62">
        <v>7</v>
      </c>
      <c r="DL27" s="231"/>
      <c r="DM27" s="61">
        <v>3</v>
      </c>
      <c r="DN27" s="61">
        <v>1</v>
      </c>
      <c r="DO27" s="61">
        <v>2</v>
      </c>
      <c r="DP27" s="61">
        <v>2</v>
      </c>
      <c r="DQ27" s="61">
        <v>2</v>
      </c>
      <c r="DR27" s="62">
        <v>10</v>
      </c>
      <c r="DS27" s="63">
        <v>17</v>
      </c>
      <c r="DT27" s="60">
        <v>13</v>
      </c>
      <c r="DU27" s="61">
        <v>5</v>
      </c>
      <c r="DV27" s="62">
        <v>18</v>
      </c>
      <c r="DW27" s="231"/>
      <c r="DX27" s="61">
        <v>8</v>
      </c>
      <c r="DY27" s="61">
        <v>8</v>
      </c>
      <c r="DZ27" s="61">
        <v>3</v>
      </c>
      <c r="EA27" s="61">
        <v>7</v>
      </c>
      <c r="EB27" s="61">
        <v>3</v>
      </c>
      <c r="EC27" s="62">
        <v>29</v>
      </c>
      <c r="ED27" s="63">
        <v>47</v>
      </c>
      <c r="EE27" s="60">
        <v>28</v>
      </c>
      <c r="EF27" s="61">
        <v>24</v>
      </c>
      <c r="EG27" s="62">
        <v>52</v>
      </c>
      <c r="EH27" s="231"/>
      <c r="EI27" s="61">
        <v>22</v>
      </c>
      <c r="EJ27" s="61">
        <v>17</v>
      </c>
      <c r="EK27" s="61">
        <v>14</v>
      </c>
      <c r="EL27" s="61">
        <v>14</v>
      </c>
      <c r="EM27" s="61">
        <v>7</v>
      </c>
      <c r="EN27" s="62">
        <v>74</v>
      </c>
      <c r="EO27" s="63">
        <v>126</v>
      </c>
      <c r="EP27" s="60">
        <v>57</v>
      </c>
      <c r="EQ27" s="61">
        <v>45</v>
      </c>
      <c r="ER27" s="62">
        <v>102</v>
      </c>
      <c r="ES27" s="231"/>
      <c r="ET27" s="61">
        <v>67</v>
      </c>
      <c r="EU27" s="61">
        <v>36</v>
      </c>
      <c r="EV27" s="61">
        <v>22</v>
      </c>
      <c r="EW27" s="61">
        <v>29</v>
      </c>
      <c r="EX27" s="61">
        <v>17</v>
      </c>
      <c r="EY27" s="62">
        <v>171</v>
      </c>
      <c r="EZ27" s="63">
        <v>273</v>
      </c>
      <c r="FA27" s="60">
        <v>79</v>
      </c>
      <c r="FB27" s="61">
        <v>56</v>
      </c>
      <c r="FC27" s="62">
        <v>135</v>
      </c>
      <c r="FD27" s="231"/>
      <c r="FE27" s="61">
        <v>88</v>
      </c>
      <c r="FF27" s="61">
        <v>52</v>
      </c>
      <c r="FG27" s="61">
        <v>36</v>
      </c>
      <c r="FH27" s="61">
        <v>42</v>
      </c>
      <c r="FI27" s="61">
        <v>23</v>
      </c>
      <c r="FJ27" s="62">
        <v>241</v>
      </c>
      <c r="FK27" s="63">
        <v>376</v>
      </c>
      <c r="FL27" s="60">
        <v>44</v>
      </c>
      <c r="FM27" s="61">
        <v>42</v>
      </c>
      <c r="FN27" s="62">
        <v>86</v>
      </c>
      <c r="FO27" s="231"/>
      <c r="FP27" s="61">
        <v>79</v>
      </c>
      <c r="FQ27" s="61">
        <v>70</v>
      </c>
      <c r="FR27" s="61">
        <v>77</v>
      </c>
      <c r="FS27" s="61">
        <v>90</v>
      </c>
      <c r="FT27" s="61">
        <v>59</v>
      </c>
      <c r="FU27" s="62">
        <v>375</v>
      </c>
      <c r="FV27" s="63">
        <v>461</v>
      </c>
      <c r="FW27" s="60">
        <v>2</v>
      </c>
      <c r="FX27" s="61">
        <v>2</v>
      </c>
      <c r="FY27" s="62">
        <v>4</v>
      </c>
      <c r="FZ27" s="231"/>
      <c r="GA27" s="61">
        <v>0</v>
      </c>
      <c r="GB27" s="61">
        <v>3</v>
      </c>
      <c r="GC27" s="61">
        <v>3</v>
      </c>
      <c r="GD27" s="61">
        <v>1</v>
      </c>
      <c r="GE27" s="61">
        <v>4</v>
      </c>
      <c r="GF27" s="62">
        <v>11</v>
      </c>
      <c r="GG27" s="63">
        <v>15</v>
      </c>
      <c r="GH27" s="60">
        <v>227</v>
      </c>
      <c r="GI27" s="61">
        <v>177</v>
      </c>
      <c r="GJ27" s="62">
        <v>404</v>
      </c>
      <c r="GK27" s="231"/>
      <c r="GL27" s="61">
        <v>267</v>
      </c>
      <c r="GM27" s="61">
        <v>187</v>
      </c>
      <c r="GN27" s="61">
        <v>157</v>
      </c>
      <c r="GO27" s="61">
        <v>185</v>
      </c>
      <c r="GP27" s="61">
        <v>115</v>
      </c>
      <c r="GQ27" s="62">
        <v>911</v>
      </c>
      <c r="GR27" s="63">
        <v>1315</v>
      </c>
      <c r="GS27" s="113">
        <v>336</v>
      </c>
      <c r="GT27" s="72">
        <v>259</v>
      </c>
      <c r="GU27" s="73">
        <v>595</v>
      </c>
      <c r="GV27" s="228"/>
      <c r="GW27" s="72">
        <v>432</v>
      </c>
      <c r="GX27" s="72">
        <v>291</v>
      </c>
      <c r="GY27" s="72">
        <v>220</v>
      </c>
      <c r="GZ27" s="72">
        <v>248</v>
      </c>
      <c r="HA27" s="72">
        <v>160</v>
      </c>
      <c r="HB27" s="74">
        <v>1351</v>
      </c>
      <c r="HC27" s="75">
        <v>1946</v>
      </c>
      <c r="HD27" s="60">
        <v>8</v>
      </c>
      <c r="HE27" s="61">
        <v>5</v>
      </c>
      <c r="HF27" s="62">
        <v>13</v>
      </c>
      <c r="HG27" s="231"/>
      <c r="HH27" s="61">
        <v>8</v>
      </c>
      <c r="HI27" s="61">
        <v>5</v>
      </c>
      <c r="HJ27" s="61">
        <v>4</v>
      </c>
      <c r="HK27" s="61">
        <v>2</v>
      </c>
      <c r="HL27" s="61">
        <v>7</v>
      </c>
      <c r="HM27" s="62">
        <v>26</v>
      </c>
      <c r="HN27" s="63">
        <v>39</v>
      </c>
      <c r="HO27" s="60">
        <v>19</v>
      </c>
      <c r="HP27" s="61">
        <v>11</v>
      </c>
      <c r="HQ27" s="62">
        <v>30</v>
      </c>
      <c r="HR27" s="231"/>
      <c r="HS27" s="61">
        <v>23</v>
      </c>
      <c r="HT27" s="61">
        <v>16</v>
      </c>
      <c r="HU27" s="61">
        <v>7</v>
      </c>
      <c r="HV27" s="61">
        <v>14</v>
      </c>
      <c r="HW27" s="61">
        <v>11</v>
      </c>
      <c r="HX27" s="62">
        <v>71</v>
      </c>
      <c r="HY27" s="63">
        <v>101</v>
      </c>
      <c r="HZ27" s="60">
        <v>41</v>
      </c>
      <c r="IA27" s="61">
        <v>36</v>
      </c>
      <c r="IB27" s="62">
        <v>77</v>
      </c>
      <c r="IC27" s="231"/>
      <c r="ID27" s="61">
        <v>45</v>
      </c>
      <c r="IE27" s="61">
        <v>37</v>
      </c>
      <c r="IF27" s="61">
        <v>25</v>
      </c>
      <c r="IG27" s="61">
        <v>23</v>
      </c>
      <c r="IH27" s="61">
        <v>10</v>
      </c>
      <c r="II27" s="62">
        <v>140</v>
      </c>
      <c r="IJ27" s="63">
        <v>217</v>
      </c>
      <c r="IK27" s="60">
        <v>81</v>
      </c>
      <c r="IL27" s="61">
        <v>65</v>
      </c>
      <c r="IM27" s="62">
        <v>146</v>
      </c>
      <c r="IN27" s="231"/>
      <c r="IO27" s="61">
        <v>110</v>
      </c>
      <c r="IP27" s="61">
        <v>56</v>
      </c>
      <c r="IQ27" s="61">
        <v>39</v>
      </c>
      <c r="IR27" s="61">
        <v>43</v>
      </c>
      <c r="IS27" s="61">
        <v>31</v>
      </c>
      <c r="IT27" s="62">
        <v>279</v>
      </c>
      <c r="IU27" s="63">
        <v>425</v>
      </c>
      <c r="IV27" s="60">
        <v>114</v>
      </c>
      <c r="IW27" s="61">
        <v>79</v>
      </c>
      <c r="IX27" s="62">
        <v>193</v>
      </c>
      <c r="IY27" s="231"/>
      <c r="IZ27" s="61">
        <v>131</v>
      </c>
      <c r="JA27" s="61">
        <v>84</v>
      </c>
      <c r="JB27" s="61">
        <v>50</v>
      </c>
      <c r="JC27" s="61">
        <v>62</v>
      </c>
      <c r="JD27" s="61">
        <v>33</v>
      </c>
      <c r="JE27" s="62">
        <v>360</v>
      </c>
      <c r="JF27" s="63">
        <v>553</v>
      </c>
      <c r="JG27" s="60">
        <v>73</v>
      </c>
      <c r="JH27" s="61">
        <v>63</v>
      </c>
      <c r="JI27" s="62">
        <v>136</v>
      </c>
      <c r="JJ27" s="231"/>
      <c r="JK27" s="61">
        <v>115</v>
      </c>
      <c r="JL27" s="61">
        <v>93</v>
      </c>
      <c r="JM27" s="61">
        <v>95</v>
      </c>
      <c r="JN27" s="61">
        <v>104</v>
      </c>
      <c r="JO27" s="61">
        <v>68</v>
      </c>
      <c r="JP27" s="62">
        <v>475</v>
      </c>
      <c r="JQ27" s="63">
        <v>611</v>
      </c>
      <c r="JR27" s="60">
        <v>5</v>
      </c>
      <c r="JS27" s="61">
        <v>4</v>
      </c>
      <c r="JT27" s="62">
        <v>9</v>
      </c>
      <c r="JU27" s="231"/>
      <c r="JV27" s="61">
        <v>4</v>
      </c>
      <c r="JW27" s="61">
        <v>8</v>
      </c>
      <c r="JX27" s="61">
        <v>5</v>
      </c>
      <c r="JY27" s="61">
        <v>4</v>
      </c>
      <c r="JZ27" s="61">
        <v>5</v>
      </c>
      <c r="KA27" s="62">
        <v>26</v>
      </c>
      <c r="KB27" s="63">
        <v>35</v>
      </c>
      <c r="KC27" s="60">
        <v>341</v>
      </c>
      <c r="KD27" s="61">
        <v>263</v>
      </c>
      <c r="KE27" s="62">
        <v>604</v>
      </c>
      <c r="KF27" s="231"/>
      <c r="KG27" s="61">
        <v>436</v>
      </c>
      <c r="KH27" s="61">
        <v>299</v>
      </c>
      <c r="KI27" s="61">
        <v>225</v>
      </c>
      <c r="KJ27" s="61">
        <v>252</v>
      </c>
      <c r="KK27" s="61">
        <v>165</v>
      </c>
      <c r="KL27" s="62">
        <v>1377</v>
      </c>
      <c r="KM27" s="63">
        <v>1981</v>
      </c>
    </row>
    <row r="28" spans="2:299" ht="21" customHeight="1" x14ac:dyDescent="0.2">
      <c r="B28" s="472" t="s">
        <v>25</v>
      </c>
      <c r="C28" s="293">
        <v>123</v>
      </c>
      <c r="D28" s="72">
        <v>107</v>
      </c>
      <c r="E28" s="73">
        <v>230</v>
      </c>
      <c r="F28" s="228"/>
      <c r="G28" s="72">
        <v>198</v>
      </c>
      <c r="H28" s="72">
        <v>146</v>
      </c>
      <c r="I28" s="72">
        <v>92</v>
      </c>
      <c r="J28" s="72">
        <v>114</v>
      </c>
      <c r="K28" s="72">
        <v>63</v>
      </c>
      <c r="L28" s="74">
        <v>613</v>
      </c>
      <c r="M28" s="75">
        <v>843</v>
      </c>
      <c r="N28" s="60">
        <v>5</v>
      </c>
      <c r="O28" s="61">
        <v>5</v>
      </c>
      <c r="P28" s="62">
        <v>10</v>
      </c>
      <c r="Q28" s="231"/>
      <c r="R28" s="61">
        <v>7</v>
      </c>
      <c r="S28" s="61">
        <v>9</v>
      </c>
      <c r="T28" s="61">
        <v>3</v>
      </c>
      <c r="U28" s="61">
        <v>5</v>
      </c>
      <c r="V28" s="61">
        <v>2</v>
      </c>
      <c r="W28" s="62">
        <v>26</v>
      </c>
      <c r="X28" s="63">
        <v>36</v>
      </c>
      <c r="Y28" s="60">
        <v>15</v>
      </c>
      <c r="Z28" s="61">
        <v>10</v>
      </c>
      <c r="AA28" s="62">
        <v>25</v>
      </c>
      <c r="AB28" s="231"/>
      <c r="AC28" s="61">
        <v>21</v>
      </c>
      <c r="AD28" s="61">
        <v>18</v>
      </c>
      <c r="AE28" s="61">
        <v>9</v>
      </c>
      <c r="AF28" s="61">
        <v>15</v>
      </c>
      <c r="AG28" s="61">
        <v>2</v>
      </c>
      <c r="AH28" s="62">
        <v>65</v>
      </c>
      <c r="AI28" s="63">
        <v>90</v>
      </c>
      <c r="AJ28" s="60">
        <v>22</v>
      </c>
      <c r="AK28" s="61">
        <v>19</v>
      </c>
      <c r="AL28" s="62">
        <v>41</v>
      </c>
      <c r="AM28" s="231"/>
      <c r="AN28" s="61">
        <v>35</v>
      </c>
      <c r="AO28" s="61">
        <v>26</v>
      </c>
      <c r="AP28" s="61">
        <v>15</v>
      </c>
      <c r="AQ28" s="61">
        <v>24</v>
      </c>
      <c r="AR28" s="61">
        <v>9</v>
      </c>
      <c r="AS28" s="62">
        <v>109</v>
      </c>
      <c r="AT28" s="63">
        <v>150</v>
      </c>
      <c r="AU28" s="60">
        <v>41</v>
      </c>
      <c r="AV28" s="61">
        <v>36</v>
      </c>
      <c r="AW28" s="62">
        <v>77</v>
      </c>
      <c r="AX28" s="231"/>
      <c r="AY28" s="61">
        <v>58</v>
      </c>
      <c r="AZ28" s="61">
        <v>37</v>
      </c>
      <c r="BA28" s="61">
        <v>31</v>
      </c>
      <c r="BB28" s="61">
        <v>32</v>
      </c>
      <c r="BC28" s="61">
        <v>24</v>
      </c>
      <c r="BD28" s="62">
        <v>182</v>
      </c>
      <c r="BE28" s="63">
        <v>259</v>
      </c>
      <c r="BF28" s="60">
        <v>29</v>
      </c>
      <c r="BG28" s="61">
        <v>25</v>
      </c>
      <c r="BH28" s="62">
        <v>54</v>
      </c>
      <c r="BI28" s="231"/>
      <c r="BJ28" s="61">
        <v>49</v>
      </c>
      <c r="BK28" s="61">
        <v>35</v>
      </c>
      <c r="BL28" s="61">
        <v>27</v>
      </c>
      <c r="BM28" s="61">
        <v>23</v>
      </c>
      <c r="BN28" s="61">
        <v>16</v>
      </c>
      <c r="BO28" s="62">
        <v>150</v>
      </c>
      <c r="BP28" s="63">
        <v>204</v>
      </c>
      <c r="BQ28" s="60">
        <v>11</v>
      </c>
      <c r="BR28" s="61">
        <v>12</v>
      </c>
      <c r="BS28" s="62">
        <v>23</v>
      </c>
      <c r="BT28" s="231"/>
      <c r="BU28" s="61">
        <v>28</v>
      </c>
      <c r="BV28" s="61">
        <v>21</v>
      </c>
      <c r="BW28" s="61">
        <v>7</v>
      </c>
      <c r="BX28" s="61">
        <v>15</v>
      </c>
      <c r="BY28" s="61">
        <v>10</v>
      </c>
      <c r="BZ28" s="62">
        <v>81</v>
      </c>
      <c r="CA28" s="63">
        <v>104</v>
      </c>
      <c r="CB28" s="60">
        <v>2</v>
      </c>
      <c r="CC28" s="61">
        <v>2</v>
      </c>
      <c r="CD28" s="62">
        <v>4</v>
      </c>
      <c r="CE28" s="231"/>
      <c r="CF28" s="61">
        <v>3</v>
      </c>
      <c r="CG28" s="61">
        <v>11</v>
      </c>
      <c r="CH28" s="61">
        <v>1</v>
      </c>
      <c r="CI28" s="61">
        <v>3</v>
      </c>
      <c r="CJ28" s="61">
        <v>2</v>
      </c>
      <c r="CK28" s="62">
        <v>20</v>
      </c>
      <c r="CL28" s="63">
        <v>24</v>
      </c>
      <c r="CM28" s="60">
        <v>125</v>
      </c>
      <c r="CN28" s="61">
        <v>109</v>
      </c>
      <c r="CO28" s="62">
        <v>234</v>
      </c>
      <c r="CP28" s="231"/>
      <c r="CQ28" s="61">
        <v>201</v>
      </c>
      <c r="CR28" s="61">
        <v>157</v>
      </c>
      <c r="CS28" s="61">
        <v>93</v>
      </c>
      <c r="CT28" s="61">
        <v>117</v>
      </c>
      <c r="CU28" s="61">
        <v>65</v>
      </c>
      <c r="CV28" s="62">
        <v>633</v>
      </c>
      <c r="CW28" s="63">
        <v>867</v>
      </c>
      <c r="CX28" s="113">
        <v>209</v>
      </c>
      <c r="CY28" s="72">
        <v>225</v>
      </c>
      <c r="CZ28" s="73">
        <v>434</v>
      </c>
      <c r="DA28" s="228"/>
      <c r="DB28" s="72">
        <v>323</v>
      </c>
      <c r="DC28" s="72">
        <v>219</v>
      </c>
      <c r="DD28" s="72">
        <v>184</v>
      </c>
      <c r="DE28" s="72">
        <v>175</v>
      </c>
      <c r="DF28" s="72">
        <v>102</v>
      </c>
      <c r="DG28" s="74">
        <v>1003</v>
      </c>
      <c r="DH28" s="75">
        <v>1437</v>
      </c>
      <c r="DI28" s="60">
        <v>4</v>
      </c>
      <c r="DJ28" s="61">
        <v>4</v>
      </c>
      <c r="DK28" s="62">
        <v>8</v>
      </c>
      <c r="DL28" s="231"/>
      <c r="DM28" s="61">
        <v>7</v>
      </c>
      <c r="DN28" s="61">
        <v>7</v>
      </c>
      <c r="DO28" s="61">
        <v>5</v>
      </c>
      <c r="DP28" s="61">
        <v>1</v>
      </c>
      <c r="DQ28" s="61">
        <v>2</v>
      </c>
      <c r="DR28" s="62">
        <v>22</v>
      </c>
      <c r="DS28" s="63">
        <v>30</v>
      </c>
      <c r="DT28" s="60">
        <v>20</v>
      </c>
      <c r="DU28" s="61">
        <v>19</v>
      </c>
      <c r="DV28" s="62">
        <v>39</v>
      </c>
      <c r="DW28" s="231"/>
      <c r="DX28" s="61">
        <v>24</v>
      </c>
      <c r="DY28" s="61">
        <v>17</v>
      </c>
      <c r="DZ28" s="61">
        <v>13</v>
      </c>
      <c r="EA28" s="61">
        <v>6</v>
      </c>
      <c r="EB28" s="61">
        <v>11</v>
      </c>
      <c r="EC28" s="62">
        <v>71</v>
      </c>
      <c r="ED28" s="63">
        <v>110</v>
      </c>
      <c r="EE28" s="60">
        <v>31</v>
      </c>
      <c r="EF28" s="61">
        <v>26</v>
      </c>
      <c r="EG28" s="62">
        <v>57</v>
      </c>
      <c r="EH28" s="231"/>
      <c r="EI28" s="61">
        <v>54</v>
      </c>
      <c r="EJ28" s="61">
        <v>33</v>
      </c>
      <c r="EK28" s="61">
        <v>22</v>
      </c>
      <c r="EL28" s="61">
        <v>21</v>
      </c>
      <c r="EM28" s="61">
        <v>14</v>
      </c>
      <c r="EN28" s="62">
        <v>144</v>
      </c>
      <c r="EO28" s="63">
        <v>201</v>
      </c>
      <c r="EP28" s="60">
        <v>69</v>
      </c>
      <c r="EQ28" s="61">
        <v>68</v>
      </c>
      <c r="ER28" s="62">
        <v>137</v>
      </c>
      <c r="ES28" s="231"/>
      <c r="ET28" s="61">
        <v>82</v>
      </c>
      <c r="EU28" s="61">
        <v>47</v>
      </c>
      <c r="EV28" s="61">
        <v>43</v>
      </c>
      <c r="EW28" s="61">
        <v>36</v>
      </c>
      <c r="EX28" s="61">
        <v>15</v>
      </c>
      <c r="EY28" s="62">
        <v>223</v>
      </c>
      <c r="EZ28" s="63">
        <v>360</v>
      </c>
      <c r="FA28" s="60">
        <v>57</v>
      </c>
      <c r="FB28" s="61">
        <v>65</v>
      </c>
      <c r="FC28" s="62">
        <v>122</v>
      </c>
      <c r="FD28" s="231"/>
      <c r="FE28" s="61">
        <v>81</v>
      </c>
      <c r="FF28" s="61">
        <v>61</v>
      </c>
      <c r="FG28" s="61">
        <v>50</v>
      </c>
      <c r="FH28" s="61">
        <v>46</v>
      </c>
      <c r="FI28" s="61">
        <v>26</v>
      </c>
      <c r="FJ28" s="62">
        <v>264</v>
      </c>
      <c r="FK28" s="63">
        <v>386</v>
      </c>
      <c r="FL28" s="60">
        <v>28</v>
      </c>
      <c r="FM28" s="61">
        <v>43</v>
      </c>
      <c r="FN28" s="62">
        <v>71</v>
      </c>
      <c r="FO28" s="231"/>
      <c r="FP28" s="61">
        <v>75</v>
      </c>
      <c r="FQ28" s="61">
        <v>54</v>
      </c>
      <c r="FR28" s="61">
        <v>51</v>
      </c>
      <c r="FS28" s="61">
        <v>65</v>
      </c>
      <c r="FT28" s="61">
        <v>34</v>
      </c>
      <c r="FU28" s="62">
        <v>279</v>
      </c>
      <c r="FV28" s="63">
        <v>350</v>
      </c>
      <c r="FW28" s="60">
        <v>2</v>
      </c>
      <c r="FX28" s="61">
        <v>4</v>
      </c>
      <c r="FY28" s="62">
        <v>6</v>
      </c>
      <c r="FZ28" s="231"/>
      <c r="GA28" s="61">
        <v>3</v>
      </c>
      <c r="GB28" s="61">
        <v>3</v>
      </c>
      <c r="GC28" s="61">
        <v>2</v>
      </c>
      <c r="GD28" s="61">
        <v>2</v>
      </c>
      <c r="GE28" s="61">
        <v>6</v>
      </c>
      <c r="GF28" s="62">
        <v>16</v>
      </c>
      <c r="GG28" s="63">
        <v>22</v>
      </c>
      <c r="GH28" s="60">
        <v>211</v>
      </c>
      <c r="GI28" s="61">
        <v>229</v>
      </c>
      <c r="GJ28" s="62">
        <v>440</v>
      </c>
      <c r="GK28" s="231"/>
      <c r="GL28" s="61">
        <v>326</v>
      </c>
      <c r="GM28" s="61">
        <v>222</v>
      </c>
      <c r="GN28" s="61">
        <v>186</v>
      </c>
      <c r="GO28" s="61">
        <v>177</v>
      </c>
      <c r="GP28" s="61">
        <v>108</v>
      </c>
      <c r="GQ28" s="62">
        <v>1019</v>
      </c>
      <c r="GR28" s="63">
        <v>1459</v>
      </c>
      <c r="GS28" s="113">
        <v>332</v>
      </c>
      <c r="GT28" s="72">
        <v>332</v>
      </c>
      <c r="GU28" s="73">
        <v>664</v>
      </c>
      <c r="GV28" s="228"/>
      <c r="GW28" s="72">
        <v>521</v>
      </c>
      <c r="GX28" s="72">
        <v>365</v>
      </c>
      <c r="GY28" s="72">
        <v>276</v>
      </c>
      <c r="GZ28" s="72">
        <v>289</v>
      </c>
      <c r="HA28" s="72">
        <v>165</v>
      </c>
      <c r="HB28" s="74">
        <v>1616</v>
      </c>
      <c r="HC28" s="75">
        <v>2280</v>
      </c>
      <c r="HD28" s="60">
        <v>9</v>
      </c>
      <c r="HE28" s="61">
        <v>9</v>
      </c>
      <c r="HF28" s="62">
        <v>18</v>
      </c>
      <c r="HG28" s="231"/>
      <c r="HH28" s="61">
        <v>14</v>
      </c>
      <c r="HI28" s="61">
        <v>16</v>
      </c>
      <c r="HJ28" s="61">
        <v>8</v>
      </c>
      <c r="HK28" s="61">
        <v>6</v>
      </c>
      <c r="HL28" s="61">
        <v>4</v>
      </c>
      <c r="HM28" s="62">
        <v>48</v>
      </c>
      <c r="HN28" s="63">
        <v>66</v>
      </c>
      <c r="HO28" s="60">
        <v>35</v>
      </c>
      <c r="HP28" s="61">
        <v>29</v>
      </c>
      <c r="HQ28" s="62">
        <v>64</v>
      </c>
      <c r="HR28" s="231"/>
      <c r="HS28" s="61">
        <v>45</v>
      </c>
      <c r="HT28" s="61">
        <v>35</v>
      </c>
      <c r="HU28" s="61">
        <v>22</v>
      </c>
      <c r="HV28" s="61">
        <v>21</v>
      </c>
      <c r="HW28" s="61">
        <v>13</v>
      </c>
      <c r="HX28" s="62">
        <v>136</v>
      </c>
      <c r="HY28" s="63">
        <v>200</v>
      </c>
      <c r="HZ28" s="60">
        <v>53</v>
      </c>
      <c r="IA28" s="61">
        <v>45</v>
      </c>
      <c r="IB28" s="62">
        <v>98</v>
      </c>
      <c r="IC28" s="231"/>
      <c r="ID28" s="61">
        <v>89</v>
      </c>
      <c r="IE28" s="61">
        <v>59</v>
      </c>
      <c r="IF28" s="61">
        <v>37</v>
      </c>
      <c r="IG28" s="61">
        <v>45</v>
      </c>
      <c r="IH28" s="61">
        <v>23</v>
      </c>
      <c r="II28" s="62">
        <v>253</v>
      </c>
      <c r="IJ28" s="63">
        <v>351</v>
      </c>
      <c r="IK28" s="60">
        <v>110</v>
      </c>
      <c r="IL28" s="61">
        <v>104</v>
      </c>
      <c r="IM28" s="62">
        <v>214</v>
      </c>
      <c r="IN28" s="231"/>
      <c r="IO28" s="61">
        <v>140</v>
      </c>
      <c r="IP28" s="61">
        <v>84</v>
      </c>
      <c r="IQ28" s="61">
        <v>74</v>
      </c>
      <c r="IR28" s="61">
        <v>68</v>
      </c>
      <c r="IS28" s="61">
        <v>39</v>
      </c>
      <c r="IT28" s="62">
        <v>405</v>
      </c>
      <c r="IU28" s="63">
        <v>619</v>
      </c>
      <c r="IV28" s="60">
        <v>86</v>
      </c>
      <c r="IW28" s="61">
        <v>90</v>
      </c>
      <c r="IX28" s="62">
        <v>176</v>
      </c>
      <c r="IY28" s="231"/>
      <c r="IZ28" s="61">
        <v>130</v>
      </c>
      <c r="JA28" s="61">
        <v>96</v>
      </c>
      <c r="JB28" s="61">
        <v>77</v>
      </c>
      <c r="JC28" s="61">
        <v>69</v>
      </c>
      <c r="JD28" s="61">
        <v>42</v>
      </c>
      <c r="JE28" s="62">
        <v>414</v>
      </c>
      <c r="JF28" s="63">
        <v>590</v>
      </c>
      <c r="JG28" s="60">
        <v>39</v>
      </c>
      <c r="JH28" s="61">
        <v>55</v>
      </c>
      <c r="JI28" s="62">
        <v>94</v>
      </c>
      <c r="JJ28" s="231"/>
      <c r="JK28" s="61">
        <v>103</v>
      </c>
      <c r="JL28" s="61">
        <v>75</v>
      </c>
      <c r="JM28" s="61">
        <v>58</v>
      </c>
      <c r="JN28" s="61">
        <v>80</v>
      </c>
      <c r="JO28" s="61">
        <v>44</v>
      </c>
      <c r="JP28" s="62">
        <v>360</v>
      </c>
      <c r="JQ28" s="63">
        <v>454</v>
      </c>
      <c r="JR28" s="60">
        <v>4</v>
      </c>
      <c r="JS28" s="61">
        <v>6</v>
      </c>
      <c r="JT28" s="62">
        <v>10</v>
      </c>
      <c r="JU28" s="231"/>
      <c r="JV28" s="61">
        <v>6</v>
      </c>
      <c r="JW28" s="61">
        <v>14</v>
      </c>
      <c r="JX28" s="61">
        <v>3</v>
      </c>
      <c r="JY28" s="61">
        <v>5</v>
      </c>
      <c r="JZ28" s="61">
        <v>8</v>
      </c>
      <c r="KA28" s="62">
        <v>36</v>
      </c>
      <c r="KB28" s="63">
        <v>46</v>
      </c>
      <c r="KC28" s="60">
        <v>336</v>
      </c>
      <c r="KD28" s="61">
        <v>338</v>
      </c>
      <c r="KE28" s="62">
        <v>674</v>
      </c>
      <c r="KF28" s="231"/>
      <c r="KG28" s="61">
        <v>527</v>
      </c>
      <c r="KH28" s="61">
        <v>379</v>
      </c>
      <c r="KI28" s="61">
        <v>279</v>
      </c>
      <c r="KJ28" s="61">
        <v>294</v>
      </c>
      <c r="KK28" s="61">
        <v>173</v>
      </c>
      <c r="KL28" s="62">
        <v>1652</v>
      </c>
      <c r="KM28" s="63">
        <v>2326</v>
      </c>
    </row>
    <row r="29" spans="2:299" ht="21" customHeight="1" x14ac:dyDescent="0.2">
      <c r="B29" s="472" t="s">
        <v>26</v>
      </c>
      <c r="C29" s="293">
        <v>76</v>
      </c>
      <c r="D29" s="72">
        <v>70</v>
      </c>
      <c r="E29" s="73">
        <v>146</v>
      </c>
      <c r="F29" s="228"/>
      <c r="G29" s="72">
        <v>146</v>
      </c>
      <c r="H29" s="72">
        <v>109</v>
      </c>
      <c r="I29" s="72">
        <v>103</v>
      </c>
      <c r="J29" s="72">
        <v>73</v>
      </c>
      <c r="K29" s="72">
        <v>47</v>
      </c>
      <c r="L29" s="74">
        <v>478</v>
      </c>
      <c r="M29" s="75">
        <v>624</v>
      </c>
      <c r="N29" s="60">
        <v>3</v>
      </c>
      <c r="O29" s="61">
        <v>3</v>
      </c>
      <c r="P29" s="62">
        <v>6</v>
      </c>
      <c r="Q29" s="231"/>
      <c r="R29" s="61">
        <v>5</v>
      </c>
      <c r="S29" s="61">
        <v>1</v>
      </c>
      <c r="T29" s="61">
        <v>8</v>
      </c>
      <c r="U29" s="61">
        <v>3</v>
      </c>
      <c r="V29" s="61">
        <v>3</v>
      </c>
      <c r="W29" s="62">
        <v>20</v>
      </c>
      <c r="X29" s="63">
        <v>26</v>
      </c>
      <c r="Y29" s="60">
        <v>6</v>
      </c>
      <c r="Z29" s="61">
        <v>7</v>
      </c>
      <c r="AA29" s="62">
        <v>13</v>
      </c>
      <c r="AB29" s="231"/>
      <c r="AC29" s="61">
        <v>12</v>
      </c>
      <c r="AD29" s="61">
        <v>13</v>
      </c>
      <c r="AE29" s="61">
        <v>8</v>
      </c>
      <c r="AF29" s="61">
        <v>8</v>
      </c>
      <c r="AG29" s="61">
        <v>10</v>
      </c>
      <c r="AH29" s="62">
        <v>51</v>
      </c>
      <c r="AI29" s="63">
        <v>64</v>
      </c>
      <c r="AJ29" s="60">
        <v>6</v>
      </c>
      <c r="AK29" s="61">
        <v>15</v>
      </c>
      <c r="AL29" s="62">
        <v>21</v>
      </c>
      <c r="AM29" s="231"/>
      <c r="AN29" s="61">
        <v>21</v>
      </c>
      <c r="AO29" s="61">
        <v>11</v>
      </c>
      <c r="AP29" s="61">
        <v>15</v>
      </c>
      <c r="AQ29" s="61">
        <v>11</v>
      </c>
      <c r="AR29" s="61">
        <v>7</v>
      </c>
      <c r="AS29" s="62">
        <v>65</v>
      </c>
      <c r="AT29" s="63">
        <v>86</v>
      </c>
      <c r="AU29" s="60">
        <v>22</v>
      </c>
      <c r="AV29" s="61">
        <v>17</v>
      </c>
      <c r="AW29" s="62">
        <v>39</v>
      </c>
      <c r="AX29" s="231"/>
      <c r="AY29" s="61">
        <v>48</v>
      </c>
      <c r="AZ29" s="61">
        <v>27</v>
      </c>
      <c r="BA29" s="61">
        <v>25</v>
      </c>
      <c r="BB29" s="61">
        <v>22</v>
      </c>
      <c r="BC29" s="61">
        <v>8</v>
      </c>
      <c r="BD29" s="62">
        <v>130</v>
      </c>
      <c r="BE29" s="63">
        <v>169</v>
      </c>
      <c r="BF29" s="60">
        <v>19</v>
      </c>
      <c r="BG29" s="61">
        <v>20</v>
      </c>
      <c r="BH29" s="62">
        <v>39</v>
      </c>
      <c r="BI29" s="231"/>
      <c r="BJ29" s="61">
        <v>32</v>
      </c>
      <c r="BK29" s="61">
        <v>31</v>
      </c>
      <c r="BL29" s="61">
        <v>30</v>
      </c>
      <c r="BM29" s="61">
        <v>18</v>
      </c>
      <c r="BN29" s="61">
        <v>8</v>
      </c>
      <c r="BO29" s="62">
        <v>119</v>
      </c>
      <c r="BP29" s="63">
        <v>158</v>
      </c>
      <c r="BQ29" s="60">
        <v>20</v>
      </c>
      <c r="BR29" s="61">
        <v>8</v>
      </c>
      <c r="BS29" s="62">
        <v>28</v>
      </c>
      <c r="BT29" s="231"/>
      <c r="BU29" s="61">
        <v>28</v>
      </c>
      <c r="BV29" s="61">
        <v>26</v>
      </c>
      <c r="BW29" s="61">
        <v>17</v>
      </c>
      <c r="BX29" s="61">
        <v>11</v>
      </c>
      <c r="BY29" s="61">
        <v>11</v>
      </c>
      <c r="BZ29" s="62">
        <v>93</v>
      </c>
      <c r="CA29" s="63">
        <v>121</v>
      </c>
      <c r="CB29" s="60">
        <v>5</v>
      </c>
      <c r="CC29" s="61">
        <v>0</v>
      </c>
      <c r="CD29" s="62">
        <v>5</v>
      </c>
      <c r="CE29" s="231"/>
      <c r="CF29" s="61">
        <v>6</v>
      </c>
      <c r="CG29" s="61">
        <v>5</v>
      </c>
      <c r="CH29" s="61">
        <v>3</v>
      </c>
      <c r="CI29" s="61">
        <v>2</v>
      </c>
      <c r="CJ29" s="61">
        <v>1</v>
      </c>
      <c r="CK29" s="62">
        <v>17</v>
      </c>
      <c r="CL29" s="63">
        <v>22</v>
      </c>
      <c r="CM29" s="60">
        <v>81</v>
      </c>
      <c r="CN29" s="61">
        <v>70</v>
      </c>
      <c r="CO29" s="62">
        <v>151</v>
      </c>
      <c r="CP29" s="231"/>
      <c r="CQ29" s="61">
        <v>152</v>
      </c>
      <c r="CR29" s="61">
        <v>114</v>
      </c>
      <c r="CS29" s="61">
        <v>106</v>
      </c>
      <c r="CT29" s="61">
        <v>75</v>
      </c>
      <c r="CU29" s="61">
        <v>48</v>
      </c>
      <c r="CV29" s="62">
        <v>495</v>
      </c>
      <c r="CW29" s="63">
        <v>646</v>
      </c>
      <c r="CX29" s="113">
        <v>177</v>
      </c>
      <c r="CY29" s="72">
        <v>208</v>
      </c>
      <c r="CZ29" s="73">
        <v>385</v>
      </c>
      <c r="DA29" s="228"/>
      <c r="DB29" s="72">
        <v>260</v>
      </c>
      <c r="DC29" s="72">
        <v>231</v>
      </c>
      <c r="DD29" s="72">
        <v>177</v>
      </c>
      <c r="DE29" s="72">
        <v>138</v>
      </c>
      <c r="DF29" s="72">
        <v>114</v>
      </c>
      <c r="DG29" s="74">
        <v>920</v>
      </c>
      <c r="DH29" s="75">
        <v>1305</v>
      </c>
      <c r="DI29" s="60">
        <v>2</v>
      </c>
      <c r="DJ29" s="61">
        <v>6</v>
      </c>
      <c r="DK29" s="62">
        <v>8</v>
      </c>
      <c r="DL29" s="231"/>
      <c r="DM29" s="61">
        <v>5</v>
      </c>
      <c r="DN29" s="61">
        <v>3</v>
      </c>
      <c r="DO29" s="61">
        <v>4</v>
      </c>
      <c r="DP29" s="61">
        <v>2</v>
      </c>
      <c r="DQ29" s="61">
        <v>1</v>
      </c>
      <c r="DR29" s="62">
        <v>15</v>
      </c>
      <c r="DS29" s="63">
        <v>23</v>
      </c>
      <c r="DT29" s="60">
        <v>13</v>
      </c>
      <c r="DU29" s="61">
        <v>13</v>
      </c>
      <c r="DV29" s="62">
        <v>26</v>
      </c>
      <c r="DW29" s="231"/>
      <c r="DX29" s="61">
        <v>15</v>
      </c>
      <c r="DY29" s="61">
        <v>13</v>
      </c>
      <c r="DZ29" s="61">
        <v>2</v>
      </c>
      <c r="EA29" s="61">
        <v>6</v>
      </c>
      <c r="EB29" s="61">
        <v>5</v>
      </c>
      <c r="EC29" s="62">
        <v>41</v>
      </c>
      <c r="ED29" s="63">
        <v>67</v>
      </c>
      <c r="EE29" s="60">
        <v>19</v>
      </c>
      <c r="EF29" s="61">
        <v>29</v>
      </c>
      <c r="EG29" s="62">
        <v>48</v>
      </c>
      <c r="EH29" s="231"/>
      <c r="EI29" s="61">
        <v>33</v>
      </c>
      <c r="EJ29" s="61">
        <v>30</v>
      </c>
      <c r="EK29" s="61">
        <v>13</v>
      </c>
      <c r="EL29" s="61">
        <v>12</v>
      </c>
      <c r="EM29" s="61">
        <v>8</v>
      </c>
      <c r="EN29" s="62">
        <v>96</v>
      </c>
      <c r="EO29" s="63">
        <v>144</v>
      </c>
      <c r="EP29" s="60">
        <v>46</v>
      </c>
      <c r="EQ29" s="61">
        <v>58</v>
      </c>
      <c r="ER29" s="62">
        <v>104</v>
      </c>
      <c r="ES29" s="231"/>
      <c r="ET29" s="61">
        <v>60</v>
      </c>
      <c r="EU29" s="61">
        <v>40</v>
      </c>
      <c r="EV29" s="61">
        <v>41</v>
      </c>
      <c r="EW29" s="61">
        <v>15</v>
      </c>
      <c r="EX29" s="61">
        <v>20</v>
      </c>
      <c r="EY29" s="62">
        <v>176</v>
      </c>
      <c r="EZ29" s="63">
        <v>280</v>
      </c>
      <c r="FA29" s="60">
        <v>57</v>
      </c>
      <c r="FB29" s="61">
        <v>60</v>
      </c>
      <c r="FC29" s="62">
        <v>117</v>
      </c>
      <c r="FD29" s="231"/>
      <c r="FE29" s="61">
        <v>76</v>
      </c>
      <c r="FF29" s="61">
        <v>60</v>
      </c>
      <c r="FG29" s="61">
        <v>43</v>
      </c>
      <c r="FH29" s="61">
        <v>36</v>
      </c>
      <c r="FI29" s="61">
        <v>25</v>
      </c>
      <c r="FJ29" s="62">
        <v>240</v>
      </c>
      <c r="FK29" s="63">
        <v>357</v>
      </c>
      <c r="FL29" s="60">
        <v>40</v>
      </c>
      <c r="FM29" s="61">
        <v>42</v>
      </c>
      <c r="FN29" s="62">
        <v>82</v>
      </c>
      <c r="FO29" s="231"/>
      <c r="FP29" s="61">
        <v>71</v>
      </c>
      <c r="FQ29" s="61">
        <v>85</v>
      </c>
      <c r="FR29" s="61">
        <v>74</v>
      </c>
      <c r="FS29" s="61">
        <v>67</v>
      </c>
      <c r="FT29" s="61">
        <v>55</v>
      </c>
      <c r="FU29" s="62">
        <v>352</v>
      </c>
      <c r="FV29" s="63">
        <v>434</v>
      </c>
      <c r="FW29" s="60">
        <v>0</v>
      </c>
      <c r="FX29" s="61">
        <v>1</v>
      </c>
      <c r="FY29" s="62">
        <v>1</v>
      </c>
      <c r="FZ29" s="231"/>
      <c r="GA29" s="61">
        <v>4</v>
      </c>
      <c r="GB29" s="61">
        <v>1</v>
      </c>
      <c r="GC29" s="61">
        <v>3</v>
      </c>
      <c r="GD29" s="61">
        <v>5</v>
      </c>
      <c r="GE29" s="61">
        <v>2</v>
      </c>
      <c r="GF29" s="62">
        <v>15</v>
      </c>
      <c r="GG29" s="63">
        <v>16</v>
      </c>
      <c r="GH29" s="60">
        <v>177</v>
      </c>
      <c r="GI29" s="61">
        <v>209</v>
      </c>
      <c r="GJ29" s="62">
        <v>386</v>
      </c>
      <c r="GK29" s="231"/>
      <c r="GL29" s="61">
        <v>264</v>
      </c>
      <c r="GM29" s="61">
        <v>232</v>
      </c>
      <c r="GN29" s="61">
        <v>180</v>
      </c>
      <c r="GO29" s="61">
        <v>143</v>
      </c>
      <c r="GP29" s="61">
        <v>116</v>
      </c>
      <c r="GQ29" s="62">
        <v>935</v>
      </c>
      <c r="GR29" s="63">
        <v>1321</v>
      </c>
      <c r="GS29" s="113">
        <v>253</v>
      </c>
      <c r="GT29" s="72">
        <v>278</v>
      </c>
      <c r="GU29" s="73">
        <v>531</v>
      </c>
      <c r="GV29" s="228"/>
      <c r="GW29" s="72">
        <v>406</v>
      </c>
      <c r="GX29" s="72">
        <v>340</v>
      </c>
      <c r="GY29" s="72">
        <v>280</v>
      </c>
      <c r="GZ29" s="72">
        <v>211</v>
      </c>
      <c r="HA29" s="72">
        <v>161</v>
      </c>
      <c r="HB29" s="74">
        <v>1398</v>
      </c>
      <c r="HC29" s="75">
        <v>1929</v>
      </c>
      <c r="HD29" s="60">
        <v>5</v>
      </c>
      <c r="HE29" s="61">
        <v>9</v>
      </c>
      <c r="HF29" s="62">
        <v>14</v>
      </c>
      <c r="HG29" s="231"/>
      <c r="HH29" s="61">
        <v>10</v>
      </c>
      <c r="HI29" s="61">
        <v>4</v>
      </c>
      <c r="HJ29" s="61">
        <v>12</v>
      </c>
      <c r="HK29" s="61">
        <v>5</v>
      </c>
      <c r="HL29" s="61">
        <v>4</v>
      </c>
      <c r="HM29" s="62">
        <v>35</v>
      </c>
      <c r="HN29" s="63">
        <v>49</v>
      </c>
      <c r="HO29" s="60">
        <v>19</v>
      </c>
      <c r="HP29" s="61">
        <v>20</v>
      </c>
      <c r="HQ29" s="62">
        <v>39</v>
      </c>
      <c r="HR29" s="231"/>
      <c r="HS29" s="61">
        <v>27</v>
      </c>
      <c r="HT29" s="61">
        <v>26</v>
      </c>
      <c r="HU29" s="61">
        <v>10</v>
      </c>
      <c r="HV29" s="61">
        <v>14</v>
      </c>
      <c r="HW29" s="61">
        <v>15</v>
      </c>
      <c r="HX29" s="62">
        <v>92</v>
      </c>
      <c r="HY29" s="63">
        <v>131</v>
      </c>
      <c r="HZ29" s="60">
        <v>25</v>
      </c>
      <c r="IA29" s="61">
        <v>44</v>
      </c>
      <c r="IB29" s="62">
        <v>69</v>
      </c>
      <c r="IC29" s="231"/>
      <c r="ID29" s="61">
        <v>54</v>
      </c>
      <c r="IE29" s="61">
        <v>41</v>
      </c>
      <c r="IF29" s="61">
        <v>28</v>
      </c>
      <c r="IG29" s="61">
        <v>23</v>
      </c>
      <c r="IH29" s="61">
        <v>15</v>
      </c>
      <c r="II29" s="62">
        <v>161</v>
      </c>
      <c r="IJ29" s="63">
        <v>230</v>
      </c>
      <c r="IK29" s="60">
        <v>68</v>
      </c>
      <c r="IL29" s="61">
        <v>75</v>
      </c>
      <c r="IM29" s="62">
        <v>143</v>
      </c>
      <c r="IN29" s="231"/>
      <c r="IO29" s="61">
        <v>108</v>
      </c>
      <c r="IP29" s="61">
        <v>67</v>
      </c>
      <c r="IQ29" s="61">
        <v>66</v>
      </c>
      <c r="IR29" s="61">
        <v>37</v>
      </c>
      <c r="IS29" s="61">
        <v>28</v>
      </c>
      <c r="IT29" s="62">
        <v>306</v>
      </c>
      <c r="IU29" s="63">
        <v>449</v>
      </c>
      <c r="IV29" s="60">
        <v>76</v>
      </c>
      <c r="IW29" s="61">
        <v>80</v>
      </c>
      <c r="IX29" s="62">
        <v>156</v>
      </c>
      <c r="IY29" s="231"/>
      <c r="IZ29" s="61">
        <v>108</v>
      </c>
      <c r="JA29" s="61">
        <v>91</v>
      </c>
      <c r="JB29" s="61">
        <v>73</v>
      </c>
      <c r="JC29" s="61">
        <v>54</v>
      </c>
      <c r="JD29" s="61">
        <v>33</v>
      </c>
      <c r="JE29" s="62">
        <v>359</v>
      </c>
      <c r="JF29" s="63">
        <v>515</v>
      </c>
      <c r="JG29" s="60">
        <v>60</v>
      </c>
      <c r="JH29" s="61">
        <v>50</v>
      </c>
      <c r="JI29" s="62">
        <v>110</v>
      </c>
      <c r="JJ29" s="231"/>
      <c r="JK29" s="61">
        <v>99</v>
      </c>
      <c r="JL29" s="61">
        <v>111</v>
      </c>
      <c r="JM29" s="61">
        <v>91</v>
      </c>
      <c r="JN29" s="61">
        <v>78</v>
      </c>
      <c r="JO29" s="61">
        <v>66</v>
      </c>
      <c r="JP29" s="62">
        <v>445</v>
      </c>
      <c r="JQ29" s="63">
        <v>555</v>
      </c>
      <c r="JR29" s="60">
        <v>5</v>
      </c>
      <c r="JS29" s="61">
        <v>1</v>
      </c>
      <c r="JT29" s="62">
        <v>6</v>
      </c>
      <c r="JU29" s="231"/>
      <c r="JV29" s="61">
        <v>10</v>
      </c>
      <c r="JW29" s="61">
        <v>6</v>
      </c>
      <c r="JX29" s="61">
        <v>6</v>
      </c>
      <c r="JY29" s="61">
        <v>7</v>
      </c>
      <c r="JZ29" s="61">
        <v>3</v>
      </c>
      <c r="KA29" s="62">
        <v>32</v>
      </c>
      <c r="KB29" s="63">
        <v>38</v>
      </c>
      <c r="KC29" s="60">
        <v>258</v>
      </c>
      <c r="KD29" s="61">
        <v>279</v>
      </c>
      <c r="KE29" s="62">
        <v>537</v>
      </c>
      <c r="KF29" s="231"/>
      <c r="KG29" s="61">
        <v>416</v>
      </c>
      <c r="KH29" s="61">
        <v>346</v>
      </c>
      <c r="KI29" s="61">
        <v>286</v>
      </c>
      <c r="KJ29" s="61">
        <v>218</v>
      </c>
      <c r="KK29" s="61">
        <v>164</v>
      </c>
      <c r="KL29" s="62">
        <v>1430</v>
      </c>
      <c r="KM29" s="63">
        <v>1967</v>
      </c>
    </row>
    <row r="30" spans="2:299" ht="21" customHeight="1" x14ac:dyDescent="0.2">
      <c r="B30" s="472" t="s">
        <v>27</v>
      </c>
      <c r="C30" s="293">
        <v>96</v>
      </c>
      <c r="D30" s="72">
        <v>116</v>
      </c>
      <c r="E30" s="73">
        <v>212</v>
      </c>
      <c r="F30" s="228"/>
      <c r="G30" s="72">
        <v>103</v>
      </c>
      <c r="H30" s="72">
        <v>93</v>
      </c>
      <c r="I30" s="72">
        <v>60</v>
      </c>
      <c r="J30" s="72">
        <v>67</v>
      </c>
      <c r="K30" s="72">
        <v>31</v>
      </c>
      <c r="L30" s="74">
        <v>354</v>
      </c>
      <c r="M30" s="75">
        <v>566</v>
      </c>
      <c r="N30" s="60">
        <v>3</v>
      </c>
      <c r="O30" s="61">
        <v>6</v>
      </c>
      <c r="P30" s="62">
        <v>9</v>
      </c>
      <c r="Q30" s="231"/>
      <c r="R30" s="61">
        <v>2</v>
      </c>
      <c r="S30" s="61">
        <v>4</v>
      </c>
      <c r="T30" s="61">
        <v>0</v>
      </c>
      <c r="U30" s="61">
        <v>0</v>
      </c>
      <c r="V30" s="61">
        <v>0</v>
      </c>
      <c r="W30" s="62">
        <v>6</v>
      </c>
      <c r="X30" s="63">
        <v>15</v>
      </c>
      <c r="Y30" s="60">
        <v>8</v>
      </c>
      <c r="Z30" s="61">
        <v>9</v>
      </c>
      <c r="AA30" s="62">
        <v>17</v>
      </c>
      <c r="AB30" s="231"/>
      <c r="AC30" s="61">
        <v>8</v>
      </c>
      <c r="AD30" s="61">
        <v>14</v>
      </c>
      <c r="AE30" s="61">
        <v>5</v>
      </c>
      <c r="AF30" s="61">
        <v>6</v>
      </c>
      <c r="AG30" s="61">
        <v>1</v>
      </c>
      <c r="AH30" s="62">
        <v>34</v>
      </c>
      <c r="AI30" s="63">
        <v>51</v>
      </c>
      <c r="AJ30" s="60">
        <v>20</v>
      </c>
      <c r="AK30" s="61">
        <v>20</v>
      </c>
      <c r="AL30" s="62">
        <v>40</v>
      </c>
      <c r="AM30" s="231"/>
      <c r="AN30" s="61">
        <v>18</v>
      </c>
      <c r="AO30" s="61">
        <v>18</v>
      </c>
      <c r="AP30" s="61">
        <v>8</v>
      </c>
      <c r="AQ30" s="61">
        <v>12</v>
      </c>
      <c r="AR30" s="61">
        <v>5</v>
      </c>
      <c r="AS30" s="62">
        <v>61</v>
      </c>
      <c r="AT30" s="63">
        <v>101</v>
      </c>
      <c r="AU30" s="60">
        <v>20</v>
      </c>
      <c r="AV30" s="61">
        <v>29</v>
      </c>
      <c r="AW30" s="62">
        <v>49</v>
      </c>
      <c r="AX30" s="231"/>
      <c r="AY30" s="61">
        <v>26</v>
      </c>
      <c r="AZ30" s="61">
        <v>17</v>
      </c>
      <c r="BA30" s="61">
        <v>14</v>
      </c>
      <c r="BB30" s="61">
        <v>12</v>
      </c>
      <c r="BC30" s="61">
        <v>6</v>
      </c>
      <c r="BD30" s="62">
        <v>75</v>
      </c>
      <c r="BE30" s="63">
        <v>124</v>
      </c>
      <c r="BF30" s="60">
        <v>30</v>
      </c>
      <c r="BG30" s="61">
        <v>28</v>
      </c>
      <c r="BH30" s="62">
        <v>58</v>
      </c>
      <c r="BI30" s="231"/>
      <c r="BJ30" s="61">
        <v>23</v>
      </c>
      <c r="BK30" s="61">
        <v>14</v>
      </c>
      <c r="BL30" s="61">
        <v>18</v>
      </c>
      <c r="BM30" s="61">
        <v>20</v>
      </c>
      <c r="BN30" s="61">
        <v>15</v>
      </c>
      <c r="BO30" s="62">
        <v>90</v>
      </c>
      <c r="BP30" s="63">
        <v>148</v>
      </c>
      <c r="BQ30" s="60">
        <v>15</v>
      </c>
      <c r="BR30" s="61">
        <v>24</v>
      </c>
      <c r="BS30" s="62">
        <v>39</v>
      </c>
      <c r="BT30" s="231"/>
      <c r="BU30" s="61">
        <v>26</v>
      </c>
      <c r="BV30" s="61">
        <v>26</v>
      </c>
      <c r="BW30" s="61">
        <v>15</v>
      </c>
      <c r="BX30" s="61">
        <v>17</v>
      </c>
      <c r="BY30" s="61">
        <v>4</v>
      </c>
      <c r="BZ30" s="62">
        <v>88</v>
      </c>
      <c r="CA30" s="63">
        <v>127</v>
      </c>
      <c r="CB30" s="60">
        <v>4</v>
      </c>
      <c r="CC30" s="61">
        <v>0</v>
      </c>
      <c r="CD30" s="62">
        <v>4</v>
      </c>
      <c r="CE30" s="231"/>
      <c r="CF30" s="61">
        <v>2</v>
      </c>
      <c r="CG30" s="61">
        <v>4</v>
      </c>
      <c r="CH30" s="61">
        <v>6</v>
      </c>
      <c r="CI30" s="61">
        <v>2</v>
      </c>
      <c r="CJ30" s="61">
        <v>2</v>
      </c>
      <c r="CK30" s="62">
        <v>16</v>
      </c>
      <c r="CL30" s="63">
        <v>20</v>
      </c>
      <c r="CM30" s="60">
        <v>100</v>
      </c>
      <c r="CN30" s="61">
        <v>116</v>
      </c>
      <c r="CO30" s="62">
        <v>216</v>
      </c>
      <c r="CP30" s="231"/>
      <c r="CQ30" s="61">
        <v>105</v>
      </c>
      <c r="CR30" s="61">
        <v>97</v>
      </c>
      <c r="CS30" s="61">
        <v>66</v>
      </c>
      <c r="CT30" s="61">
        <v>69</v>
      </c>
      <c r="CU30" s="61">
        <v>33</v>
      </c>
      <c r="CV30" s="62">
        <v>370</v>
      </c>
      <c r="CW30" s="63">
        <v>586</v>
      </c>
      <c r="CX30" s="113">
        <v>255</v>
      </c>
      <c r="CY30" s="72">
        <v>204</v>
      </c>
      <c r="CZ30" s="73">
        <v>459</v>
      </c>
      <c r="DA30" s="228"/>
      <c r="DB30" s="72">
        <v>225</v>
      </c>
      <c r="DC30" s="72">
        <v>132</v>
      </c>
      <c r="DD30" s="72">
        <v>143</v>
      </c>
      <c r="DE30" s="72">
        <v>134</v>
      </c>
      <c r="DF30" s="72">
        <v>119</v>
      </c>
      <c r="DG30" s="74">
        <v>753</v>
      </c>
      <c r="DH30" s="75">
        <v>1212</v>
      </c>
      <c r="DI30" s="60">
        <v>3</v>
      </c>
      <c r="DJ30" s="61">
        <v>5</v>
      </c>
      <c r="DK30" s="62">
        <v>8</v>
      </c>
      <c r="DL30" s="231"/>
      <c r="DM30" s="61">
        <v>1</v>
      </c>
      <c r="DN30" s="61">
        <v>0</v>
      </c>
      <c r="DO30" s="61">
        <v>1</v>
      </c>
      <c r="DP30" s="61">
        <v>2</v>
      </c>
      <c r="DQ30" s="61">
        <v>2</v>
      </c>
      <c r="DR30" s="62">
        <v>6</v>
      </c>
      <c r="DS30" s="63">
        <v>14</v>
      </c>
      <c r="DT30" s="60">
        <v>15</v>
      </c>
      <c r="DU30" s="61">
        <v>15</v>
      </c>
      <c r="DV30" s="62">
        <v>30</v>
      </c>
      <c r="DW30" s="231"/>
      <c r="DX30" s="61">
        <v>10</v>
      </c>
      <c r="DY30" s="61">
        <v>10</v>
      </c>
      <c r="DZ30" s="61">
        <v>8</v>
      </c>
      <c r="EA30" s="61">
        <v>4</v>
      </c>
      <c r="EB30" s="61">
        <v>1</v>
      </c>
      <c r="EC30" s="62">
        <v>33</v>
      </c>
      <c r="ED30" s="63">
        <v>63</v>
      </c>
      <c r="EE30" s="60">
        <v>35</v>
      </c>
      <c r="EF30" s="61">
        <v>24</v>
      </c>
      <c r="EG30" s="62">
        <v>59</v>
      </c>
      <c r="EH30" s="231"/>
      <c r="EI30" s="61">
        <v>23</v>
      </c>
      <c r="EJ30" s="61">
        <v>15</v>
      </c>
      <c r="EK30" s="61">
        <v>13</v>
      </c>
      <c r="EL30" s="61">
        <v>13</v>
      </c>
      <c r="EM30" s="61">
        <v>8</v>
      </c>
      <c r="EN30" s="62">
        <v>72</v>
      </c>
      <c r="EO30" s="63">
        <v>131</v>
      </c>
      <c r="EP30" s="60">
        <v>70</v>
      </c>
      <c r="EQ30" s="61">
        <v>44</v>
      </c>
      <c r="ER30" s="62">
        <v>114</v>
      </c>
      <c r="ES30" s="231"/>
      <c r="ET30" s="61">
        <v>43</v>
      </c>
      <c r="EU30" s="61">
        <v>24</v>
      </c>
      <c r="EV30" s="61">
        <v>27</v>
      </c>
      <c r="EW30" s="61">
        <v>20</v>
      </c>
      <c r="EX30" s="61">
        <v>21</v>
      </c>
      <c r="EY30" s="62">
        <v>135</v>
      </c>
      <c r="EZ30" s="63">
        <v>249</v>
      </c>
      <c r="FA30" s="60">
        <v>76</v>
      </c>
      <c r="FB30" s="61">
        <v>67</v>
      </c>
      <c r="FC30" s="62">
        <v>143</v>
      </c>
      <c r="FD30" s="231"/>
      <c r="FE30" s="61">
        <v>70</v>
      </c>
      <c r="FF30" s="61">
        <v>36</v>
      </c>
      <c r="FG30" s="61">
        <v>35</v>
      </c>
      <c r="FH30" s="61">
        <v>24</v>
      </c>
      <c r="FI30" s="61">
        <v>37</v>
      </c>
      <c r="FJ30" s="62">
        <v>202</v>
      </c>
      <c r="FK30" s="63">
        <v>345</v>
      </c>
      <c r="FL30" s="60">
        <v>56</v>
      </c>
      <c r="FM30" s="61">
        <v>49</v>
      </c>
      <c r="FN30" s="62">
        <v>105</v>
      </c>
      <c r="FO30" s="231"/>
      <c r="FP30" s="61">
        <v>78</v>
      </c>
      <c r="FQ30" s="61">
        <v>47</v>
      </c>
      <c r="FR30" s="61">
        <v>59</v>
      </c>
      <c r="FS30" s="61">
        <v>71</v>
      </c>
      <c r="FT30" s="61">
        <v>50</v>
      </c>
      <c r="FU30" s="62">
        <v>305</v>
      </c>
      <c r="FV30" s="63">
        <v>410</v>
      </c>
      <c r="FW30" s="60">
        <v>1</v>
      </c>
      <c r="FX30" s="61">
        <v>3</v>
      </c>
      <c r="FY30" s="62">
        <v>4</v>
      </c>
      <c r="FZ30" s="231"/>
      <c r="GA30" s="61">
        <v>6</v>
      </c>
      <c r="GB30" s="61">
        <v>7</v>
      </c>
      <c r="GC30" s="61">
        <v>1</v>
      </c>
      <c r="GD30" s="61">
        <v>2</v>
      </c>
      <c r="GE30" s="61">
        <v>3</v>
      </c>
      <c r="GF30" s="62">
        <v>19</v>
      </c>
      <c r="GG30" s="63">
        <v>23</v>
      </c>
      <c r="GH30" s="60">
        <v>256</v>
      </c>
      <c r="GI30" s="61">
        <v>207</v>
      </c>
      <c r="GJ30" s="62">
        <v>463</v>
      </c>
      <c r="GK30" s="231"/>
      <c r="GL30" s="61">
        <v>231</v>
      </c>
      <c r="GM30" s="61">
        <v>139</v>
      </c>
      <c r="GN30" s="61">
        <v>144</v>
      </c>
      <c r="GO30" s="61">
        <v>136</v>
      </c>
      <c r="GP30" s="61">
        <v>122</v>
      </c>
      <c r="GQ30" s="62">
        <v>772</v>
      </c>
      <c r="GR30" s="63">
        <v>1235</v>
      </c>
      <c r="GS30" s="113">
        <v>351</v>
      </c>
      <c r="GT30" s="72">
        <v>320</v>
      </c>
      <c r="GU30" s="73">
        <v>671</v>
      </c>
      <c r="GV30" s="228"/>
      <c r="GW30" s="72">
        <v>328</v>
      </c>
      <c r="GX30" s="72">
        <v>225</v>
      </c>
      <c r="GY30" s="72">
        <v>203</v>
      </c>
      <c r="GZ30" s="72">
        <v>201</v>
      </c>
      <c r="HA30" s="72">
        <v>150</v>
      </c>
      <c r="HB30" s="74">
        <v>1107</v>
      </c>
      <c r="HC30" s="75">
        <v>1778</v>
      </c>
      <c r="HD30" s="60">
        <v>6</v>
      </c>
      <c r="HE30" s="61">
        <v>11</v>
      </c>
      <c r="HF30" s="62">
        <v>17</v>
      </c>
      <c r="HG30" s="231"/>
      <c r="HH30" s="61">
        <v>3</v>
      </c>
      <c r="HI30" s="61">
        <v>4</v>
      </c>
      <c r="HJ30" s="61">
        <v>1</v>
      </c>
      <c r="HK30" s="61">
        <v>2</v>
      </c>
      <c r="HL30" s="61">
        <v>2</v>
      </c>
      <c r="HM30" s="62">
        <v>12</v>
      </c>
      <c r="HN30" s="63">
        <v>29</v>
      </c>
      <c r="HO30" s="60">
        <v>23</v>
      </c>
      <c r="HP30" s="61">
        <v>24</v>
      </c>
      <c r="HQ30" s="62">
        <v>47</v>
      </c>
      <c r="HR30" s="231"/>
      <c r="HS30" s="61">
        <v>18</v>
      </c>
      <c r="HT30" s="61">
        <v>24</v>
      </c>
      <c r="HU30" s="61">
        <v>13</v>
      </c>
      <c r="HV30" s="61">
        <v>10</v>
      </c>
      <c r="HW30" s="61">
        <v>2</v>
      </c>
      <c r="HX30" s="62">
        <v>67</v>
      </c>
      <c r="HY30" s="63">
        <v>114</v>
      </c>
      <c r="HZ30" s="60">
        <v>55</v>
      </c>
      <c r="IA30" s="61">
        <v>44</v>
      </c>
      <c r="IB30" s="62">
        <v>99</v>
      </c>
      <c r="IC30" s="231"/>
      <c r="ID30" s="61">
        <v>41</v>
      </c>
      <c r="IE30" s="61">
        <v>33</v>
      </c>
      <c r="IF30" s="61">
        <v>21</v>
      </c>
      <c r="IG30" s="61">
        <v>25</v>
      </c>
      <c r="IH30" s="61">
        <v>13</v>
      </c>
      <c r="II30" s="62">
        <v>133</v>
      </c>
      <c r="IJ30" s="63">
        <v>232</v>
      </c>
      <c r="IK30" s="60">
        <v>90</v>
      </c>
      <c r="IL30" s="61">
        <v>73</v>
      </c>
      <c r="IM30" s="62">
        <v>163</v>
      </c>
      <c r="IN30" s="231"/>
      <c r="IO30" s="61">
        <v>69</v>
      </c>
      <c r="IP30" s="61">
        <v>41</v>
      </c>
      <c r="IQ30" s="61">
        <v>41</v>
      </c>
      <c r="IR30" s="61">
        <v>32</v>
      </c>
      <c r="IS30" s="61">
        <v>27</v>
      </c>
      <c r="IT30" s="62">
        <v>210</v>
      </c>
      <c r="IU30" s="63">
        <v>373</v>
      </c>
      <c r="IV30" s="60">
        <v>106</v>
      </c>
      <c r="IW30" s="61">
        <v>95</v>
      </c>
      <c r="IX30" s="62">
        <v>201</v>
      </c>
      <c r="IY30" s="231"/>
      <c r="IZ30" s="61">
        <v>93</v>
      </c>
      <c r="JA30" s="61">
        <v>50</v>
      </c>
      <c r="JB30" s="61">
        <v>53</v>
      </c>
      <c r="JC30" s="61">
        <v>44</v>
      </c>
      <c r="JD30" s="61">
        <v>52</v>
      </c>
      <c r="JE30" s="62">
        <v>292</v>
      </c>
      <c r="JF30" s="63">
        <v>493</v>
      </c>
      <c r="JG30" s="60">
        <v>71</v>
      </c>
      <c r="JH30" s="61">
        <v>73</v>
      </c>
      <c r="JI30" s="62">
        <v>144</v>
      </c>
      <c r="JJ30" s="231"/>
      <c r="JK30" s="61">
        <v>104</v>
      </c>
      <c r="JL30" s="61">
        <v>73</v>
      </c>
      <c r="JM30" s="61">
        <v>74</v>
      </c>
      <c r="JN30" s="61">
        <v>88</v>
      </c>
      <c r="JO30" s="61">
        <v>54</v>
      </c>
      <c r="JP30" s="62">
        <v>393</v>
      </c>
      <c r="JQ30" s="63">
        <v>537</v>
      </c>
      <c r="JR30" s="60">
        <v>5</v>
      </c>
      <c r="JS30" s="61">
        <v>3</v>
      </c>
      <c r="JT30" s="62">
        <v>8</v>
      </c>
      <c r="JU30" s="231"/>
      <c r="JV30" s="61">
        <v>8</v>
      </c>
      <c r="JW30" s="61">
        <v>11</v>
      </c>
      <c r="JX30" s="61">
        <v>7</v>
      </c>
      <c r="JY30" s="61">
        <v>4</v>
      </c>
      <c r="JZ30" s="61">
        <v>5</v>
      </c>
      <c r="KA30" s="62">
        <v>35</v>
      </c>
      <c r="KB30" s="63">
        <v>43</v>
      </c>
      <c r="KC30" s="60">
        <v>356</v>
      </c>
      <c r="KD30" s="61">
        <v>323</v>
      </c>
      <c r="KE30" s="62">
        <v>679</v>
      </c>
      <c r="KF30" s="231"/>
      <c r="KG30" s="61">
        <v>336</v>
      </c>
      <c r="KH30" s="61">
        <v>236</v>
      </c>
      <c r="KI30" s="61">
        <v>210</v>
      </c>
      <c r="KJ30" s="61">
        <v>205</v>
      </c>
      <c r="KK30" s="61">
        <v>155</v>
      </c>
      <c r="KL30" s="62">
        <v>1142</v>
      </c>
      <c r="KM30" s="63">
        <v>1821</v>
      </c>
    </row>
    <row r="31" spans="2:299" ht="21" customHeight="1" x14ac:dyDescent="0.2">
      <c r="B31" s="472" t="s">
        <v>28</v>
      </c>
      <c r="C31" s="293">
        <v>6</v>
      </c>
      <c r="D31" s="72">
        <v>15</v>
      </c>
      <c r="E31" s="73">
        <v>21</v>
      </c>
      <c r="F31" s="228"/>
      <c r="G31" s="72">
        <v>55</v>
      </c>
      <c r="H31" s="72">
        <v>40</v>
      </c>
      <c r="I31" s="72">
        <v>26</v>
      </c>
      <c r="J31" s="72">
        <v>13</v>
      </c>
      <c r="K31" s="72">
        <v>15</v>
      </c>
      <c r="L31" s="74">
        <v>149</v>
      </c>
      <c r="M31" s="75">
        <v>170</v>
      </c>
      <c r="N31" s="60">
        <v>0</v>
      </c>
      <c r="O31" s="61">
        <v>2</v>
      </c>
      <c r="P31" s="62">
        <v>2</v>
      </c>
      <c r="Q31" s="231"/>
      <c r="R31" s="61">
        <v>2</v>
      </c>
      <c r="S31" s="61">
        <v>1</v>
      </c>
      <c r="T31" s="61">
        <v>2</v>
      </c>
      <c r="U31" s="61">
        <v>2</v>
      </c>
      <c r="V31" s="61">
        <v>1</v>
      </c>
      <c r="W31" s="62">
        <v>8</v>
      </c>
      <c r="X31" s="63">
        <v>10</v>
      </c>
      <c r="Y31" s="60">
        <v>0</v>
      </c>
      <c r="Z31" s="61">
        <v>5</v>
      </c>
      <c r="AA31" s="62">
        <v>5</v>
      </c>
      <c r="AB31" s="231"/>
      <c r="AC31" s="61">
        <v>8</v>
      </c>
      <c r="AD31" s="61">
        <v>4</v>
      </c>
      <c r="AE31" s="61">
        <v>5</v>
      </c>
      <c r="AF31" s="61">
        <v>1</v>
      </c>
      <c r="AG31" s="61">
        <v>0</v>
      </c>
      <c r="AH31" s="62">
        <v>18</v>
      </c>
      <c r="AI31" s="63">
        <v>23</v>
      </c>
      <c r="AJ31" s="60">
        <v>1</v>
      </c>
      <c r="AK31" s="61">
        <v>1</v>
      </c>
      <c r="AL31" s="62">
        <v>2</v>
      </c>
      <c r="AM31" s="231"/>
      <c r="AN31" s="61">
        <v>10</v>
      </c>
      <c r="AO31" s="61">
        <v>5</v>
      </c>
      <c r="AP31" s="61">
        <v>3</v>
      </c>
      <c r="AQ31" s="61">
        <v>2</v>
      </c>
      <c r="AR31" s="61">
        <v>4</v>
      </c>
      <c r="AS31" s="62">
        <v>24</v>
      </c>
      <c r="AT31" s="63">
        <v>26</v>
      </c>
      <c r="AU31" s="60">
        <v>1</v>
      </c>
      <c r="AV31" s="61">
        <v>3</v>
      </c>
      <c r="AW31" s="62">
        <v>4</v>
      </c>
      <c r="AX31" s="231"/>
      <c r="AY31" s="61">
        <v>18</v>
      </c>
      <c r="AZ31" s="61">
        <v>11</v>
      </c>
      <c r="BA31" s="61">
        <v>3</v>
      </c>
      <c r="BB31" s="61">
        <v>3</v>
      </c>
      <c r="BC31" s="61">
        <v>1</v>
      </c>
      <c r="BD31" s="62">
        <v>36</v>
      </c>
      <c r="BE31" s="63">
        <v>40</v>
      </c>
      <c r="BF31" s="60">
        <v>3</v>
      </c>
      <c r="BG31" s="61">
        <v>3</v>
      </c>
      <c r="BH31" s="62">
        <v>6</v>
      </c>
      <c r="BI31" s="231"/>
      <c r="BJ31" s="61">
        <v>9</v>
      </c>
      <c r="BK31" s="61">
        <v>12</v>
      </c>
      <c r="BL31" s="61">
        <v>4</v>
      </c>
      <c r="BM31" s="61">
        <v>0</v>
      </c>
      <c r="BN31" s="61">
        <v>4</v>
      </c>
      <c r="BO31" s="62">
        <v>29</v>
      </c>
      <c r="BP31" s="63">
        <v>35</v>
      </c>
      <c r="BQ31" s="60">
        <v>1</v>
      </c>
      <c r="BR31" s="61">
        <v>1</v>
      </c>
      <c r="BS31" s="62">
        <v>2</v>
      </c>
      <c r="BT31" s="231"/>
      <c r="BU31" s="61">
        <v>8</v>
      </c>
      <c r="BV31" s="61">
        <v>7</v>
      </c>
      <c r="BW31" s="61">
        <v>9</v>
      </c>
      <c r="BX31" s="61">
        <v>5</v>
      </c>
      <c r="BY31" s="61">
        <v>5</v>
      </c>
      <c r="BZ31" s="62">
        <v>34</v>
      </c>
      <c r="CA31" s="63">
        <v>36</v>
      </c>
      <c r="CB31" s="60">
        <v>0</v>
      </c>
      <c r="CC31" s="61">
        <v>1</v>
      </c>
      <c r="CD31" s="62">
        <v>1</v>
      </c>
      <c r="CE31" s="231"/>
      <c r="CF31" s="61">
        <v>0</v>
      </c>
      <c r="CG31" s="61">
        <v>3</v>
      </c>
      <c r="CH31" s="61">
        <v>0</v>
      </c>
      <c r="CI31" s="61">
        <v>0</v>
      </c>
      <c r="CJ31" s="61">
        <v>3</v>
      </c>
      <c r="CK31" s="62">
        <v>6</v>
      </c>
      <c r="CL31" s="63">
        <v>7</v>
      </c>
      <c r="CM31" s="60">
        <v>6</v>
      </c>
      <c r="CN31" s="61">
        <v>16</v>
      </c>
      <c r="CO31" s="62">
        <v>22</v>
      </c>
      <c r="CP31" s="231"/>
      <c r="CQ31" s="61">
        <v>55</v>
      </c>
      <c r="CR31" s="61">
        <v>43</v>
      </c>
      <c r="CS31" s="61">
        <v>26</v>
      </c>
      <c r="CT31" s="61">
        <v>13</v>
      </c>
      <c r="CU31" s="61">
        <v>18</v>
      </c>
      <c r="CV31" s="62">
        <v>155</v>
      </c>
      <c r="CW31" s="63">
        <v>177</v>
      </c>
      <c r="CX31" s="113">
        <v>19</v>
      </c>
      <c r="CY31" s="72">
        <v>41</v>
      </c>
      <c r="CZ31" s="73">
        <v>60</v>
      </c>
      <c r="DA31" s="228"/>
      <c r="DB31" s="72">
        <v>52</v>
      </c>
      <c r="DC31" s="72">
        <v>76</v>
      </c>
      <c r="DD31" s="72">
        <v>53</v>
      </c>
      <c r="DE31" s="72">
        <v>48</v>
      </c>
      <c r="DF31" s="72">
        <v>27</v>
      </c>
      <c r="DG31" s="74">
        <v>256</v>
      </c>
      <c r="DH31" s="75">
        <v>316</v>
      </c>
      <c r="DI31" s="60">
        <v>1</v>
      </c>
      <c r="DJ31" s="61">
        <v>0</v>
      </c>
      <c r="DK31" s="62">
        <v>1</v>
      </c>
      <c r="DL31" s="231"/>
      <c r="DM31" s="61">
        <v>2</v>
      </c>
      <c r="DN31" s="61">
        <v>1</v>
      </c>
      <c r="DO31" s="61">
        <v>1</v>
      </c>
      <c r="DP31" s="61">
        <v>0</v>
      </c>
      <c r="DQ31" s="61">
        <v>0</v>
      </c>
      <c r="DR31" s="62">
        <v>4</v>
      </c>
      <c r="DS31" s="63">
        <v>5</v>
      </c>
      <c r="DT31" s="60">
        <v>2</v>
      </c>
      <c r="DU31" s="61">
        <v>7</v>
      </c>
      <c r="DV31" s="62">
        <v>9</v>
      </c>
      <c r="DW31" s="231"/>
      <c r="DX31" s="61">
        <v>2</v>
      </c>
      <c r="DY31" s="61">
        <v>7</v>
      </c>
      <c r="DZ31" s="61">
        <v>1</v>
      </c>
      <c r="EA31" s="61">
        <v>1</v>
      </c>
      <c r="EB31" s="61">
        <v>0</v>
      </c>
      <c r="EC31" s="62">
        <v>11</v>
      </c>
      <c r="ED31" s="63">
        <v>20</v>
      </c>
      <c r="EE31" s="60">
        <v>4</v>
      </c>
      <c r="EF31" s="61">
        <v>6</v>
      </c>
      <c r="EG31" s="62">
        <v>10</v>
      </c>
      <c r="EH31" s="231"/>
      <c r="EI31" s="61">
        <v>8</v>
      </c>
      <c r="EJ31" s="61">
        <v>9</v>
      </c>
      <c r="EK31" s="61">
        <v>6</v>
      </c>
      <c r="EL31" s="61">
        <v>3</v>
      </c>
      <c r="EM31" s="61">
        <v>6</v>
      </c>
      <c r="EN31" s="62">
        <v>32</v>
      </c>
      <c r="EO31" s="63">
        <v>42</v>
      </c>
      <c r="EP31" s="60">
        <v>7</v>
      </c>
      <c r="EQ31" s="61">
        <v>14</v>
      </c>
      <c r="ER31" s="62">
        <v>21</v>
      </c>
      <c r="ES31" s="231"/>
      <c r="ET31" s="61">
        <v>14</v>
      </c>
      <c r="EU31" s="61">
        <v>12</v>
      </c>
      <c r="EV31" s="61">
        <v>14</v>
      </c>
      <c r="EW31" s="61">
        <v>5</v>
      </c>
      <c r="EX31" s="61">
        <v>6</v>
      </c>
      <c r="EY31" s="62">
        <v>51</v>
      </c>
      <c r="EZ31" s="63">
        <v>72</v>
      </c>
      <c r="FA31" s="60">
        <v>4</v>
      </c>
      <c r="FB31" s="61">
        <v>9</v>
      </c>
      <c r="FC31" s="62">
        <v>13</v>
      </c>
      <c r="FD31" s="231"/>
      <c r="FE31" s="61">
        <v>9</v>
      </c>
      <c r="FF31" s="61">
        <v>31</v>
      </c>
      <c r="FG31" s="61">
        <v>10</v>
      </c>
      <c r="FH31" s="61">
        <v>16</v>
      </c>
      <c r="FI31" s="61">
        <v>7</v>
      </c>
      <c r="FJ31" s="62">
        <v>73</v>
      </c>
      <c r="FK31" s="63">
        <v>86</v>
      </c>
      <c r="FL31" s="60">
        <v>1</v>
      </c>
      <c r="FM31" s="61">
        <v>5</v>
      </c>
      <c r="FN31" s="62">
        <v>6</v>
      </c>
      <c r="FO31" s="231"/>
      <c r="FP31" s="61">
        <v>17</v>
      </c>
      <c r="FQ31" s="61">
        <v>16</v>
      </c>
      <c r="FR31" s="61">
        <v>21</v>
      </c>
      <c r="FS31" s="61">
        <v>23</v>
      </c>
      <c r="FT31" s="61">
        <v>8</v>
      </c>
      <c r="FU31" s="62">
        <v>85</v>
      </c>
      <c r="FV31" s="63">
        <v>91</v>
      </c>
      <c r="FW31" s="60">
        <v>2</v>
      </c>
      <c r="FX31" s="61">
        <v>0</v>
      </c>
      <c r="FY31" s="62">
        <v>2</v>
      </c>
      <c r="FZ31" s="231"/>
      <c r="GA31" s="61">
        <v>1</v>
      </c>
      <c r="GB31" s="61">
        <v>1</v>
      </c>
      <c r="GC31" s="61">
        <v>0</v>
      </c>
      <c r="GD31" s="61">
        <v>0</v>
      </c>
      <c r="GE31" s="61">
        <v>2</v>
      </c>
      <c r="GF31" s="62">
        <v>4</v>
      </c>
      <c r="GG31" s="63">
        <v>6</v>
      </c>
      <c r="GH31" s="60">
        <v>21</v>
      </c>
      <c r="GI31" s="61">
        <v>41</v>
      </c>
      <c r="GJ31" s="62">
        <v>62</v>
      </c>
      <c r="GK31" s="231"/>
      <c r="GL31" s="61">
        <v>53</v>
      </c>
      <c r="GM31" s="61">
        <v>77</v>
      </c>
      <c r="GN31" s="61">
        <v>53</v>
      </c>
      <c r="GO31" s="61">
        <v>48</v>
      </c>
      <c r="GP31" s="61">
        <v>29</v>
      </c>
      <c r="GQ31" s="62">
        <v>260</v>
      </c>
      <c r="GR31" s="63">
        <v>322</v>
      </c>
      <c r="GS31" s="113">
        <v>25</v>
      </c>
      <c r="GT31" s="72">
        <v>56</v>
      </c>
      <c r="GU31" s="73">
        <v>81</v>
      </c>
      <c r="GV31" s="228"/>
      <c r="GW31" s="72">
        <v>107</v>
      </c>
      <c r="GX31" s="72">
        <v>116</v>
      </c>
      <c r="GY31" s="72">
        <v>79</v>
      </c>
      <c r="GZ31" s="72">
        <v>61</v>
      </c>
      <c r="HA31" s="72">
        <v>42</v>
      </c>
      <c r="HB31" s="74">
        <v>405</v>
      </c>
      <c r="HC31" s="75">
        <v>486</v>
      </c>
      <c r="HD31" s="60">
        <v>1</v>
      </c>
      <c r="HE31" s="61">
        <v>2</v>
      </c>
      <c r="HF31" s="62">
        <v>3</v>
      </c>
      <c r="HG31" s="231"/>
      <c r="HH31" s="61">
        <v>4</v>
      </c>
      <c r="HI31" s="61">
        <v>2</v>
      </c>
      <c r="HJ31" s="61">
        <v>3</v>
      </c>
      <c r="HK31" s="61">
        <v>2</v>
      </c>
      <c r="HL31" s="61">
        <v>1</v>
      </c>
      <c r="HM31" s="62">
        <v>12</v>
      </c>
      <c r="HN31" s="63">
        <v>15</v>
      </c>
      <c r="HO31" s="60">
        <v>2</v>
      </c>
      <c r="HP31" s="61">
        <v>12</v>
      </c>
      <c r="HQ31" s="62">
        <v>14</v>
      </c>
      <c r="HR31" s="231"/>
      <c r="HS31" s="61">
        <v>10</v>
      </c>
      <c r="HT31" s="61">
        <v>11</v>
      </c>
      <c r="HU31" s="61">
        <v>6</v>
      </c>
      <c r="HV31" s="61">
        <v>2</v>
      </c>
      <c r="HW31" s="61">
        <v>0</v>
      </c>
      <c r="HX31" s="62">
        <v>29</v>
      </c>
      <c r="HY31" s="63">
        <v>43</v>
      </c>
      <c r="HZ31" s="60">
        <v>5</v>
      </c>
      <c r="IA31" s="61">
        <v>7</v>
      </c>
      <c r="IB31" s="62">
        <v>12</v>
      </c>
      <c r="IC31" s="231"/>
      <c r="ID31" s="61">
        <v>18</v>
      </c>
      <c r="IE31" s="61">
        <v>14</v>
      </c>
      <c r="IF31" s="61">
        <v>9</v>
      </c>
      <c r="IG31" s="61">
        <v>5</v>
      </c>
      <c r="IH31" s="61">
        <v>10</v>
      </c>
      <c r="II31" s="62">
        <v>56</v>
      </c>
      <c r="IJ31" s="63">
        <v>68</v>
      </c>
      <c r="IK31" s="60">
        <v>8</v>
      </c>
      <c r="IL31" s="61">
        <v>17</v>
      </c>
      <c r="IM31" s="62">
        <v>25</v>
      </c>
      <c r="IN31" s="231"/>
      <c r="IO31" s="61">
        <v>32</v>
      </c>
      <c r="IP31" s="61">
        <v>23</v>
      </c>
      <c r="IQ31" s="61">
        <v>17</v>
      </c>
      <c r="IR31" s="61">
        <v>8</v>
      </c>
      <c r="IS31" s="61">
        <v>7</v>
      </c>
      <c r="IT31" s="62">
        <v>87</v>
      </c>
      <c r="IU31" s="63">
        <v>112</v>
      </c>
      <c r="IV31" s="60">
        <v>7</v>
      </c>
      <c r="IW31" s="61">
        <v>12</v>
      </c>
      <c r="IX31" s="62">
        <v>19</v>
      </c>
      <c r="IY31" s="231"/>
      <c r="IZ31" s="61">
        <v>18</v>
      </c>
      <c r="JA31" s="61">
        <v>43</v>
      </c>
      <c r="JB31" s="61">
        <v>14</v>
      </c>
      <c r="JC31" s="61">
        <v>16</v>
      </c>
      <c r="JD31" s="61">
        <v>11</v>
      </c>
      <c r="JE31" s="62">
        <v>102</v>
      </c>
      <c r="JF31" s="63">
        <v>121</v>
      </c>
      <c r="JG31" s="60">
        <v>2</v>
      </c>
      <c r="JH31" s="61">
        <v>6</v>
      </c>
      <c r="JI31" s="62">
        <v>8</v>
      </c>
      <c r="JJ31" s="231"/>
      <c r="JK31" s="61">
        <v>25</v>
      </c>
      <c r="JL31" s="61">
        <v>23</v>
      </c>
      <c r="JM31" s="61">
        <v>30</v>
      </c>
      <c r="JN31" s="61">
        <v>28</v>
      </c>
      <c r="JO31" s="61">
        <v>13</v>
      </c>
      <c r="JP31" s="62">
        <v>119</v>
      </c>
      <c r="JQ31" s="63">
        <v>127</v>
      </c>
      <c r="JR31" s="60">
        <v>2</v>
      </c>
      <c r="JS31" s="61">
        <v>1</v>
      </c>
      <c r="JT31" s="62">
        <v>3</v>
      </c>
      <c r="JU31" s="231"/>
      <c r="JV31" s="61">
        <v>1</v>
      </c>
      <c r="JW31" s="61">
        <v>4</v>
      </c>
      <c r="JX31" s="61">
        <v>0</v>
      </c>
      <c r="JY31" s="61">
        <v>0</v>
      </c>
      <c r="JZ31" s="61">
        <v>5</v>
      </c>
      <c r="KA31" s="62">
        <v>10</v>
      </c>
      <c r="KB31" s="63">
        <v>13</v>
      </c>
      <c r="KC31" s="60">
        <v>27</v>
      </c>
      <c r="KD31" s="61">
        <v>57</v>
      </c>
      <c r="KE31" s="62">
        <v>84</v>
      </c>
      <c r="KF31" s="231"/>
      <c r="KG31" s="61">
        <v>108</v>
      </c>
      <c r="KH31" s="61">
        <v>120</v>
      </c>
      <c r="KI31" s="61">
        <v>79</v>
      </c>
      <c r="KJ31" s="61">
        <v>61</v>
      </c>
      <c r="KK31" s="61">
        <v>47</v>
      </c>
      <c r="KL31" s="62">
        <v>415</v>
      </c>
      <c r="KM31" s="63">
        <v>499</v>
      </c>
    </row>
    <row r="32" spans="2:299" ht="21" customHeight="1" x14ac:dyDescent="0.2">
      <c r="B32" s="472" t="s">
        <v>29</v>
      </c>
      <c r="C32" s="293">
        <v>24</v>
      </c>
      <c r="D32" s="72">
        <v>31</v>
      </c>
      <c r="E32" s="73">
        <v>55</v>
      </c>
      <c r="F32" s="228"/>
      <c r="G32" s="72">
        <v>46</v>
      </c>
      <c r="H32" s="72">
        <v>44</v>
      </c>
      <c r="I32" s="72">
        <v>49</v>
      </c>
      <c r="J32" s="72">
        <v>29</v>
      </c>
      <c r="K32" s="72">
        <v>18</v>
      </c>
      <c r="L32" s="74">
        <v>186</v>
      </c>
      <c r="M32" s="75">
        <v>241</v>
      </c>
      <c r="N32" s="60">
        <v>2</v>
      </c>
      <c r="O32" s="61">
        <v>0</v>
      </c>
      <c r="P32" s="62">
        <v>2</v>
      </c>
      <c r="Q32" s="231"/>
      <c r="R32" s="61">
        <v>3</v>
      </c>
      <c r="S32" s="61">
        <v>0</v>
      </c>
      <c r="T32" s="61">
        <v>2</v>
      </c>
      <c r="U32" s="61">
        <v>1</v>
      </c>
      <c r="V32" s="61">
        <v>2</v>
      </c>
      <c r="W32" s="62">
        <v>8</v>
      </c>
      <c r="X32" s="63">
        <v>10</v>
      </c>
      <c r="Y32" s="60">
        <v>3</v>
      </c>
      <c r="Z32" s="61">
        <v>4</v>
      </c>
      <c r="AA32" s="62">
        <v>7</v>
      </c>
      <c r="AB32" s="231"/>
      <c r="AC32" s="61">
        <v>6</v>
      </c>
      <c r="AD32" s="61">
        <v>3</v>
      </c>
      <c r="AE32" s="61">
        <v>9</v>
      </c>
      <c r="AF32" s="61">
        <v>2</v>
      </c>
      <c r="AG32" s="61">
        <v>2</v>
      </c>
      <c r="AH32" s="62">
        <v>22</v>
      </c>
      <c r="AI32" s="63">
        <v>29</v>
      </c>
      <c r="AJ32" s="60">
        <v>2</v>
      </c>
      <c r="AK32" s="61">
        <v>5</v>
      </c>
      <c r="AL32" s="62">
        <v>7</v>
      </c>
      <c r="AM32" s="231"/>
      <c r="AN32" s="61">
        <v>12</v>
      </c>
      <c r="AO32" s="61">
        <v>12</v>
      </c>
      <c r="AP32" s="61">
        <v>9</v>
      </c>
      <c r="AQ32" s="61">
        <v>6</v>
      </c>
      <c r="AR32" s="61">
        <v>1</v>
      </c>
      <c r="AS32" s="62">
        <v>40</v>
      </c>
      <c r="AT32" s="63">
        <v>47</v>
      </c>
      <c r="AU32" s="60">
        <v>8</v>
      </c>
      <c r="AV32" s="61">
        <v>9</v>
      </c>
      <c r="AW32" s="62">
        <v>17</v>
      </c>
      <c r="AX32" s="231"/>
      <c r="AY32" s="61">
        <v>5</v>
      </c>
      <c r="AZ32" s="61">
        <v>8</v>
      </c>
      <c r="BA32" s="61">
        <v>7</v>
      </c>
      <c r="BB32" s="61">
        <v>7</v>
      </c>
      <c r="BC32" s="61">
        <v>4</v>
      </c>
      <c r="BD32" s="62">
        <v>31</v>
      </c>
      <c r="BE32" s="63">
        <v>48</v>
      </c>
      <c r="BF32" s="60">
        <v>7</v>
      </c>
      <c r="BG32" s="61">
        <v>10</v>
      </c>
      <c r="BH32" s="62">
        <v>17</v>
      </c>
      <c r="BI32" s="231"/>
      <c r="BJ32" s="61">
        <v>11</v>
      </c>
      <c r="BK32" s="61">
        <v>7</v>
      </c>
      <c r="BL32" s="61">
        <v>13</v>
      </c>
      <c r="BM32" s="61">
        <v>9</v>
      </c>
      <c r="BN32" s="61">
        <v>5</v>
      </c>
      <c r="BO32" s="62">
        <v>45</v>
      </c>
      <c r="BP32" s="63">
        <v>62</v>
      </c>
      <c r="BQ32" s="60">
        <v>2</v>
      </c>
      <c r="BR32" s="61">
        <v>3</v>
      </c>
      <c r="BS32" s="62">
        <v>5</v>
      </c>
      <c r="BT32" s="231"/>
      <c r="BU32" s="61">
        <v>9</v>
      </c>
      <c r="BV32" s="61">
        <v>14</v>
      </c>
      <c r="BW32" s="61">
        <v>9</v>
      </c>
      <c r="BX32" s="61">
        <v>4</v>
      </c>
      <c r="BY32" s="61">
        <v>4</v>
      </c>
      <c r="BZ32" s="62">
        <v>40</v>
      </c>
      <c r="CA32" s="63">
        <v>45</v>
      </c>
      <c r="CB32" s="60">
        <v>2</v>
      </c>
      <c r="CC32" s="61">
        <v>1</v>
      </c>
      <c r="CD32" s="62">
        <v>3</v>
      </c>
      <c r="CE32" s="231"/>
      <c r="CF32" s="61">
        <v>3</v>
      </c>
      <c r="CG32" s="61">
        <v>5</v>
      </c>
      <c r="CH32" s="61">
        <v>1</v>
      </c>
      <c r="CI32" s="61">
        <v>1</v>
      </c>
      <c r="CJ32" s="61">
        <v>0</v>
      </c>
      <c r="CK32" s="62">
        <v>10</v>
      </c>
      <c r="CL32" s="63">
        <v>13</v>
      </c>
      <c r="CM32" s="60">
        <v>26</v>
      </c>
      <c r="CN32" s="61">
        <v>32</v>
      </c>
      <c r="CO32" s="62">
        <v>58</v>
      </c>
      <c r="CP32" s="231"/>
      <c r="CQ32" s="61">
        <v>49</v>
      </c>
      <c r="CR32" s="61">
        <v>49</v>
      </c>
      <c r="CS32" s="61">
        <v>50</v>
      </c>
      <c r="CT32" s="61">
        <v>30</v>
      </c>
      <c r="CU32" s="61">
        <v>18</v>
      </c>
      <c r="CV32" s="62">
        <v>196</v>
      </c>
      <c r="CW32" s="63">
        <v>254</v>
      </c>
      <c r="CX32" s="113">
        <v>46</v>
      </c>
      <c r="CY32" s="72">
        <v>47</v>
      </c>
      <c r="CZ32" s="73">
        <v>93</v>
      </c>
      <c r="DA32" s="228"/>
      <c r="DB32" s="72">
        <v>96</v>
      </c>
      <c r="DC32" s="72">
        <v>83</v>
      </c>
      <c r="DD32" s="72">
        <v>75</v>
      </c>
      <c r="DE32" s="72">
        <v>72</v>
      </c>
      <c r="DF32" s="72">
        <v>53</v>
      </c>
      <c r="DG32" s="74">
        <v>379</v>
      </c>
      <c r="DH32" s="75">
        <v>472</v>
      </c>
      <c r="DI32" s="60">
        <v>3</v>
      </c>
      <c r="DJ32" s="61">
        <v>1</v>
      </c>
      <c r="DK32" s="62">
        <v>4</v>
      </c>
      <c r="DL32" s="231"/>
      <c r="DM32" s="61">
        <v>4</v>
      </c>
      <c r="DN32" s="61">
        <v>2</v>
      </c>
      <c r="DO32" s="61">
        <v>2</v>
      </c>
      <c r="DP32" s="61">
        <v>0</v>
      </c>
      <c r="DQ32" s="61">
        <v>2</v>
      </c>
      <c r="DR32" s="62">
        <v>10</v>
      </c>
      <c r="DS32" s="63">
        <v>14</v>
      </c>
      <c r="DT32" s="60">
        <v>2</v>
      </c>
      <c r="DU32" s="61">
        <v>4</v>
      </c>
      <c r="DV32" s="62">
        <v>6</v>
      </c>
      <c r="DW32" s="231"/>
      <c r="DX32" s="61">
        <v>8</v>
      </c>
      <c r="DY32" s="61">
        <v>5</v>
      </c>
      <c r="DZ32" s="61">
        <v>2</v>
      </c>
      <c r="EA32" s="61">
        <v>1</v>
      </c>
      <c r="EB32" s="61">
        <v>3</v>
      </c>
      <c r="EC32" s="62">
        <v>19</v>
      </c>
      <c r="ED32" s="63">
        <v>25</v>
      </c>
      <c r="EE32" s="60">
        <v>10</v>
      </c>
      <c r="EF32" s="61">
        <v>6</v>
      </c>
      <c r="EG32" s="62">
        <v>16</v>
      </c>
      <c r="EH32" s="231"/>
      <c r="EI32" s="61">
        <v>12</v>
      </c>
      <c r="EJ32" s="61">
        <v>5</v>
      </c>
      <c r="EK32" s="61">
        <v>4</v>
      </c>
      <c r="EL32" s="61">
        <v>6</v>
      </c>
      <c r="EM32" s="61">
        <v>3</v>
      </c>
      <c r="EN32" s="62">
        <v>30</v>
      </c>
      <c r="EO32" s="63">
        <v>46</v>
      </c>
      <c r="EP32" s="60">
        <v>14</v>
      </c>
      <c r="EQ32" s="61">
        <v>15</v>
      </c>
      <c r="ER32" s="62">
        <v>29</v>
      </c>
      <c r="ES32" s="231"/>
      <c r="ET32" s="61">
        <v>25</v>
      </c>
      <c r="EU32" s="61">
        <v>19</v>
      </c>
      <c r="EV32" s="61">
        <v>18</v>
      </c>
      <c r="EW32" s="61">
        <v>11</v>
      </c>
      <c r="EX32" s="61">
        <v>10</v>
      </c>
      <c r="EY32" s="62">
        <v>83</v>
      </c>
      <c r="EZ32" s="63">
        <v>112</v>
      </c>
      <c r="FA32" s="60">
        <v>13</v>
      </c>
      <c r="FB32" s="61">
        <v>10</v>
      </c>
      <c r="FC32" s="62">
        <v>23</v>
      </c>
      <c r="FD32" s="231"/>
      <c r="FE32" s="61">
        <v>27</v>
      </c>
      <c r="FF32" s="61">
        <v>27</v>
      </c>
      <c r="FG32" s="61">
        <v>21</v>
      </c>
      <c r="FH32" s="61">
        <v>21</v>
      </c>
      <c r="FI32" s="61">
        <v>15</v>
      </c>
      <c r="FJ32" s="62">
        <v>111</v>
      </c>
      <c r="FK32" s="63">
        <v>134</v>
      </c>
      <c r="FL32" s="60">
        <v>4</v>
      </c>
      <c r="FM32" s="61">
        <v>11</v>
      </c>
      <c r="FN32" s="62">
        <v>15</v>
      </c>
      <c r="FO32" s="231"/>
      <c r="FP32" s="61">
        <v>20</v>
      </c>
      <c r="FQ32" s="61">
        <v>25</v>
      </c>
      <c r="FR32" s="61">
        <v>28</v>
      </c>
      <c r="FS32" s="61">
        <v>33</v>
      </c>
      <c r="FT32" s="61">
        <v>20</v>
      </c>
      <c r="FU32" s="62">
        <v>126</v>
      </c>
      <c r="FV32" s="63">
        <v>141</v>
      </c>
      <c r="FW32" s="60">
        <v>0</v>
      </c>
      <c r="FX32" s="61">
        <v>2</v>
      </c>
      <c r="FY32" s="62">
        <v>2</v>
      </c>
      <c r="FZ32" s="231"/>
      <c r="GA32" s="61">
        <v>1</v>
      </c>
      <c r="GB32" s="61">
        <v>1</v>
      </c>
      <c r="GC32" s="61">
        <v>2</v>
      </c>
      <c r="GD32" s="61">
        <v>0</v>
      </c>
      <c r="GE32" s="61">
        <v>0</v>
      </c>
      <c r="GF32" s="62">
        <v>4</v>
      </c>
      <c r="GG32" s="63">
        <v>6</v>
      </c>
      <c r="GH32" s="60">
        <v>46</v>
      </c>
      <c r="GI32" s="61">
        <v>49</v>
      </c>
      <c r="GJ32" s="62">
        <v>95</v>
      </c>
      <c r="GK32" s="231"/>
      <c r="GL32" s="61">
        <v>97</v>
      </c>
      <c r="GM32" s="61">
        <v>84</v>
      </c>
      <c r="GN32" s="61">
        <v>77</v>
      </c>
      <c r="GO32" s="61">
        <v>72</v>
      </c>
      <c r="GP32" s="61">
        <v>53</v>
      </c>
      <c r="GQ32" s="62">
        <v>383</v>
      </c>
      <c r="GR32" s="63">
        <v>478</v>
      </c>
      <c r="GS32" s="113">
        <v>70</v>
      </c>
      <c r="GT32" s="72">
        <v>78</v>
      </c>
      <c r="GU32" s="73">
        <v>148</v>
      </c>
      <c r="GV32" s="228"/>
      <c r="GW32" s="72">
        <v>142</v>
      </c>
      <c r="GX32" s="72">
        <v>127</v>
      </c>
      <c r="GY32" s="72">
        <v>124</v>
      </c>
      <c r="GZ32" s="72">
        <v>101</v>
      </c>
      <c r="HA32" s="72">
        <v>71</v>
      </c>
      <c r="HB32" s="74">
        <v>565</v>
      </c>
      <c r="HC32" s="75">
        <v>713</v>
      </c>
      <c r="HD32" s="60">
        <v>5</v>
      </c>
      <c r="HE32" s="61">
        <v>1</v>
      </c>
      <c r="HF32" s="62">
        <v>6</v>
      </c>
      <c r="HG32" s="231"/>
      <c r="HH32" s="61">
        <v>7</v>
      </c>
      <c r="HI32" s="61">
        <v>2</v>
      </c>
      <c r="HJ32" s="61">
        <v>4</v>
      </c>
      <c r="HK32" s="61">
        <v>1</v>
      </c>
      <c r="HL32" s="61">
        <v>4</v>
      </c>
      <c r="HM32" s="62">
        <v>18</v>
      </c>
      <c r="HN32" s="63">
        <v>24</v>
      </c>
      <c r="HO32" s="60">
        <v>5</v>
      </c>
      <c r="HP32" s="61">
        <v>8</v>
      </c>
      <c r="HQ32" s="62">
        <v>13</v>
      </c>
      <c r="HR32" s="231"/>
      <c r="HS32" s="61">
        <v>14</v>
      </c>
      <c r="HT32" s="61">
        <v>8</v>
      </c>
      <c r="HU32" s="61">
        <v>11</v>
      </c>
      <c r="HV32" s="61">
        <v>3</v>
      </c>
      <c r="HW32" s="61">
        <v>5</v>
      </c>
      <c r="HX32" s="62">
        <v>41</v>
      </c>
      <c r="HY32" s="63">
        <v>54</v>
      </c>
      <c r="HZ32" s="60">
        <v>12</v>
      </c>
      <c r="IA32" s="61">
        <v>11</v>
      </c>
      <c r="IB32" s="62">
        <v>23</v>
      </c>
      <c r="IC32" s="231"/>
      <c r="ID32" s="61">
        <v>24</v>
      </c>
      <c r="IE32" s="61">
        <v>17</v>
      </c>
      <c r="IF32" s="61">
        <v>13</v>
      </c>
      <c r="IG32" s="61">
        <v>12</v>
      </c>
      <c r="IH32" s="61">
        <v>4</v>
      </c>
      <c r="II32" s="62">
        <v>70</v>
      </c>
      <c r="IJ32" s="63">
        <v>93</v>
      </c>
      <c r="IK32" s="60">
        <v>22</v>
      </c>
      <c r="IL32" s="61">
        <v>24</v>
      </c>
      <c r="IM32" s="62">
        <v>46</v>
      </c>
      <c r="IN32" s="231"/>
      <c r="IO32" s="61">
        <v>30</v>
      </c>
      <c r="IP32" s="61">
        <v>27</v>
      </c>
      <c r="IQ32" s="61">
        <v>25</v>
      </c>
      <c r="IR32" s="61">
        <v>18</v>
      </c>
      <c r="IS32" s="61">
        <v>14</v>
      </c>
      <c r="IT32" s="62">
        <v>114</v>
      </c>
      <c r="IU32" s="63">
        <v>160</v>
      </c>
      <c r="IV32" s="60">
        <v>20</v>
      </c>
      <c r="IW32" s="61">
        <v>20</v>
      </c>
      <c r="IX32" s="62">
        <v>40</v>
      </c>
      <c r="IY32" s="231"/>
      <c r="IZ32" s="61">
        <v>38</v>
      </c>
      <c r="JA32" s="61">
        <v>34</v>
      </c>
      <c r="JB32" s="61">
        <v>34</v>
      </c>
      <c r="JC32" s="61">
        <v>30</v>
      </c>
      <c r="JD32" s="61">
        <v>20</v>
      </c>
      <c r="JE32" s="62">
        <v>156</v>
      </c>
      <c r="JF32" s="63">
        <v>196</v>
      </c>
      <c r="JG32" s="60">
        <v>6</v>
      </c>
      <c r="JH32" s="61">
        <v>14</v>
      </c>
      <c r="JI32" s="62">
        <v>20</v>
      </c>
      <c r="JJ32" s="231"/>
      <c r="JK32" s="61">
        <v>29</v>
      </c>
      <c r="JL32" s="61">
        <v>39</v>
      </c>
      <c r="JM32" s="61">
        <v>37</v>
      </c>
      <c r="JN32" s="61">
        <v>37</v>
      </c>
      <c r="JO32" s="61">
        <v>24</v>
      </c>
      <c r="JP32" s="62">
        <v>166</v>
      </c>
      <c r="JQ32" s="63">
        <v>186</v>
      </c>
      <c r="JR32" s="60">
        <v>2</v>
      </c>
      <c r="JS32" s="61">
        <v>3</v>
      </c>
      <c r="JT32" s="62">
        <v>5</v>
      </c>
      <c r="JU32" s="231"/>
      <c r="JV32" s="61">
        <v>4</v>
      </c>
      <c r="JW32" s="61">
        <v>6</v>
      </c>
      <c r="JX32" s="61">
        <v>3</v>
      </c>
      <c r="JY32" s="61">
        <v>1</v>
      </c>
      <c r="JZ32" s="61">
        <v>0</v>
      </c>
      <c r="KA32" s="62">
        <v>14</v>
      </c>
      <c r="KB32" s="63">
        <v>19</v>
      </c>
      <c r="KC32" s="60">
        <v>72</v>
      </c>
      <c r="KD32" s="61">
        <v>81</v>
      </c>
      <c r="KE32" s="62">
        <v>153</v>
      </c>
      <c r="KF32" s="231"/>
      <c r="KG32" s="61">
        <v>146</v>
      </c>
      <c r="KH32" s="61">
        <v>133</v>
      </c>
      <c r="KI32" s="61">
        <v>127</v>
      </c>
      <c r="KJ32" s="61">
        <v>102</v>
      </c>
      <c r="KK32" s="61">
        <v>71</v>
      </c>
      <c r="KL32" s="62">
        <v>579</v>
      </c>
      <c r="KM32" s="63">
        <v>732</v>
      </c>
    </row>
    <row r="33" spans="2:299" ht="21" customHeight="1" x14ac:dyDescent="0.2">
      <c r="B33" s="472" t="s">
        <v>30</v>
      </c>
      <c r="C33" s="293">
        <v>25</v>
      </c>
      <c r="D33" s="72">
        <v>11</v>
      </c>
      <c r="E33" s="73">
        <v>36</v>
      </c>
      <c r="F33" s="228"/>
      <c r="G33" s="72">
        <v>29</v>
      </c>
      <c r="H33" s="72">
        <v>28</v>
      </c>
      <c r="I33" s="72">
        <v>23</v>
      </c>
      <c r="J33" s="72">
        <v>32</v>
      </c>
      <c r="K33" s="72">
        <v>9</v>
      </c>
      <c r="L33" s="74">
        <v>121</v>
      </c>
      <c r="M33" s="75">
        <v>157</v>
      </c>
      <c r="N33" s="60">
        <v>3</v>
      </c>
      <c r="O33" s="61">
        <v>2</v>
      </c>
      <c r="P33" s="62">
        <v>5</v>
      </c>
      <c r="Q33" s="231"/>
      <c r="R33" s="61">
        <v>1</v>
      </c>
      <c r="S33" s="61">
        <v>2</v>
      </c>
      <c r="T33" s="61">
        <v>1</v>
      </c>
      <c r="U33" s="61">
        <v>2</v>
      </c>
      <c r="V33" s="61">
        <v>0</v>
      </c>
      <c r="W33" s="62">
        <v>6</v>
      </c>
      <c r="X33" s="63">
        <v>11</v>
      </c>
      <c r="Y33" s="60">
        <v>5</v>
      </c>
      <c r="Z33" s="61">
        <v>1</v>
      </c>
      <c r="AA33" s="62">
        <v>6</v>
      </c>
      <c r="AB33" s="231"/>
      <c r="AC33" s="61">
        <v>3</v>
      </c>
      <c r="AD33" s="61">
        <v>5</v>
      </c>
      <c r="AE33" s="61">
        <v>2</v>
      </c>
      <c r="AF33" s="61">
        <v>3</v>
      </c>
      <c r="AG33" s="61">
        <v>1</v>
      </c>
      <c r="AH33" s="62">
        <v>14</v>
      </c>
      <c r="AI33" s="63">
        <v>20</v>
      </c>
      <c r="AJ33" s="60">
        <v>2</v>
      </c>
      <c r="AK33" s="61">
        <v>1</v>
      </c>
      <c r="AL33" s="62">
        <v>3</v>
      </c>
      <c r="AM33" s="231"/>
      <c r="AN33" s="61">
        <v>1</v>
      </c>
      <c r="AO33" s="61">
        <v>5</v>
      </c>
      <c r="AP33" s="61">
        <v>3</v>
      </c>
      <c r="AQ33" s="61">
        <v>5</v>
      </c>
      <c r="AR33" s="61">
        <v>1</v>
      </c>
      <c r="AS33" s="62">
        <v>15</v>
      </c>
      <c r="AT33" s="63">
        <v>18</v>
      </c>
      <c r="AU33" s="60">
        <v>4</v>
      </c>
      <c r="AV33" s="61">
        <v>3</v>
      </c>
      <c r="AW33" s="62">
        <v>7</v>
      </c>
      <c r="AX33" s="231"/>
      <c r="AY33" s="61">
        <v>9</v>
      </c>
      <c r="AZ33" s="61">
        <v>5</v>
      </c>
      <c r="BA33" s="61">
        <v>5</v>
      </c>
      <c r="BB33" s="61">
        <v>7</v>
      </c>
      <c r="BC33" s="61">
        <v>2</v>
      </c>
      <c r="BD33" s="62">
        <v>28</v>
      </c>
      <c r="BE33" s="63">
        <v>35</v>
      </c>
      <c r="BF33" s="60">
        <v>7</v>
      </c>
      <c r="BG33" s="61">
        <v>1</v>
      </c>
      <c r="BH33" s="62">
        <v>8</v>
      </c>
      <c r="BI33" s="231"/>
      <c r="BJ33" s="61">
        <v>8</v>
      </c>
      <c r="BK33" s="61">
        <v>6</v>
      </c>
      <c r="BL33" s="61">
        <v>8</v>
      </c>
      <c r="BM33" s="61">
        <v>7</v>
      </c>
      <c r="BN33" s="61">
        <v>2</v>
      </c>
      <c r="BO33" s="62">
        <v>31</v>
      </c>
      <c r="BP33" s="63">
        <v>39</v>
      </c>
      <c r="BQ33" s="60">
        <v>4</v>
      </c>
      <c r="BR33" s="61">
        <v>3</v>
      </c>
      <c r="BS33" s="62">
        <v>7</v>
      </c>
      <c r="BT33" s="231"/>
      <c r="BU33" s="61">
        <v>7</v>
      </c>
      <c r="BV33" s="61">
        <v>5</v>
      </c>
      <c r="BW33" s="61">
        <v>4</v>
      </c>
      <c r="BX33" s="61">
        <v>8</v>
      </c>
      <c r="BY33" s="61">
        <v>3</v>
      </c>
      <c r="BZ33" s="62">
        <v>27</v>
      </c>
      <c r="CA33" s="63">
        <v>34</v>
      </c>
      <c r="CB33" s="60">
        <v>0</v>
      </c>
      <c r="CC33" s="61">
        <v>0</v>
      </c>
      <c r="CD33" s="62">
        <v>0</v>
      </c>
      <c r="CE33" s="231"/>
      <c r="CF33" s="61">
        <v>2</v>
      </c>
      <c r="CG33" s="61">
        <v>1</v>
      </c>
      <c r="CH33" s="61">
        <v>2</v>
      </c>
      <c r="CI33" s="61">
        <v>1</v>
      </c>
      <c r="CJ33" s="61">
        <v>1</v>
      </c>
      <c r="CK33" s="62">
        <v>7</v>
      </c>
      <c r="CL33" s="63">
        <v>7</v>
      </c>
      <c r="CM33" s="60">
        <v>25</v>
      </c>
      <c r="CN33" s="61">
        <v>11</v>
      </c>
      <c r="CO33" s="62">
        <v>36</v>
      </c>
      <c r="CP33" s="231"/>
      <c r="CQ33" s="61">
        <v>31</v>
      </c>
      <c r="CR33" s="61">
        <v>29</v>
      </c>
      <c r="CS33" s="61">
        <v>25</v>
      </c>
      <c r="CT33" s="61">
        <v>33</v>
      </c>
      <c r="CU33" s="61">
        <v>10</v>
      </c>
      <c r="CV33" s="62">
        <v>128</v>
      </c>
      <c r="CW33" s="63">
        <v>164</v>
      </c>
      <c r="CX33" s="113">
        <v>46</v>
      </c>
      <c r="CY33" s="72">
        <v>35</v>
      </c>
      <c r="CZ33" s="73">
        <v>81</v>
      </c>
      <c r="DA33" s="228"/>
      <c r="DB33" s="72">
        <v>97</v>
      </c>
      <c r="DC33" s="72">
        <v>56</v>
      </c>
      <c r="DD33" s="72">
        <v>76</v>
      </c>
      <c r="DE33" s="72">
        <v>69</v>
      </c>
      <c r="DF33" s="72">
        <v>33</v>
      </c>
      <c r="DG33" s="74">
        <v>331</v>
      </c>
      <c r="DH33" s="75">
        <v>412</v>
      </c>
      <c r="DI33" s="60">
        <v>2</v>
      </c>
      <c r="DJ33" s="61">
        <v>0</v>
      </c>
      <c r="DK33" s="62">
        <v>2</v>
      </c>
      <c r="DL33" s="231"/>
      <c r="DM33" s="61">
        <v>1</v>
      </c>
      <c r="DN33" s="61">
        <v>0</v>
      </c>
      <c r="DO33" s="61">
        <v>1</v>
      </c>
      <c r="DP33" s="61">
        <v>0</v>
      </c>
      <c r="DQ33" s="61">
        <v>2</v>
      </c>
      <c r="DR33" s="62">
        <v>4</v>
      </c>
      <c r="DS33" s="63">
        <v>6</v>
      </c>
      <c r="DT33" s="60">
        <v>5</v>
      </c>
      <c r="DU33" s="61">
        <v>1</v>
      </c>
      <c r="DV33" s="62">
        <v>6</v>
      </c>
      <c r="DW33" s="231"/>
      <c r="DX33" s="61">
        <v>0</v>
      </c>
      <c r="DY33" s="61">
        <v>4</v>
      </c>
      <c r="DZ33" s="61">
        <v>2</v>
      </c>
      <c r="EA33" s="61">
        <v>5</v>
      </c>
      <c r="EB33" s="61">
        <v>3</v>
      </c>
      <c r="EC33" s="62">
        <v>14</v>
      </c>
      <c r="ED33" s="63">
        <v>20</v>
      </c>
      <c r="EE33" s="60">
        <v>10</v>
      </c>
      <c r="EF33" s="61">
        <v>3</v>
      </c>
      <c r="EG33" s="62">
        <v>13</v>
      </c>
      <c r="EH33" s="231"/>
      <c r="EI33" s="61">
        <v>14</v>
      </c>
      <c r="EJ33" s="61">
        <v>6</v>
      </c>
      <c r="EK33" s="61">
        <v>8</v>
      </c>
      <c r="EL33" s="61">
        <v>2</v>
      </c>
      <c r="EM33" s="61">
        <v>2</v>
      </c>
      <c r="EN33" s="62">
        <v>32</v>
      </c>
      <c r="EO33" s="63">
        <v>45</v>
      </c>
      <c r="EP33" s="60">
        <v>11</v>
      </c>
      <c r="EQ33" s="61">
        <v>11</v>
      </c>
      <c r="ER33" s="62">
        <v>22</v>
      </c>
      <c r="ES33" s="231"/>
      <c r="ET33" s="61">
        <v>25</v>
      </c>
      <c r="EU33" s="61">
        <v>12</v>
      </c>
      <c r="EV33" s="61">
        <v>11</v>
      </c>
      <c r="EW33" s="61">
        <v>8</v>
      </c>
      <c r="EX33" s="61">
        <v>8</v>
      </c>
      <c r="EY33" s="62">
        <v>64</v>
      </c>
      <c r="EZ33" s="63">
        <v>86</v>
      </c>
      <c r="FA33" s="60">
        <v>11</v>
      </c>
      <c r="FB33" s="61">
        <v>9</v>
      </c>
      <c r="FC33" s="62">
        <v>20</v>
      </c>
      <c r="FD33" s="231"/>
      <c r="FE33" s="61">
        <v>31</v>
      </c>
      <c r="FF33" s="61">
        <v>16</v>
      </c>
      <c r="FG33" s="61">
        <v>17</v>
      </c>
      <c r="FH33" s="61">
        <v>18</v>
      </c>
      <c r="FI33" s="61">
        <v>8</v>
      </c>
      <c r="FJ33" s="62">
        <v>90</v>
      </c>
      <c r="FK33" s="63">
        <v>110</v>
      </c>
      <c r="FL33" s="60">
        <v>7</v>
      </c>
      <c r="FM33" s="61">
        <v>11</v>
      </c>
      <c r="FN33" s="62">
        <v>18</v>
      </c>
      <c r="FO33" s="231"/>
      <c r="FP33" s="61">
        <v>26</v>
      </c>
      <c r="FQ33" s="61">
        <v>18</v>
      </c>
      <c r="FR33" s="61">
        <v>37</v>
      </c>
      <c r="FS33" s="61">
        <v>36</v>
      </c>
      <c r="FT33" s="61">
        <v>10</v>
      </c>
      <c r="FU33" s="62">
        <v>127</v>
      </c>
      <c r="FV33" s="63">
        <v>145</v>
      </c>
      <c r="FW33" s="60">
        <v>0</v>
      </c>
      <c r="FX33" s="61">
        <v>0</v>
      </c>
      <c r="FY33" s="62">
        <v>0</v>
      </c>
      <c r="FZ33" s="231"/>
      <c r="GA33" s="61">
        <v>2</v>
      </c>
      <c r="GB33" s="61">
        <v>0</v>
      </c>
      <c r="GC33" s="61">
        <v>1</v>
      </c>
      <c r="GD33" s="61">
        <v>1</v>
      </c>
      <c r="GE33" s="61">
        <v>2</v>
      </c>
      <c r="GF33" s="62">
        <v>6</v>
      </c>
      <c r="GG33" s="63">
        <v>6</v>
      </c>
      <c r="GH33" s="60">
        <v>46</v>
      </c>
      <c r="GI33" s="61">
        <v>35</v>
      </c>
      <c r="GJ33" s="62">
        <v>81</v>
      </c>
      <c r="GK33" s="231"/>
      <c r="GL33" s="61">
        <v>99</v>
      </c>
      <c r="GM33" s="61">
        <v>56</v>
      </c>
      <c r="GN33" s="61">
        <v>77</v>
      </c>
      <c r="GO33" s="61">
        <v>70</v>
      </c>
      <c r="GP33" s="61">
        <v>35</v>
      </c>
      <c r="GQ33" s="62">
        <v>337</v>
      </c>
      <c r="GR33" s="63">
        <v>418</v>
      </c>
      <c r="GS33" s="113">
        <v>71</v>
      </c>
      <c r="GT33" s="72">
        <v>46</v>
      </c>
      <c r="GU33" s="73">
        <v>117</v>
      </c>
      <c r="GV33" s="228"/>
      <c r="GW33" s="72">
        <v>126</v>
      </c>
      <c r="GX33" s="72">
        <v>84</v>
      </c>
      <c r="GY33" s="72">
        <v>99</v>
      </c>
      <c r="GZ33" s="72">
        <v>101</v>
      </c>
      <c r="HA33" s="72">
        <v>42</v>
      </c>
      <c r="HB33" s="74">
        <v>452</v>
      </c>
      <c r="HC33" s="75">
        <v>569</v>
      </c>
      <c r="HD33" s="60">
        <v>5</v>
      </c>
      <c r="HE33" s="61">
        <v>2</v>
      </c>
      <c r="HF33" s="62">
        <v>7</v>
      </c>
      <c r="HG33" s="231"/>
      <c r="HH33" s="61">
        <v>2</v>
      </c>
      <c r="HI33" s="61">
        <v>2</v>
      </c>
      <c r="HJ33" s="61">
        <v>2</v>
      </c>
      <c r="HK33" s="61">
        <v>2</v>
      </c>
      <c r="HL33" s="61">
        <v>2</v>
      </c>
      <c r="HM33" s="62">
        <v>10</v>
      </c>
      <c r="HN33" s="63">
        <v>17</v>
      </c>
      <c r="HO33" s="60">
        <v>10</v>
      </c>
      <c r="HP33" s="61">
        <v>2</v>
      </c>
      <c r="HQ33" s="62">
        <v>12</v>
      </c>
      <c r="HR33" s="231"/>
      <c r="HS33" s="61">
        <v>3</v>
      </c>
      <c r="HT33" s="61">
        <v>9</v>
      </c>
      <c r="HU33" s="61">
        <v>4</v>
      </c>
      <c r="HV33" s="61">
        <v>8</v>
      </c>
      <c r="HW33" s="61">
        <v>4</v>
      </c>
      <c r="HX33" s="62">
        <v>28</v>
      </c>
      <c r="HY33" s="63">
        <v>40</v>
      </c>
      <c r="HZ33" s="60">
        <v>12</v>
      </c>
      <c r="IA33" s="61">
        <v>4</v>
      </c>
      <c r="IB33" s="62">
        <v>16</v>
      </c>
      <c r="IC33" s="231"/>
      <c r="ID33" s="61">
        <v>15</v>
      </c>
      <c r="IE33" s="61">
        <v>11</v>
      </c>
      <c r="IF33" s="61">
        <v>11</v>
      </c>
      <c r="IG33" s="61">
        <v>7</v>
      </c>
      <c r="IH33" s="61">
        <v>3</v>
      </c>
      <c r="II33" s="62">
        <v>47</v>
      </c>
      <c r="IJ33" s="63">
        <v>63</v>
      </c>
      <c r="IK33" s="60">
        <v>15</v>
      </c>
      <c r="IL33" s="61">
        <v>14</v>
      </c>
      <c r="IM33" s="62">
        <v>29</v>
      </c>
      <c r="IN33" s="231"/>
      <c r="IO33" s="61">
        <v>34</v>
      </c>
      <c r="IP33" s="61">
        <v>17</v>
      </c>
      <c r="IQ33" s="61">
        <v>16</v>
      </c>
      <c r="IR33" s="61">
        <v>15</v>
      </c>
      <c r="IS33" s="61">
        <v>10</v>
      </c>
      <c r="IT33" s="62">
        <v>92</v>
      </c>
      <c r="IU33" s="63">
        <v>121</v>
      </c>
      <c r="IV33" s="60">
        <v>18</v>
      </c>
      <c r="IW33" s="61">
        <v>10</v>
      </c>
      <c r="IX33" s="62">
        <v>28</v>
      </c>
      <c r="IY33" s="231"/>
      <c r="IZ33" s="61">
        <v>39</v>
      </c>
      <c r="JA33" s="61">
        <v>22</v>
      </c>
      <c r="JB33" s="61">
        <v>25</v>
      </c>
      <c r="JC33" s="61">
        <v>25</v>
      </c>
      <c r="JD33" s="61">
        <v>10</v>
      </c>
      <c r="JE33" s="62">
        <v>121</v>
      </c>
      <c r="JF33" s="63">
        <v>149</v>
      </c>
      <c r="JG33" s="60">
        <v>11</v>
      </c>
      <c r="JH33" s="61">
        <v>14</v>
      </c>
      <c r="JI33" s="62">
        <v>25</v>
      </c>
      <c r="JJ33" s="231"/>
      <c r="JK33" s="61">
        <v>33</v>
      </c>
      <c r="JL33" s="61">
        <v>23</v>
      </c>
      <c r="JM33" s="61">
        <v>41</v>
      </c>
      <c r="JN33" s="61">
        <v>44</v>
      </c>
      <c r="JO33" s="61">
        <v>13</v>
      </c>
      <c r="JP33" s="62">
        <v>154</v>
      </c>
      <c r="JQ33" s="63">
        <v>179</v>
      </c>
      <c r="JR33" s="60">
        <v>0</v>
      </c>
      <c r="JS33" s="61">
        <v>0</v>
      </c>
      <c r="JT33" s="62">
        <v>0</v>
      </c>
      <c r="JU33" s="231"/>
      <c r="JV33" s="61">
        <v>4</v>
      </c>
      <c r="JW33" s="61">
        <v>1</v>
      </c>
      <c r="JX33" s="61">
        <v>3</v>
      </c>
      <c r="JY33" s="61">
        <v>2</v>
      </c>
      <c r="JZ33" s="61">
        <v>3</v>
      </c>
      <c r="KA33" s="62">
        <v>13</v>
      </c>
      <c r="KB33" s="63">
        <v>13</v>
      </c>
      <c r="KC33" s="60">
        <v>71</v>
      </c>
      <c r="KD33" s="61">
        <v>46</v>
      </c>
      <c r="KE33" s="62">
        <v>117</v>
      </c>
      <c r="KF33" s="231"/>
      <c r="KG33" s="61">
        <v>130</v>
      </c>
      <c r="KH33" s="61">
        <v>85</v>
      </c>
      <c r="KI33" s="61">
        <v>102</v>
      </c>
      <c r="KJ33" s="61">
        <v>103</v>
      </c>
      <c r="KK33" s="61">
        <v>45</v>
      </c>
      <c r="KL33" s="62">
        <v>465</v>
      </c>
      <c r="KM33" s="63">
        <v>582</v>
      </c>
    </row>
    <row r="34" spans="2:299" ht="21" customHeight="1" x14ac:dyDescent="0.2">
      <c r="B34" s="472" t="s">
        <v>31</v>
      </c>
      <c r="C34" s="293">
        <v>19</v>
      </c>
      <c r="D34" s="72">
        <v>39</v>
      </c>
      <c r="E34" s="73">
        <v>58</v>
      </c>
      <c r="F34" s="228"/>
      <c r="G34" s="72">
        <v>53</v>
      </c>
      <c r="H34" s="72">
        <v>44</v>
      </c>
      <c r="I34" s="72">
        <v>42</v>
      </c>
      <c r="J34" s="72">
        <v>33</v>
      </c>
      <c r="K34" s="72">
        <v>16</v>
      </c>
      <c r="L34" s="74">
        <v>188</v>
      </c>
      <c r="M34" s="75">
        <v>246</v>
      </c>
      <c r="N34" s="60">
        <v>0</v>
      </c>
      <c r="O34" s="61">
        <v>2</v>
      </c>
      <c r="P34" s="62">
        <v>2</v>
      </c>
      <c r="Q34" s="231"/>
      <c r="R34" s="61">
        <v>2</v>
      </c>
      <c r="S34" s="61">
        <v>3</v>
      </c>
      <c r="T34" s="61">
        <v>4</v>
      </c>
      <c r="U34" s="61">
        <v>1</v>
      </c>
      <c r="V34" s="61">
        <v>1</v>
      </c>
      <c r="W34" s="62">
        <v>11</v>
      </c>
      <c r="X34" s="63">
        <v>13</v>
      </c>
      <c r="Y34" s="60">
        <v>3</v>
      </c>
      <c r="Z34" s="61">
        <v>5</v>
      </c>
      <c r="AA34" s="62">
        <v>8</v>
      </c>
      <c r="AB34" s="231"/>
      <c r="AC34" s="61">
        <v>7</v>
      </c>
      <c r="AD34" s="61">
        <v>7</v>
      </c>
      <c r="AE34" s="61">
        <v>4</v>
      </c>
      <c r="AF34" s="61">
        <v>5</v>
      </c>
      <c r="AG34" s="61">
        <v>3</v>
      </c>
      <c r="AH34" s="62">
        <v>26</v>
      </c>
      <c r="AI34" s="63">
        <v>34</v>
      </c>
      <c r="AJ34" s="60">
        <v>4</v>
      </c>
      <c r="AK34" s="61">
        <v>6</v>
      </c>
      <c r="AL34" s="62">
        <v>10</v>
      </c>
      <c r="AM34" s="231"/>
      <c r="AN34" s="61">
        <v>7</v>
      </c>
      <c r="AO34" s="61">
        <v>4</v>
      </c>
      <c r="AP34" s="61">
        <v>10</v>
      </c>
      <c r="AQ34" s="61">
        <v>7</v>
      </c>
      <c r="AR34" s="61">
        <v>3</v>
      </c>
      <c r="AS34" s="62">
        <v>31</v>
      </c>
      <c r="AT34" s="63">
        <v>41</v>
      </c>
      <c r="AU34" s="60">
        <v>4</v>
      </c>
      <c r="AV34" s="61">
        <v>12</v>
      </c>
      <c r="AW34" s="62">
        <v>16</v>
      </c>
      <c r="AX34" s="231"/>
      <c r="AY34" s="61">
        <v>11</v>
      </c>
      <c r="AZ34" s="61">
        <v>8</v>
      </c>
      <c r="BA34" s="61">
        <v>6</v>
      </c>
      <c r="BB34" s="61">
        <v>5</v>
      </c>
      <c r="BC34" s="61">
        <v>2</v>
      </c>
      <c r="BD34" s="62">
        <v>32</v>
      </c>
      <c r="BE34" s="63">
        <v>48</v>
      </c>
      <c r="BF34" s="60">
        <v>4</v>
      </c>
      <c r="BG34" s="61">
        <v>7</v>
      </c>
      <c r="BH34" s="62">
        <v>11</v>
      </c>
      <c r="BI34" s="231"/>
      <c r="BJ34" s="61">
        <v>16</v>
      </c>
      <c r="BK34" s="61">
        <v>9</v>
      </c>
      <c r="BL34" s="61">
        <v>6</v>
      </c>
      <c r="BM34" s="61">
        <v>9</v>
      </c>
      <c r="BN34" s="61">
        <v>3</v>
      </c>
      <c r="BO34" s="62">
        <v>43</v>
      </c>
      <c r="BP34" s="63">
        <v>54</v>
      </c>
      <c r="BQ34" s="60">
        <v>4</v>
      </c>
      <c r="BR34" s="61">
        <v>7</v>
      </c>
      <c r="BS34" s="62">
        <v>11</v>
      </c>
      <c r="BT34" s="231"/>
      <c r="BU34" s="61">
        <v>10</v>
      </c>
      <c r="BV34" s="61">
        <v>13</v>
      </c>
      <c r="BW34" s="61">
        <v>12</v>
      </c>
      <c r="BX34" s="61">
        <v>6</v>
      </c>
      <c r="BY34" s="61">
        <v>4</v>
      </c>
      <c r="BZ34" s="62">
        <v>45</v>
      </c>
      <c r="CA34" s="63">
        <v>56</v>
      </c>
      <c r="CB34" s="60">
        <v>0</v>
      </c>
      <c r="CC34" s="61">
        <v>4</v>
      </c>
      <c r="CD34" s="62">
        <v>4</v>
      </c>
      <c r="CE34" s="231"/>
      <c r="CF34" s="61">
        <v>1</v>
      </c>
      <c r="CG34" s="61">
        <v>1</v>
      </c>
      <c r="CH34" s="61">
        <v>0</v>
      </c>
      <c r="CI34" s="61">
        <v>1</v>
      </c>
      <c r="CJ34" s="61">
        <v>0</v>
      </c>
      <c r="CK34" s="62">
        <v>3</v>
      </c>
      <c r="CL34" s="63">
        <v>7</v>
      </c>
      <c r="CM34" s="60">
        <v>19</v>
      </c>
      <c r="CN34" s="61">
        <v>43</v>
      </c>
      <c r="CO34" s="62">
        <v>62</v>
      </c>
      <c r="CP34" s="231"/>
      <c r="CQ34" s="61">
        <v>54</v>
      </c>
      <c r="CR34" s="61">
        <v>45</v>
      </c>
      <c r="CS34" s="61">
        <v>42</v>
      </c>
      <c r="CT34" s="61">
        <v>34</v>
      </c>
      <c r="CU34" s="61">
        <v>16</v>
      </c>
      <c r="CV34" s="62">
        <v>191</v>
      </c>
      <c r="CW34" s="63">
        <v>253</v>
      </c>
      <c r="CX34" s="113">
        <v>55</v>
      </c>
      <c r="CY34" s="72">
        <v>82</v>
      </c>
      <c r="CZ34" s="73">
        <v>137</v>
      </c>
      <c r="DA34" s="228"/>
      <c r="DB34" s="72">
        <v>106</v>
      </c>
      <c r="DC34" s="72">
        <v>93</v>
      </c>
      <c r="DD34" s="72">
        <v>77</v>
      </c>
      <c r="DE34" s="72">
        <v>68</v>
      </c>
      <c r="DF34" s="72">
        <v>43</v>
      </c>
      <c r="DG34" s="74">
        <v>387</v>
      </c>
      <c r="DH34" s="75">
        <v>524</v>
      </c>
      <c r="DI34" s="60">
        <v>0</v>
      </c>
      <c r="DJ34" s="61">
        <v>3</v>
      </c>
      <c r="DK34" s="62">
        <v>3</v>
      </c>
      <c r="DL34" s="231"/>
      <c r="DM34" s="61">
        <v>0</v>
      </c>
      <c r="DN34" s="61">
        <v>1</v>
      </c>
      <c r="DO34" s="61">
        <v>1</v>
      </c>
      <c r="DP34" s="61">
        <v>2</v>
      </c>
      <c r="DQ34" s="61">
        <v>2</v>
      </c>
      <c r="DR34" s="62">
        <v>6</v>
      </c>
      <c r="DS34" s="63">
        <v>9</v>
      </c>
      <c r="DT34" s="60">
        <v>2</v>
      </c>
      <c r="DU34" s="61">
        <v>5</v>
      </c>
      <c r="DV34" s="62">
        <v>7</v>
      </c>
      <c r="DW34" s="231"/>
      <c r="DX34" s="61">
        <v>11</v>
      </c>
      <c r="DY34" s="61">
        <v>5</v>
      </c>
      <c r="DZ34" s="61">
        <v>4</v>
      </c>
      <c r="EA34" s="61">
        <v>5</v>
      </c>
      <c r="EB34" s="61">
        <v>2</v>
      </c>
      <c r="EC34" s="62">
        <v>27</v>
      </c>
      <c r="ED34" s="63">
        <v>34</v>
      </c>
      <c r="EE34" s="60">
        <v>3</v>
      </c>
      <c r="EF34" s="61">
        <v>5</v>
      </c>
      <c r="EG34" s="62">
        <v>8</v>
      </c>
      <c r="EH34" s="231"/>
      <c r="EI34" s="61">
        <v>10</v>
      </c>
      <c r="EJ34" s="61">
        <v>8</v>
      </c>
      <c r="EK34" s="61">
        <v>4</v>
      </c>
      <c r="EL34" s="61">
        <v>6</v>
      </c>
      <c r="EM34" s="61">
        <v>2</v>
      </c>
      <c r="EN34" s="62">
        <v>30</v>
      </c>
      <c r="EO34" s="63">
        <v>38</v>
      </c>
      <c r="EP34" s="60">
        <v>15</v>
      </c>
      <c r="EQ34" s="61">
        <v>27</v>
      </c>
      <c r="ER34" s="62">
        <v>42</v>
      </c>
      <c r="ES34" s="231"/>
      <c r="ET34" s="61">
        <v>19</v>
      </c>
      <c r="EU34" s="61">
        <v>15</v>
      </c>
      <c r="EV34" s="61">
        <v>15</v>
      </c>
      <c r="EW34" s="61">
        <v>7</v>
      </c>
      <c r="EX34" s="61">
        <v>5</v>
      </c>
      <c r="EY34" s="62">
        <v>61</v>
      </c>
      <c r="EZ34" s="63">
        <v>103</v>
      </c>
      <c r="FA34" s="60">
        <v>25</v>
      </c>
      <c r="FB34" s="61">
        <v>26</v>
      </c>
      <c r="FC34" s="62">
        <v>51</v>
      </c>
      <c r="FD34" s="231"/>
      <c r="FE34" s="61">
        <v>22</v>
      </c>
      <c r="FF34" s="61">
        <v>36</v>
      </c>
      <c r="FG34" s="61">
        <v>22</v>
      </c>
      <c r="FH34" s="61">
        <v>16</v>
      </c>
      <c r="FI34" s="61">
        <v>12</v>
      </c>
      <c r="FJ34" s="62">
        <v>108</v>
      </c>
      <c r="FK34" s="63">
        <v>159</v>
      </c>
      <c r="FL34" s="60">
        <v>10</v>
      </c>
      <c r="FM34" s="61">
        <v>16</v>
      </c>
      <c r="FN34" s="62">
        <v>26</v>
      </c>
      <c r="FO34" s="231"/>
      <c r="FP34" s="61">
        <v>44</v>
      </c>
      <c r="FQ34" s="61">
        <v>28</v>
      </c>
      <c r="FR34" s="61">
        <v>31</v>
      </c>
      <c r="FS34" s="61">
        <v>32</v>
      </c>
      <c r="FT34" s="61">
        <v>20</v>
      </c>
      <c r="FU34" s="62">
        <v>155</v>
      </c>
      <c r="FV34" s="63">
        <v>181</v>
      </c>
      <c r="FW34" s="60">
        <v>0</v>
      </c>
      <c r="FX34" s="61">
        <v>0</v>
      </c>
      <c r="FY34" s="62">
        <v>0</v>
      </c>
      <c r="FZ34" s="231"/>
      <c r="GA34" s="61">
        <v>1</v>
      </c>
      <c r="GB34" s="61">
        <v>0</v>
      </c>
      <c r="GC34" s="61">
        <v>1</v>
      </c>
      <c r="GD34" s="61">
        <v>1</v>
      </c>
      <c r="GE34" s="61">
        <v>1</v>
      </c>
      <c r="GF34" s="62">
        <v>4</v>
      </c>
      <c r="GG34" s="63">
        <v>4</v>
      </c>
      <c r="GH34" s="60">
        <v>55</v>
      </c>
      <c r="GI34" s="61">
        <v>82</v>
      </c>
      <c r="GJ34" s="62">
        <v>137</v>
      </c>
      <c r="GK34" s="231"/>
      <c r="GL34" s="61">
        <v>107</v>
      </c>
      <c r="GM34" s="61">
        <v>93</v>
      </c>
      <c r="GN34" s="61">
        <v>78</v>
      </c>
      <c r="GO34" s="61">
        <v>69</v>
      </c>
      <c r="GP34" s="61">
        <v>44</v>
      </c>
      <c r="GQ34" s="62">
        <v>391</v>
      </c>
      <c r="GR34" s="63">
        <v>528</v>
      </c>
      <c r="GS34" s="113">
        <v>74</v>
      </c>
      <c r="GT34" s="72">
        <v>121</v>
      </c>
      <c r="GU34" s="73">
        <v>195</v>
      </c>
      <c r="GV34" s="228"/>
      <c r="GW34" s="72">
        <v>159</v>
      </c>
      <c r="GX34" s="72">
        <v>137</v>
      </c>
      <c r="GY34" s="72">
        <v>119</v>
      </c>
      <c r="GZ34" s="72">
        <v>101</v>
      </c>
      <c r="HA34" s="72">
        <v>59</v>
      </c>
      <c r="HB34" s="74">
        <v>575</v>
      </c>
      <c r="HC34" s="75">
        <v>770</v>
      </c>
      <c r="HD34" s="60">
        <v>0</v>
      </c>
      <c r="HE34" s="61">
        <v>5</v>
      </c>
      <c r="HF34" s="62">
        <v>5</v>
      </c>
      <c r="HG34" s="231"/>
      <c r="HH34" s="61">
        <v>2</v>
      </c>
      <c r="HI34" s="61">
        <v>4</v>
      </c>
      <c r="HJ34" s="61">
        <v>5</v>
      </c>
      <c r="HK34" s="61">
        <v>3</v>
      </c>
      <c r="HL34" s="61">
        <v>3</v>
      </c>
      <c r="HM34" s="62">
        <v>17</v>
      </c>
      <c r="HN34" s="63">
        <v>22</v>
      </c>
      <c r="HO34" s="60">
        <v>5</v>
      </c>
      <c r="HP34" s="61">
        <v>10</v>
      </c>
      <c r="HQ34" s="62">
        <v>15</v>
      </c>
      <c r="HR34" s="231"/>
      <c r="HS34" s="61">
        <v>18</v>
      </c>
      <c r="HT34" s="61">
        <v>12</v>
      </c>
      <c r="HU34" s="61">
        <v>8</v>
      </c>
      <c r="HV34" s="61">
        <v>10</v>
      </c>
      <c r="HW34" s="61">
        <v>5</v>
      </c>
      <c r="HX34" s="62">
        <v>53</v>
      </c>
      <c r="HY34" s="63">
        <v>68</v>
      </c>
      <c r="HZ34" s="60">
        <v>7</v>
      </c>
      <c r="IA34" s="61">
        <v>11</v>
      </c>
      <c r="IB34" s="62">
        <v>18</v>
      </c>
      <c r="IC34" s="231"/>
      <c r="ID34" s="61">
        <v>17</v>
      </c>
      <c r="IE34" s="61">
        <v>12</v>
      </c>
      <c r="IF34" s="61">
        <v>14</v>
      </c>
      <c r="IG34" s="61">
        <v>13</v>
      </c>
      <c r="IH34" s="61">
        <v>5</v>
      </c>
      <c r="II34" s="62">
        <v>61</v>
      </c>
      <c r="IJ34" s="63">
        <v>79</v>
      </c>
      <c r="IK34" s="60">
        <v>19</v>
      </c>
      <c r="IL34" s="61">
        <v>39</v>
      </c>
      <c r="IM34" s="62">
        <v>58</v>
      </c>
      <c r="IN34" s="231"/>
      <c r="IO34" s="61">
        <v>30</v>
      </c>
      <c r="IP34" s="61">
        <v>23</v>
      </c>
      <c r="IQ34" s="61">
        <v>21</v>
      </c>
      <c r="IR34" s="61">
        <v>12</v>
      </c>
      <c r="IS34" s="61">
        <v>7</v>
      </c>
      <c r="IT34" s="62">
        <v>93</v>
      </c>
      <c r="IU34" s="63">
        <v>151</v>
      </c>
      <c r="IV34" s="60">
        <v>29</v>
      </c>
      <c r="IW34" s="61">
        <v>33</v>
      </c>
      <c r="IX34" s="62">
        <v>62</v>
      </c>
      <c r="IY34" s="231"/>
      <c r="IZ34" s="61">
        <v>38</v>
      </c>
      <c r="JA34" s="61">
        <v>45</v>
      </c>
      <c r="JB34" s="61">
        <v>28</v>
      </c>
      <c r="JC34" s="61">
        <v>25</v>
      </c>
      <c r="JD34" s="61">
        <v>15</v>
      </c>
      <c r="JE34" s="62">
        <v>151</v>
      </c>
      <c r="JF34" s="63">
        <v>213</v>
      </c>
      <c r="JG34" s="60">
        <v>14</v>
      </c>
      <c r="JH34" s="61">
        <v>23</v>
      </c>
      <c r="JI34" s="62">
        <v>37</v>
      </c>
      <c r="JJ34" s="231"/>
      <c r="JK34" s="61">
        <v>54</v>
      </c>
      <c r="JL34" s="61">
        <v>41</v>
      </c>
      <c r="JM34" s="61">
        <v>43</v>
      </c>
      <c r="JN34" s="61">
        <v>38</v>
      </c>
      <c r="JO34" s="61">
        <v>24</v>
      </c>
      <c r="JP34" s="62">
        <v>200</v>
      </c>
      <c r="JQ34" s="63">
        <v>237</v>
      </c>
      <c r="JR34" s="60">
        <v>0</v>
      </c>
      <c r="JS34" s="61">
        <v>4</v>
      </c>
      <c r="JT34" s="62">
        <v>4</v>
      </c>
      <c r="JU34" s="231"/>
      <c r="JV34" s="61">
        <v>2</v>
      </c>
      <c r="JW34" s="61">
        <v>1</v>
      </c>
      <c r="JX34" s="61">
        <v>1</v>
      </c>
      <c r="JY34" s="61">
        <v>2</v>
      </c>
      <c r="JZ34" s="61">
        <v>1</v>
      </c>
      <c r="KA34" s="62">
        <v>7</v>
      </c>
      <c r="KB34" s="63">
        <v>11</v>
      </c>
      <c r="KC34" s="60">
        <v>74</v>
      </c>
      <c r="KD34" s="61">
        <v>125</v>
      </c>
      <c r="KE34" s="62">
        <v>199</v>
      </c>
      <c r="KF34" s="231"/>
      <c r="KG34" s="61">
        <v>161</v>
      </c>
      <c r="KH34" s="61">
        <v>138</v>
      </c>
      <c r="KI34" s="61">
        <v>120</v>
      </c>
      <c r="KJ34" s="61">
        <v>103</v>
      </c>
      <c r="KK34" s="61">
        <v>60</v>
      </c>
      <c r="KL34" s="62">
        <v>582</v>
      </c>
      <c r="KM34" s="63">
        <v>781</v>
      </c>
    </row>
    <row r="35" spans="2:299" ht="21" customHeight="1" x14ac:dyDescent="0.2">
      <c r="B35" s="472" t="s">
        <v>32</v>
      </c>
      <c r="C35" s="293">
        <v>22</v>
      </c>
      <c r="D35" s="72">
        <v>24</v>
      </c>
      <c r="E35" s="73">
        <v>46</v>
      </c>
      <c r="F35" s="228"/>
      <c r="G35" s="72">
        <v>65</v>
      </c>
      <c r="H35" s="72">
        <v>59</v>
      </c>
      <c r="I35" s="72">
        <v>41</v>
      </c>
      <c r="J35" s="72">
        <v>35</v>
      </c>
      <c r="K35" s="72">
        <v>23</v>
      </c>
      <c r="L35" s="74">
        <v>223</v>
      </c>
      <c r="M35" s="75">
        <v>269</v>
      </c>
      <c r="N35" s="60">
        <v>2</v>
      </c>
      <c r="O35" s="61">
        <v>1</v>
      </c>
      <c r="P35" s="62">
        <v>3</v>
      </c>
      <c r="Q35" s="231"/>
      <c r="R35" s="61">
        <v>5</v>
      </c>
      <c r="S35" s="61">
        <v>2</v>
      </c>
      <c r="T35" s="61">
        <v>3</v>
      </c>
      <c r="U35" s="61">
        <v>3</v>
      </c>
      <c r="V35" s="61">
        <v>0</v>
      </c>
      <c r="W35" s="62">
        <v>13</v>
      </c>
      <c r="X35" s="63">
        <v>16</v>
      </c>
      <c r="Y35" s="60">
        <v>5</v>
      </c>
      <c r="Z35" s="61">
        <v>1</v>
      </c>
      <c r="AA35" s="62">
        <v>6</v>
      </c>
      <c r="AB35" s="231"/>
      <c r="AC35" s="61">
        <v>3</v>
      </c>
      <c r="AD35" s="61">
        <v>8</v>
      </c>
      <c r="AE35" s="61">
        <v>3</v>
      </c>
      <c r="AF35" s="61">
        <v>5</v>
      </c>
      <c r="AG35" s="61">
        <v>4</v>
      </c>
      <c r="AH35" s="62">
        <v>23</v>
      </c>
      <c r="AI35" s="63">
        <v>29</v>
      </c>
      <c r="AJ35" s="60">
        <v>4</v>
      </c>
      <c r="AK35" s="61">
        <v>0</v>
      </c>
      <c r="AL35" s="62">
        <v>4</v>
      </c>
      <c r="AM35" s="231"/>
      <c r="AN35" s="61">
        <v>9</v>
      </c>
      <c r="AO35" s="61">
        <v>9</v>
      </c>
      <c r="AP35" s="61">
        <v>4</v>
      </c>
      <c r="AQ35" s="61">
        <v>1</v>
      </c>
      <c r="AR35" s="61">
        <v>5</v>
      </c>
      <c r="AS35" s="62">
        <v>28</v>
      </c>
      <c r="AT35" s="63">
        <v>32</v>
      </c>
      <c r="AU35" s="60">
        <v>5</v>
      </c>
      <c r="AV35" s="61">
        <v>8</v>
      </c>
      <c r="AW35" s="62">
        <v>13</v>
      </c>
      <c r="AX35" s="231"/>
      <c r="AY35" s="61">
        <v>20</v>
      </c>
      <c r="AZ35" s="61">
        <v>15</v>
      </c>
      <c r="BA35" s="61">
        <v>12</v>
      </c>
      <c r="BB35" s="61">
        <v>9</v>
      </c>
      <c r="BC35" s="61">
        <v>5</v>
      </c>
      <c r="BD35" s="62">
        <v>61</v>
      </c>
      <c r="BE35" s="63">
        <v>74</v>
      </c>
      <c r="BF35" s="60">
        <v>4</v>
      </c>
      <c r="BG35" s="61">
        <v>8</v>
      </c>
      <c r="BH35" s="62">
        <v>12</v>
      </c>
      <c r="BI35" s="231"/>
      <c r="BJ35" s="61">
        <v>19</v>
      </c>
      <c r="BK35" s="61">
        <v>11</v>
      </c>
      <c r="BL35" s="61">
        <v>15</v>
      </c>
      <c r="BM35" s="61">
        <v>9</v>
      </c>
      <c r="BN35" s="61">
        <v>8</v>
      </c>
      <c r="BO35" s="62">
        <v>62</v>
      </c>
      <c r="BP35" s="63">
        <v>74</v>
      </c>
      <c r="BQ35" s="60">
        <v>2</v>
      </c>
      <c r="BR35" s="61">
        <v>6</v>
      </c>
      <c r="BS35" s="62">
        <v>8</v>
      </c>
      <c r="BT35" s="231"/>
      <c r="BU35" s="61">
        <v>9</v>
      </c>
      <c r="BV35" s="61">
        <v>14</v>
      </c>
      <c r="BW35" s="61">
        <v>4</v>
      </c>
      <c r="BX35" s="61">
        <v>8</v>
      </c>
      <c r="BY35" s="61">
        <v>1</v>
      </c>
      <c r="BZ35" s="62">
        <v>36</v>
      </c>
      <c r="CA35" s="63">
        <v>44</v>
      </c>
      <c r="CB35" s="60">
        <v>1</v>
      </c>
      <c r="CC35" s="61">
        <v>2</v>
      </c>
      <c r="CD35" s="62">
        <v>3</v>
      </c>
      <c r="CE35" s="231"/>
      <c r="CF35" s="61">
        <v>5</v>
      </c>
      <c r="CG35" s="61">
        <v>4</v>
      </c>
      <c r="CH35" s="61">
        <v>1</v>
      </c>
      <c r="CI35" s="61">
        <v>3</v>
      </c>
      <c r="CJ35" s="61">
        <v>4</v>
      </c>
      <c r="CK35" s="62">
        <v>17</v>
      </c>
      <c r="CL35" s="63">
        <v>20</v>
      </c>
      <c r="CM35" s="60">
        <v>23</v>
      </c>
      <c r="CN35" s="61">
        <v>26</v>
      </c>
      <c r="CO35" s="62">
        <v>49</v>
      </c>
      <c r="CP35" s="231"/>
      <c r="CQ35" s="61">
        <v>70</v>
      </c>
      <c r="CR35" s="61">
        <v>63</v>
      </c>
      <c r="CS35" s="61">
        <v>42</v>
      </c>
      <c r="CT35" s="61">
        <v>38</v>
      </c>
      <c r="CU35" s="61">
        <v>27</v>
      </c>
      <c r="CV35" s="62">
        <v>240</v>
      </c>
      <c r="CW35" s="63">
        <v>289</v>
      </c>
      <c r="CX35" s="113">
        <v>38</v>
      </c>
      <c r="CY35" s="72">
        <v>69</v>
      </c>
      <c r="CZ35" s="73">
        <v>107</v>
      </c>
      <c r="DA35" s="228"/>
      <c r="DB35" s="72">
        <v>124</v>
      </c>
      <c r="DC35" s="72">
        <v>90</v>
      </c>
      <c r="DD35" s="72">
        <v>87</v>
      </c>
      <c r="DE35" s="72">
        <v>76</v>
      </c>
      <c r="DF35" s="72">
        <v>38</v>
      </c>
      <c r="DG35" s="74">
        <v>415</v>
      </c>
      <c r="DH35" s="75">
        <v>522</v>
      </c>
      <c r="DI35" s="60">
        <v>2</v>
      </c>
      <c r="DJ35" s="61">
        <v>0</v>
      </c>
      <c r="DK35" s="62">
        <v>2</v>
      </c>
      <c r="DL35" s="231"/>
      <c r="DM35" s="61">
        <v>6</v>
      </c>
      <c r="DN35" s="61">
        <v>5</v>
      </c>
      <c r="DO35" s="61">
        <v>1</v>
      </c>
      <c r="DP35" s="61">
        <v>0</v>
      </c>
      <c r="DQ35" s="61">
        <v>0</v>
      </c>
      <c r="DR35" s="62">
        <v>12</v>
      </c>
      <c r="DS35" s="63">
        <v>14</v>
      </c>
      <c r="DT35" s="60">
        <v>2</v>
      </c>
      <c r="DU35" s="61">
        <v>3</v>
      </c>
      <c r="DV35" s="62">
        <v>5</v>
      </c>
      <c r="DW35" s="231"/>
      <c r="DX35" s="61">
        <v>8</v>
      </c>
      <c r="DY35" s="61">
        <v>3</v>
      </c>
      <c r="DZ35" s="61">
        <v>2</v>
      </c>
      <c r="EA35" s="61">
        <v>6</v>
      </c>
      <c r="EB35" s="61">
        <v>3</v>
      </c>
      <c r="EC35" s="62">
        <v>22</v>
      </c>
      <c r="ED35" s="63">
        <v>27</v>
      </c>
      <c r="EE35" s="60">
        <v>6</v>
      </c>
      <c r="EF35" s="61">
        <v>8</v>
      </c>
      <c r="EG35" s="62">
        <v>14</v>
      </c>
      <c r="EH35" s="231"/>
      <c r="EI35" s="61">
        <v>20</v>
      </c>
      <c r="EJ35" s="61">
        <v>4</v>
      </c>
      <c r="EK35" s="61">
        <v>8</v>
      </c>
      <c r="EL35" s="61">
        <v>3</v>
      </c>
      <c r="EM35" s="61">
        <v>4</v>
      </c>
      <c r="EN35" s="62">
        <v>39</v>
      </c>
      <c r="EO35" s="63">
        <v>53</v>
      </c>
      <c r="EP35" s="60">
        <v>13</v>
      </c>
      <c r="EQ35" s="61">
        <v>19</v>
      </c>
      <c r="ER35" s="62">
        <v>32</v>
      </c>
      <c r="ES35" s="231"/>
      <c r="ET35" s="61">
        <v>27</v>
      </c>
      <c r="EU35" s="61">
        <v>23</v>
      </c>
      <c r="EV35" s="61">
        <v>20</v>
      </c>
      <c r="EW35" s="61">
        <v>9</v>
      </c>
      <c r="EX35" s="61">
        <v>7</v>
      </c>
      <c r="EY35" s="62">
        <v>86</v>
      </c>
      <c r="EZ35" s="63">
        <v>118</v>
      </c>
      <c r="FA35" s="60">
        <v>10</v>
      </c>
      <c r="FB35" s="61">
        <v>19</v>
      </c>
      <c r="FC35" s="62">
        <v>29</v>
      </c>
      <c r="FD35" s="231"/>
      <c r="FE35" s="61">
        <v>26</v>
      </c>
      <c r="FF35" s="61">
        <v>26</v>
      </c>
      <c r="FG35" s="61">
        <v>17</v>
      </c>
      <c r="FH35" s="61">
        <v>19</v>
      </c>
      <c r="FI35" s="61">
        <v>10</v>
      </c>
      <c r="FJ35" s="62">
        <v>98</v>
      </c>
      <c r="FK35" s="63">
        <v>127</v>
      </c>
      <c r="FL35" s="60">
        <v>5</v>
      </c>
      <c r="FM35" s="61">
        <v>20</v>
      </c>
      <c r="FN35" s="62">
        <v>25</v>
      </c>
      <c r="FO35" s="231"/>
      <c r="FP35" s="61">
        <v>37</v>
      </c>
      <c r="FQ35" s="61">
        <v>29</v>
      </c>
      <c r="FR35" s="61">
        <v>39</v>
      </c>
      <c r="FS35" s="61">
        <v>39</v>
      </c>
      <c r="FT35" s="61">
        <v>14</v>
      </c>
      <c r="FU35" s="62">
        <v>158</v>
      </c>
      <c r="FV35" s="63">
        <v>183</v>
      </c>
      <c r="FW35" s="60">
        <v>0</v>
      </c>
      <c r="FX35" s="61">
        <v>2</v>
      </c>
      <c r="FY35" s="62">
        <v>2</v>
      </c>
      <c r="FZ35" s="231"/>
      <c r="GA35" s="61">
        <v>3</v>
      </c>
      <c r="GB35" s="61">
        <v>3</v>
      </c>
      <c r="GC35" s="61">
        <v>1</v>
      </c>
      <c r="GD35" s="61">
        <v>0</v>
      </c>
      <c r="GE35" s="61">
        <v>1</v>
      </c>
      <c r="GF35" s="62">
        <v>8</v>
      </c>
      <c r="GG35" s="63">
        <v>10</v>
      </c>
      <c r="GH35" s="60">
        <v>38</v>
      </c>
      <c r="GI35" s="61">
        <v>71</v>
      </c>
      <c r="GJ35" s="62">
        <v>109</v>
      </c>
      <c r="GK35" s="231"/>
      <c r="GL35" s="61">
        <v>127</v>
      </c>
      <c r="GM35" s="61">
        <v>93</v>
      </c>
      <c r="GN35" s="61">
        <v>88</v>
      </c>
      <c r="GO35" s="61">
        <v>76</v>
      </c>
      <c r="GP35" s="61">
        <v>39</v>
      </c>
      <c r="GQ35" s="62">
        <v>423</v>
      </c>
      <c r="GR35" s="63">
        <v>532</v>
      </c>
      <c r="GS35" s="113">
        <v>60</v>
      </c>
      <c r="GT35" s="72">
        <v>93</v>
      </c>
      <c r="GU35" s="73">
        <v>153</v>
      </c>
      <c r="GV35" s="228"/>
      <c r="GW35" s="72">
        <v>189</v>
      </c>
      <c r="GX35" s="72">
        <v>149</v>
      </c>
      <c r="GY35" s="72">
        <v>128</v>
      </c>
      <c r="GZ35" s="72">
        <v>111</v>
      </c>
      <c r="HA35" s="72">
        <v>61</v>
      </c>
      <c r="HB35" s="74">
        <v>638</v>
      </c>
      <c r="HC35" s="75">
        <v>791</v>
      </c>
      <c r="HD35" s="60">
        <v>4</v>
      </c>
      <c r="HE35" s="61">
        <v>1</v>
      </c>
      <c r="HF35" s="62">
        <v>5</v>
      </c>
      <c r="HG35" s="231"/>
      <c r="HH35" s="61">
        <v>11</v>
      </c>
      <c r="HI35" s="61">
        <v>7</v>
      </c>
      <c r="HJ35" s="61">
        <v>4</v>
      </c>
      <c r="HK35" s="61">
        <v>3</v>
      </c>
      <c r="HL35" s="61">
        <v>0</v>
      </c>
      <c r="HM35" s="62">
        <v>25</v>
      </c>
      <c r="HN35" s="63">
        <v>30</v>
      </c>
      <c r="HO35" s="60">
        <v>7</v>
      </c>
      <c r="HP35" s="61">
        <v>4</v>
      </c>
      <c r="HQ35" s="62">
        <v>11</v>
      </c>
      <c r="HR35" s="231"/>
      <c r="HS35" s="61">
        <v>11</v>
      </c>
      <c r="HT35" s="61">
        <v>11</v>
      </c>
      <c r="HU35" s="61">
        <v>5</v>
      </c>
      <c r="HV35" s="61">
        <v>11</v>
      </c>
      <c r="HW35" s="61">
        <v>7</v>
      </c>
      <c r="HX35" s="62">
        <v>45</v>
      </c>
      <c r="HY35" s="63">
        <v>56</v>
      </c>
      <c r="HZ35" s="60">
        <v>10</v>
      </c>
      <c r="IA35" s="61">
        <v>8</v>
      </c>
      <c r="IB35" s="62">
        <v>18</v>
      </c>
      <c r="IC35" s="231"/>
      <c r="ID35" s="61">
        <v>29</v>
      </c>
      <c r="IE35" s="61">
        <v>13</v>
      </c>
      <c r="IF35" s="61">
        <v>12</v>
      </c>
      <c r="IG35" s="61">
        <v>4</v>
      </c>
      <c r="IH35" s="61">
        <v>9</v>
      </c>
      <c r="II35" s="62">
        <v>67</v>
      </c>
      <c r="IJ35" s="63">
        <v>85</v>
      </c>
      <c r="IK35" s="60">
        <v>18</v>
      </c>
      <c r="IL35" s="61">
        <v>27</v>
      </c>
      <c r="IM35" s="62">
        <v>45</v>
      </c>
      <c r="IN35" s="231"/>
      <c r="IO35" s="61">
        <v>47</v>
      </c>
      <c r="IP35" s="61">
        <v>38</v>
      </c>
      <c r="IQ35" s="61">
        <v>32</v>
      </c>
      <c r="IR35" s="61">
        <v>18</v>
      </c>
      <c r="IS35" s="61">
        <v>12</v>
      </c>
      <c r="IT35" s="62">
        <v>147</v>
      </c>
      <c r="IU35" s="63">
        <v>192</v>
      </c>
      <c r="IV35" s="60">
        <v>14</v>
      </c>
      <c r="IW35" s="61">
        <v>27</v>
      </c>
      <c r="IX35" s="62">
        <v>41</v>
      </c>
      <c r="IY35" s="231"/>
      <c r="IZ35" s="61">
        <v>45</v>
      </c>
      <c r="JA35" s="61">
        <v>37</v>
      </c>
      <c r="JB35" s="61">
        <v>32</v>
      </c>
      <c r="JC35" s="61">
        <v>28</v>
      </c>
      <c r="JD35" s="61">
        <v>18</v>
      </c>
      <c r="JE35" s="62">
        <v>160</v>
      </c>
      <c r="JF35" s="63">
        <v>201</v>
      </c>
      <c r="JG35" s="60">
        <v>7</v>
      </c>
      <c r="JH35" s="61">
        <v>26</v>
      </c>
      <c r="JI35" s="62">
        <v>33</v>
      </c>
      <c r="JJ35" s="231"/>
      <c r="JK35" s="61">
        <v>46</v>
      </c>
      <c r="JL35" s="61">
        <v>43</v>
      </c>
      <c r="JM35" s="61">
        <v>43</v>
      </c>
      <c r="JN35" s="61">
        <v>47</v>
      </c>
      <c r="JO35" s="61">
        <v>15</v>
      </c>
      <c r="JP35" s="62">
        <v>194</v>
      </c>
      <c r="JQ35" s="63">
        <v>227</v>
      </c>
      <c r="JR35" s="60">
        <v>1</v>
      </c>
      <c r="JS35" s="61">
        <v>4</v>
      </c>
      <c r="JT35" s="62">
        <v>5</v>
      </c>
      <c r="JU35" s="231"/>
      <c r="JV35" s="61">
        <v>8</v>
      </c>
      <c r="JW35" s="61">
        <v>7</v>
      </c>
      <c r="JX35" s="61">
        <v>2</v>
      </c>
      <c r="JY35" s="61">
        <v>3</v>
      </c>
      <c r="JZ35" s="61">
        <v>5</v>
      </c>
      <c r="KA35" s="62">
        <v>25</v>
      </c>
      <c r="KB35" s="63">
        <v>30</v>
      </c>
      <c r="KC35" s="60">
        <v>61</v>
      </c>
      <c r="KD35" s="61">
        <v>97</v>
      </c>
      <c r="KE35" s="62">
        <v>158</v>
      </c>
      <c r="KF35" s="231"/>
      <c r="KG35" s="61">
        <v>197</v>
      </c>
      <c r="KH35" s="61">
        <v>156</v>
      </c>
      <c r="KI35" s="61">
        <v>130</v>
      </c>
      <c r="KJ35" s="61">
        <v>114</v>
      </c>
      <c r="KK35" s="61">
        <v>66</v>
      </c>
      <c r="KL35" s="62">
        <v>663</v>
      </c>
      <c r="KM35" s="63">
        <v>821</v>
      </c>
    </row>
    <row r="36" spans="2:299" ht="21" customHeight="1" x14ac:dyDescent="0.2">
      <c r="B36" s="472" t="s">
        <v>33</v>
      </c>
      <c r="C36" s="293">
        <v>34</v>
      </c>
      <c r="D36" s="72">
        <v>26</v>
      </c>
      <c r="E36" s="73">
        <v>60</v>
      </c>
      <c r="F36" s="228"/>
      <c r="G36" s="72">
        <v>54</v>
      </c>
      <c r="H36" s="72">
        <v>43</v>
      </c>
      <c r="I36" s="72">
        <v>46</v>
      </c>
      <c r="J36" s="72">
        <v>22</v>
      </c>
      <c r="K36" s="72">
        <v>20</v>
      </c>
      <c r="L36" s="74">
        <v>185</v>
      </c>
      <c r="M36" s="75">
        <v>245</v>
      </c>
      <c r="N36" s="60">
        <v>1</v>
      </c>
      <c r="O36" s="61">
        <v>0</v>
      </c>
      <c r="P36" s="62">
        <v>1</v>
      </c>
      <c r="Q36" s="231"/>
      <c r="R36" s="61">
        <v>2</v>
      </c>
      <c r="S36" s="61">
        <v>1</v>
      </c>
      <c r="T36" s="61">
        <v>5</v>
      </c>
      <c r="U36" s="61">
        <v>0</v>
      </c>
      <c r="V36" s="61">
        <v>1</v>
      </c>
      <c r="W36" s="62">
        <v>9</v>
      </c>
      <c r="X36" s="63">
        <v>10</v>
      </c>
      <c r="Y36" s="60">
        <v>4</v>
      </c>
      <c r="Z36" s="61">
        <v>6</v>
      </c>
      <c r="AA36" s="62">
        <v>10</v>
      </c>
      <c r="AB36" s="231"/>
      <c r="AC36" s="61">
        <v>7</v>
      </c>
      <c r="AD36" s="61">
        <v>6</v>
      </c>
      <c r="AE36" s="61">
        <v>7</v>
      </c>
      <c r="AF36" s="61">
        <v>6</v>
      </c>
      <c r="AG36" s="61">
        <v>4</v>
      </c>
      <c r="AH36" s="62">
        <v>30</v>
      </c>
      <c r="AI36" s="63">
        <v>40</v>
      </c>
      <c r="AJ36" s="60">
        <v>7</v>
      </c>
      <c r="AK36" s="61">
        <v>4</v>
      </c>
      <c r="AL36" s="62">
        <v>11</v>
      </c>
      <c r="AM36" s="231"/>
      <c r="AN36" s="61">
        <v>13</v>
      </c>
      <c r="AO36" s="61">
        <v>6</v>
      </c>
      <c r="AP36" s="61">
        <v>7</v>
      </c>
      <c r="AQ36" s="61">
        <v>2</v>
      </c>
      <c r="AR36" s="61">
        <v>6</v>
      </c>
      <c r="AS36" s="62">
        <v>34</v>
      </c>
      <c r="AT36" s="63">
        <v>45</v>
      </c>
      <c r="AU36" s="60">
        <v>12</v>
      </c>
      <c r="AV36" s="61">
        <v>8</v>
      </c>
      <c r="AW36" s="62">
        <v>20</v>
      </c>
      <c r="AX36" s="231"/>
      <c r="AY36" s="61">
        <v>10</v>
      </c>
      <c r="AZ36" s="61">
        <v>12</v>
      </c>
      <c r="BA36" s="61">
        <v>10</v>
      </c>
      <c r="BB36" s="61">
        <v>6</v>
      </c>
      <c r="BC36" s="61">
        <v>4</v>
      </c>
      <c r="BD36" s="62">
        <v>42</v>
      </c>
      <c r="BE36" s="63">
        <v>62</v>
      </c>
      <c r="BF36" s="60">
        <v>4</v>
      </c>
      <c r="BG36" s="61">
        <v>5</v>
      </c>
      <c r="BH36" s="62">
        <v>9</v>
      </c>
      <c r="BI36" s="231"/>
      <c r="BJ36" s="61">
        <v>10</v>
      </c>
      <c r="BK36" s="61">
        <v>8</v>
      </c>
      <c r="BL36" s="61">
        <v>13</v>
      </c>
      <c r="BM36" s="61">
        <v>6</v>
      </c>
      <c r="BN36" s="61">
        <v>4</v>
      </c>
      <c r="BO36" s="62">
        <v>41</v>
      </c>
      <c r="BP36" s="63">
        <v>50</v>
      </c>
      <c r="BQ36" s="60">
        <v>6</v>
      </c>
      <c r="BR36" s="61">
        <v>3</v>
      </c>
      <c r="BS36" s="62">
        <v>9</v>
      </c>
      <c r="BT36" s="231"/>
      <c r="BU36" s="61">
        <v>12</v>
      </c>
      <c r="BV36" s="61">
        <v>10</v>
      </c>
      <c r="BW36" s="61">
        <v>4</v>
      </c>
      <c r="BX36" s="61">
        <v>2</v>
      </c>
      <c r="BY36" s="61">
        <v>1</v>
      </c>
      <c r="BZ36" s="62">
        <v>29</v>
      </c>
      <c r="CA36" s="63">
        <v>38</v>
      </c>
      <c r="CB36" s="60">
        <v>1</v>
      </c>
      <c r="CC36" s="61">
        <v>0</v>
      </c>
      <c r="CD36" s="62">
        <v>1</v>
      </c>
      <c r="CE36" s="231"/>
      <c r="CF36" s="61">
        <v>1</v>
      </c>
      <c r="CG36" s="61">
        <v>1</v>
      </c>
      <c r="CH36" s="61">
        <v>0</v>
      </c>
      <c r="CI36" s="61">
        <v>0</v>
      </c>
      <c r="CJ36" s="61">
        <v>0</v>
      </c>
      <c r="CK36" s="62">
        <v>2</v>
      </c>
      <c r="CL36" s="63">
        <v>3</v>
      </c>
      <c r="CM36" s="60">
        <v>35</v>
      </c>
      <c r="CN36" s="61">
        <v>26</v>
      </c>
      <c r="CO36" s="62">
        <v>61</v>
      </c>
      <c r="CP36" s="231"/>
      <c r="CQ36" s="61">
        <v>55</v>
      </c>
      <c r="CR36" s="61">
        <v>44</v>
      </c>
      <c r="CS36" s="61">
        <v>46</v>
      </c>
      <c r="CT36" s="61">
        <v>22</v>
      </c>
      <c r="CU36" s="61">
        <v>20</v>
      </c>
      <c r="CV36" s="62">
        <v>187</v>
      </c>
      <c r="CW36" s="63">
        <v>248</v>
      </c>
      <c r="CX36" s="113">
        <v>44</v>
      </c>
      <c r="CY36" s="72">
        <v>74</v>
      </c>
      <c r="CZ36" s="73">
        <v>118</v>
      </c>
      <c r="DA36" s="228"/>
      <c r="DB36" s="72">
        <v>113</v>
      </c>
      <c r="DC36" s="72">
        <v>85</v>
      </c>
      <c r="DD36" s="72">
        <v>81</v>
      </c>
      <c r="DE36" s="72">
        <v>70</v>
      </c>
      <c r="DF36" s="72">
        <v>58</v>
      </c>
      <c r="DG36" s="74">
        <v>407</v>
      </c>
      <c r="DH36" s="75">
        <v>525</v>
      </c>
      <c r="DI36" s="60">
        <v>1</v>
      </c>
      <c r="DJ36" s="61">
        <v>2</v>
      </c>
      <c r="DK36" s="62">
        <v>3</v>
      </c>
      <c r="DL36" s="231"/>
      <c r="DM36" s="61">
        <v>2</v>
      </c>
      <c r="DN36" s="61">
        <v>1</v>
      </c>
      <c r="DO36" s="61">
        <v>0</v>
      </c>
      <c r="DP36" s="61">
        <v>3</v>
      </c>
      <c r="DQ36" s="61">
        <v>3</v>
      </c>
      <c r="DR36" s="62">
        <v>9</v>
      </c>
      <c r="DS36" s="63">
        <v>12</v>
      </c>
      <c r="DT36" s="60">
        <v>4</v>
      </c>
      <c r="DU36" s="61">
        <v>6</v>
      </c>
      <c r="DV36" s="62">
        <v>10</v>
      </c>
      <c r="DW36" s="231"/>
      <c r="DX36" s="61">
        <v>4</v>
      </c>
      <c r="DY36" s="61">
        <v>5</v>
      </c>
      <c r="DZ36" s="61">
        <v>5</v>
      </c>
      <c r="EA36" s="61">
        <v>1</v>
      </c>
      <c r="EB36" s="61">
        <v>2</v>
      </c>
      <c r="EC36" s="62">
        <v>17</v>
      </c>
      <c r="ED36" s="63">
        <v>27</v>
      </c>
      <c r="EE36" s="60">
        <v>3</v>
      </c>
      <c r="EF36" s="61">
        <v>11</v>
      </c>
      <c r="EG36" s="62">
        <v>14</v>
      </c>
      <c r="EH36" s="231"/>
      <c r="EI36" s="61">
        <v>11</v>
      </c>
      <c r="EJ36" s="61">
        <v>7</v>
      </c>
      <c r="EK36" s="61">
        <v>10</v>
      </c>
      <c r="EL36" s="61">
        <v>5</v>
      </c>
      <c r="EM36" s="61">
        <v>10</v>
      </c>
      <c r="EN36" s="62">
        <v>43</v>
      </c>
      <c r="EO36" s="63">
        <v>57</v>
      </c>
      <c r="EP36" s="60">
        <v>8</v>
      </c>
      <c r="EQ36" s="61">
        <v>14</v>
      </c>
      <c r="ER36" s="62">
        <v>22</v>
      </c>
      <c r="ES36" s="231"/>
      <c r="ET36" s="61">
        <v>26</v>
      </c>
      <c r="EU36" s="61">
        <v>15</v>
      </c>
      <c r="EV36" s="61">
        <v>12</v>
      </c>
      <c r="EW36" s="61">
        <v>12</v>
      </c>
      <c r="EX36" s="61">
        <v>10</v>
      </c>
      <c r="EY36" s="62">
        <v>75</v>
      </c>
      <c r="EZ36" s="63">
        <v>97</v>
      </c>
      <c r="FA36" s="60">
        <v>21</v>
      </c>
      <c r="FB36" s="61">
        <v>20</v>
      </c>
      <c r="FC36" s="62">
        <v>41</v>
      </c>
      <c r="FD36" s="231"/>
      <c r="FE36" s="61">
        <v>36</v>
      </c>
      <c r="FF36" s="61">
        <v>18</v>
      </c>
      <c r="FG36" s="61">
        <v>21</v>
      </c>
      <c r="FH36" s="61">
        <v>17</v>
      </c>
      <c r="FI36" s="61">
        <v>13</v>
      </c>
      <c r="FJ36" s="62">
        <v>105</v>
      </c>
      <c r="FK36" s="63">
        <v>146</v>
      </c>
      <c r="FL36" s="60">
        <v>7</v>
      </c>
      <c r="FM36" s="61">
        <v>21</v>
      </c>
      <c r="FN36" s="62">
        <v>28</v>
      </c>
      <c r="FO36" s="231"/>
      <c r="FP36" s="61">
        <v>34</v>
      </c>
      <c r="FQ36" s="61">
        <v>39</v>
      </c>
      <c r="FR36" s="61">
        <v>33</v>
      </c>
      <c r="FS36" s="61">
        <v>32</v>
      </c>
      <c r="FT36" s="61">
        <v>20</v>
      </c>
      <c r="FU36" s="62">
        <v>158</v>
      </c>
      <c r="FV36" s="63">
        <v>186</v>
      </c>
      <c r="FW36" s="60">
        <v>0</v>
      </c>
      <c r="FX36" s="61">
        <v>0</v>
      </c>
      <c r="FY36" s="62">
        <v>0</v>
      </c>
      <c r="FZ36" s="231"/>
      <c r="GA36" s="61">
        <v>1</v>
      </c>
      <c r="GB36" s="61">
        <v>0</v>
      </c>
      <c r="GC36" s="61">
        <v>0</v>
      </c>
      <c r="GD36" s="61">
        <v>0</v>
      </c>
      <c r="GE36" s="61">
        <v>2</v>
      </c>
      <c r="GF36" s="62">
        <v>3</v>
      </c>
      <c r="GG36" s="63">
        <v>3</v>
      </c>
      <c r="GH36" s="60">
        <v>44</v>
      </c>
      <c r="GI36" s="61">
        <v>74</v>
      </c>
      <c r="GJ36" s="62">
        <v>118</v>
      </c>
      <c r="GK36" s="231"/>
      <c r="GL36" s="61">
        <v>114</v>
      </c>
      <c r="GM36" s="61">
        <v>85</v>
      </c>
      <c r="GN36" s="61">
        <v>81</v>
      </c>
      <c r="GO36" s="61">
        <v>70</v>
      </c>
      <c r="GP36" s="61">
        <v>60</v>
      </c>
      <c r="GQ36" s="62">
        <v>410</v>
      </c>
      <c r="GR36" s="63">
        <v>528</v>
      </c>
      <c r="GS36" s="113">
        <v>78</v>
      </c>
      <c r="GT36" s="72">
        <v>100</v>
      </c>
      <c r="GU36" s="73">
        <v>178</v>
      </c>
      <c r="GV36" s="228"/>
      <c r="GW36" s="72">
        <v>167</v>
      </c>
      <c r="GX36" s="72">
        <v>128</v>
      </c>
      <c r="GY36" s="72">
        <v>127</v>
      </c>
      <c r="GZ36" s="72">
        <v>92</v>
      </c>
      <c r="HA36" s="72">
        <v>78</v>
      </c>
      <c r="HB36" s="74">
        <v>592</v>
      </c>
      <c r="HC36" s="75">
        <v>770</v>
      </c>
      <c r="HD36" s="60">
        <v>2</v>
      </c>
      <c r="HE36" s="61">
        <v>2</v>
      </c>
      <c r="HF36" s="62">
        <v>4</v>
      </c>
      <c r="HG36" s="231"/>
      <c r="HH36" s="61">
        <v>4</v>
      </c>
      <c r="HI36" s="61">
        <v>2</v>
      </c>
      <c r="HJ36" s="61">
        <v>5</v>
      </c>
      <c r="HK36" s="61">
        <v>3</v>
      </c>
      <c r="HL36" s="61">
        <v>4</v>
      </c>
      <c r="HM36" s="62">
        <v>18</v>
      </c>
      <c r="HN36" s="63">
        <v>22</v>
      </c>
      <c r="HO36" s="60">
        <v>8</v>
      </c>
      <c r="HP36" s="61">
        <v>12</v>
      </c>
      <c r="HQ36" s="62">
        <v>20</v>
      </c>
      <c r="HR36" s="231"/>
      <c r="HS36" s="61">
        <v>11</v>
      </c>
      <c r="HT36" s="61">
        <v>11</v>
      </c>
      <c r="HU36" s="61">
        <v>12</v>
      </c>
      <c r="HV36" s="61">
        <v>7</v>
      </c>
      <c r="HW36" s="61">
        <v>6</v>
      </c>
      <c r="HX36" s="62">
        <v>47</v>
      </c>
      <c r="HY36" s="63">
        <v>67</v>
      </c>
      <c r="HZ36" s="60">
        <v>10</v>
      </c>
      <c r="IA36" s="61">
        <v>15</v>
      </c>
      <c r="IB36" s="62">
        <v>25</v>
      </c>
      <c r="IC36" s="231"/>
      <c r="ID36" s="61">
        <v>24</v>
      </c>
      <c r="IE36" s="61">
        <v>13</v>
      </c>
      <c r="IF36" s="61">
        <v>17</v>
      </c>
      <c r="IG36" s="61">
        <v>7</v>
      </c>
      <c r="IH36" s="61">
        <v>16</v>
      </c>
      <c r="II36" s="62">
        <v>77</v>
      </c>
      <c r="IJ36" s="63">
        <v>102</v>
      </c>
      <c r="IK36" s="60">
        <v>20</v>
      </c>
      <c r="IL36" s="61">
        <v>22</v>
      </c>
      <c r="IM36" s="62">
        <v>42</v>
      </c>
      <c r="IN36" s="231"/>
      <c r="IO36" s="61">
        <v>36</v>
      </c>
      <c r="IP36" s="61">
        <v>27</v>
      </c>
      <c r="IQ36" s="61">
        <v>22</v>
      </c>
      <c r="IR36" s="61">
        <v>18</v>
      </c>
      <c r="IS36" s="61">
        <v>14</v>
      </c>
      <c r="IT36" s="62">
        <v>117</v>
      </c>
      <c r="IU36" s="63">
        <v>159</v>
      </c>
      <c r="IV36" s="60">
        <v>25</v>
      </c>
      <c r="IW36" s="61">
        <v>25</v>
      </c>
      <c r="IX36" s="62">
        <v>50</v>
      </c>
      <c r="IY36" s="231"/>
      <c r="IZ36" s="61">
        <v>46</v>
      </c>
      <c r="JA36" s="61">
        <v>26</v>
      </c>
      <c r="JB36" s="61">
        <v>34</v>
      </c>
      <c r="JC36" s="61">
        <v>23</v>
      </c>
      <c r="JD36" s="61">
        <v>17</v>
      </c>
      <c r="JE36" s="62">
        <v>146</v>
      </c>
      <c r="JF36" s="63">
        <v>196</v>
      </c>
      <c r="JG36" s="60">
        <v>13</v>
      </c>
      <c r="JH36" s="61">
        <v>24</v>
      </c>
      <c r="JI36" s="62">
        <v>37</v>
      </c>
      <c r="JJ36" s="231"/>
      <c r="JK36" s="61">
        <v>46</v>
      </c>
      <c r="JL36" s="61">
        <v>49</v>
      </c>
      <c r="JM36" s="61">
        <v>37</v>
      </c>
      <c r="JN36" s="61">
        <v>34</v>
      </c>
      <c r="JO36" s="61">
        <v>21</v>
      </c>
      <c r="JP36" s="62">
        <v>187</v>
      </c>
      <c r="JQ36" s="63">
        <v>224</v>
      </c>
      <c r="JR36" s="60">
        <v>1</v>
      </c>
      <c r="JS36" s="61">
        <v>0</v>
      </c>
      <c r="JT36" s="62">
        <v>1</v>
      </c>
      <c r="JU36" s="231"/>
      <c r="JV36" s="61">
        <v>2</v>
      </c>
      <c r="JW36" s="61">
        <v>1</v>
      </c>
      <c r="JX36" s="61">
        <v>0</v>
      </c>
      <c r="JY36" s="61">
        <v>0</v>
      </c>
      <c r="JZ36" s="61">
        <v>2</v>
      </c>
      <c r="KA36" s="62">
        <v>5</v>
      </c>
      <c r="KB36" s="63">
        <v>6</v>
      </c>
      <c r="KC36" s="60">
        <v>79</v>
      </c>
      <c r="KD36" s="61">
        <v>100</v>
      </c>
      <c r="KE36" s="62">
        <v>179</v>
      </c>
      <c r="KF36" s="231"/>
      <c r="KG36" s="61">
        <v>169</v>
      </c>
      <c r="KH36" s="61">
        <v>129</v>
      </c>
      <c r="KI36" s="61">
        <v>127</v>
      </c>
      <c r="KJ36" s="61">
        <v>92</v>
      </c>
      <c r="KK36" s="61">
        <v>80</v>
      </c>
      <c r="KL36" s="62">
        <v>597</v>
      </c>
      <c r="KM36" s="63">
        <v>776</v>
      </c>
    </row>
    <row r="37" spans="2:299" ht="21" customHeight="1" x14ac:dyDescent="0.2">
      <c r="B37" s="472" t="s">
        <v>34</v>
      </c>
      <c r="C37" s="293">
        <v>15</v>
      </c>
      <c r="D37" s="72">
        <v>17</v>
      </c>
      <c r="E37" s="73">
        <v>32</v>
      </c>
      <c r="F37" s="228"/>
      <c r="G37" s="72">
        <v>42</v>
      </c>
      <c r="H37" s="72">
        <v>39</v>
      </c>
      <c r="I37" s="72">
        <v>15</v>
      </c>
      <c r="J37" s="72">
        <v>25</v>
      </c>
      <c r="K37" s="72">
        <v>10</v>
      </c>
      <c r="L37" s="74">
        <v>131</v>
      </c>
      <c r="M37" s="75">
        <v>163</v>
      </c>
      <c r="N37" s="60">
        <v>0</v>
      </c>
      <c r="O37" s="61">
        <v>3</v>
      </c>
      <c r="P37" s="62">
        <v>3</v>
      </c>
      <c r="Q37" s="231"/>
      <c r="R37" s="61">
        <v>2</v>
      </c>
      <c r="S37" s="61">
        <v>3</v>
      </c>
      <c r="T37" s="61">
        <v>2</v>
      </c>
      <c r="U37" s="61">
        <v>2</v>
      </c>
      <c r="V37" s="61">
        <v>0</v>
      </c>
      <c r="W37" s="62">
        <v>9</v>
      </c>
      <c r="X37" s="63">
        <v>12</v>
      </c>
      <c r="Y37" s="60">
        <v>1</v>
      </c>
      <c r="Z37" s="61">
        <v>2</v>
      </c>
      <c r="AA37" s="62">
        <v>3</v>
      </c>
      <c r="AB37" s="231"/>
      <c r="AC37" s="61">
        <v>1</v>
      </c>
      <c r="AD37" s="61">
        <v>1</v>
      </c>
      <c r="AE37" s="61">
        <v>2</v>
      </c>
      <c r="AF37" s="61">
        <v>0</v>
      </c>
      <c r="AG37" s="61">
        <v>0</v>
      </c>
      <c r="AH37" s="62">
        <v>4</v>
      </c>
      <c r="AI37" s="63">
        <v>7</v>
      </c>
      <c r="AJ37" s="60">
        <v>1</v>
      </c>
      <c r="AK37" s="61">
        <v>2</v>
      </c>
      <c r="AL37" s="62">
        <v>3</v>
      </c>
      <c r="AM37" s="231"/>
      <c r="AN37" s="61">
        <v>5</v>
      </c>
      <c r="AO37" s="61">
        <v>6</v>
      </c>
      <c r="AP37" s="61">
        <v>1</v>
      </c>
      <c r="AQ37" s="61">
        <v>9</v>
      </c>
      <c r="AR37" s="61">
        <v>4</v>
      </c>
      <c r="AS37" s="62">
        <v>25</v>
      </c>
      <c r="AT37" s="63">
        <v>28</v>
      </c>
      <c r="AU37" s="60">
        <v>7</v>
      </c>
      <c r="AV37" s="61">
        <v>3</v>
      </c>
      <c r="AW37" s="62">
        <v>10</v>
      </c>
      <c r="AX37" s="231"/>
      <c r="AY37" s="61">
        <v>13</v>
      </c>
      <c r="AZ37" s="61">
        <v>11</v>
      </c>
      <c r="BA37" s="61">
        <v>1</v>
      </c>
      <c r="BB37" s="61">
        <v>5</v>
      </c>
      <c r="BC37" s="61">
        <v>2</v>
      </c>
      <c r="BD37" s="62">
        <v>32</v>
      </c>
      <c r="BE37" s="63">
        <v>42</v>
      </c>
      <c r="BF37" s="60">
        <v>4</v>
      </c>
      <c r="BG37" s="61">
        <v>5</v>
      </c>
      <c r="BH37" s="62">
        <v>9</v>
      </c>
      <c r="BI37" s="231"/>
      <c r="BJ37" s="61">
        <v>14</v>
      </c>
      <c r="BK37" s="61">
        <v>9</v>
      </c>
      <c r="BL37" s="61">
        <v>7</v>
      </c>
      <c r="BM37" s="61">
        <v>4</v>
      </c>
      <c r="BN37" s="61">
        <v>3</v>
      </c>
      <c r="BO37" s="62">
        <v>37</v>
      </c>
      <c r="BP37" s="63">
        <v>46</v>
      </c>
      <c r="BQ37" s="60">
        <v>2</v>
      </c>
      <c r="BR37" s="61">
        <v>2</v>
      </c>
      <c r="BS37" s="62">
        <v>4</v>
      </c>
      <c r="BT37" s="231"/>
      <c r="BU37" s="61">
        <v>7</v>
      </c>
      <c r="BV37" s="61">
        <v>9</v>
      </c>
      <c r="BW37" s="61">
        <v>2</v>
      </c>
      <c r="BX37" s="61">
        <v>5</v>
      </c>
      <c r="BY37" s="61">
        <v>1</v>
      </c>
      <c r="BZ37" s="62">
        <v>24</v>
      </c>
      <c r="CA37" s="63">
        <v>28</v>
      </c>
      <c r="CB37" s="60">
        <v>0</v>
      </c>
      <c r="CC37" s="61">
        <v>0</v>
      </c>
      <c r="CD37" s="62">
        <v>0</v>
      </c>
      <c r="CE37" s="231"/>
      <c r="CF37" s="61">
        <v>3</v>
      </c>
      <c r="CG37" s="61">
        <v>2</v>
      </c>
      <c r="CH37" s="61">
        <v>0</v>
      </c>
      <c r="CI37" s="61">
        <v>1</v>
      </c>
      <c r="CJ37" s="61">
        <v>1</v>
      </c>
      <c r="CK37" s="62">
        <v>7</v>
      </c>
      <c r="CL37" s="63">
        <v>7</v>
      </c>
      <c r="CM37" s="60">
        <v>15</v>
      </c>
      <c r="CN37" s="61">
        <v>17</v>
      </c>
      <c r="CO37" s="62">
        <v>32</v>
      </c>
      <c r="CP37" s="231"/>
      <c r="CQ37" s="61">
        <v>45</v>
      </c>
      <c r="CR37" s="61">
        <v>41</v>
      </c>
      <c r="CS37" s="61">
        <v>15</v>
      </c>
      <c r="CT37" s="61">
        <v>26</v>
      </c>
      <c r="CU37" s="61">
        <v>11</v>
      </c>
      <c r="CV37" s="62">
        <v>138</v>
      </c>
      <c r="CW37" s="63">
        <v>170</v>
      </c>
      <c r="CX37" s="113">
        <v>44</v>
      </c>
      <c r="CY37" s="72">
        <v>36</v>
      </c>
      <c r="CZ37" s="73">
        <v>80</v>
      </c>
      <c r="DA37" s="228"/>
      <c r="DB37" s="72">
        <v>94</v>
      </c>
      <c r="DC37" s="72">
        <v>54</v>
      </c>
      <c r="DD37" s="72">
        <v>46</v>
      </c>
      <c r="DE37" s="72">
        <v>47</v>
      </c>
      <c r="DF37" s="72">
        <v>25</v>
      </c>
      <c r="DG37" s="74">
        <v>266</v>
      </c>
      <c r="DH37" s="75">
        <v>346</v>
      </c>
      <c r="DI37" s="60">
        <v>1</v>
      </c>
      <c r="DJ37" s="61">
        <v>1</v>
      </c>
      <c r="DK37" s="62">
        <v>2</v>
      </c>
      <c r="DL37" s="231"/>
      <c r="DM37" s="61">
        <v>1</v>
      </c>
      <c r="DN37" s="61">
        <v>0</v>
      </c>
      <c r="DO37" s="61">
        <v>2</v>
      </c>
      <c r="DP37" s="61">
        <v>0</v>
      </c>
      <c r="DQ37" s="61">
        <v>1</v>
      </c>
      <c r="DR37" s="62">
        <v>4</v>
      </c>
      <c r="DS37" s="63">
        <v>6</v>
      </c>
      <c r="DT37" s="60">
        <v>2</v>
      </c>
      <c r="DU37" s="61">
        <v>0</v>
      </c>
      <c r="DV37" s="62">
        <v>2</v>
      </c>
      <c r="DW37" s="231"/>
      <c r="DX37" s="61">
        <v>6</v>
      </c>
      <c r="DY37" s="61">
        <v>2</v>
      </c>
      <c r="DZ37" s="61">
        <v>1</v>
      </c>
      <c r="EA37" s="61">
        <v>2</v>
      </c>
      <c r="EB37" s="61">
        <v>3</v>
      </c>
      <c r="EC37" s="62">
        <v>14</v>
      </c>
      <c r="ED37" s="63">
        <v>16</v>
      </c>
      <c r="EE37" s="60">
        <v>6</v>
      </c>
      <c r="EF37" s="61">
        <v>3</v>
      </c>
      <c r="EG37" s="62">
        <v>9</v>
      </c>
      <c r="EH37" s="231"/>
      <c r="EI37" s="61">
        <v>6</v>
      </c>
      <c r="EJ37" s="61">
        <v>4</v>
      </c>
      <c r="EK37" s="61">
        <v>5</v>
      </c>
      <c r="EL37" s="61">
        <v>4</v>
      </c>
      <c r="EM37" s="61">
        <v>0</v>
      </c>
      <c r="EN37" s="62">
        <v>19</v>
      </c>
      <c r="EO37" s="63">
        <v>28</v>
      </c>
      <c r="EP37" s="60">
        <v>10</v>
      </c>
      <c r="EQ37" s="61">
        <v>7</v>
      </c>
      <c r="ER37" s="62">
        <v>17</v>
      </c>
      <c r="ES37" s="231"/>
      <c r="ET37" s="61">
        <v>19</v>
      </c>
      <c r="EU37" s="61">
        <v>9</v>
      </c>
      <c r="EV37" s="61">
        <v>10</v>
      </c>
      <c r="EW37" s="61">
        <v>5</v>
      </c>
      <c r="EX37" s="61">
        <v>5</v>
      </c>
      <c r="EY37" s="62">
        <v>48</v>
      </c>
      <c r="EZ37" s="63">
        <v>65</v>
      </c>
      <c r="FA37" s="60">
        <v>16</v>
      </c>
      <c r="FB37" s="61">
        <v>19</v>
      </c>
      <c r="FC37" s="62">
        <v>35</v>
      </c>
      <c r="FD37" s="231"/>
      <c r="FE37" s="61">
        <v>32</v>
      </c>
      <c r="FF37" s="61">
        <v>15</v>
      </c>
      <c r="FG37" s="61">
        <v>10</v>
      </c>
      <c r="FH37" s="61">
        <v>17</v>
      </c>
      <c r="FI37" s="61">
        <v>2</v>
      </c>
      <c r="FJ37" s="62">
        <v>76</v>
      </c>
      <c r="FK37" s="63">
        <v>111</v>
      </c>
      <c r="FL37" s="60">
        <v>9</v>
      </c>
      <c r="FM37" s="61">
        <v>6</v>
      </c>
      <c r="FN37" s="62">
        <v>15</v>
      </c>
      <c r="FO37" s="231"/>
      <c r="FP37" s="61">
        <v>30</v>
      </c>
      <c r="FQ37" s="61">
        <v>24</v>
      </c>
      <c r="FR37" s="61">
        <v>18</v>
      </c>
      <c r="FS37" s="61">
        <v>19</v>
      </c>
      <c r="FT37" s="61">
        <v>14</v>
      </c>
      <c r="FU37" s="62">
        <v>105</v>
      </c>
      <c r="FV37" s="63">
        <v>120</v>
      </c>
      <c r="FW37" s="60">
        <v>0</v>
      </c>
      <c r="FX37" s="61">
        <v>0</v>
      </c>
      <c r="FY37" s="62">
        <v>0</v>
      </c>
      <c r="FZ37" s="231"/>
      <c r="GA37" s="61">
        <v>1</v>
      </c>
      <c r="GB37" s="61">
        <v>1</v>
      </c>
      <c r="GC37" s="61">
        <v>1</v>
      </c>
      <c r="GD37" s="61">
        <v>0</v>
      </c>
      <c r="GE37" s="61">
        <v>1</v>
      </c>
      <c r="GF37" s="62">
        <v>4</v>
      </c>
      <c r="GG37" s="63">
        <v>4</v>
      </c>
      <c r="GH37" s="60">
        <v>44</v>
      </c>
      <c r="GI37" s="61">
        <v>36</v>
      </c>
      <c r="GJ37" s="62">
        <v>80</v>
      </c>
      <c r="GK37" s="231"/>
      <c r="GL37" s="61">
        <v>95</v>
      </c>
      <c r="GM37" s="61">
        <v>55</v>
      </c>
      <c r="GN37" s="61">
        <v>47</v>
      </c>
      <c r="GO37" s="61">
        <v>47</v>
      </c>
      <c r="GP37" s="61">
        <v>26</v>
      </c>
      <c r="GQ37" s="62">
        <v>270</v>
      </c>
      <c r="GR37" s="63">
        <v>350</v>
      </c>
      <c r="GS37" s="113">
        <v>59</v>
      </c>
      <c r="GT37" s="72">
        <v>53</v>
      </c>
      <c r="GU37" s="73">
        <v>112</v>
      </c>
      <c r="GV37" s="228"/>
      <c r="GW37" s="72">
        <v>136</v>
      </c>
      <c r="GX37" s="72">
        <v>93</v>
      </c>
      <c r="GY37" s="72">
        <v>61</v>
      </c>
      <c r="GZ37" s="72">
        <v>72</v>
      </c>
      <c r="HA37" s="72">
        <v>35</v>
      </c>
      <c r="HB37" s="74">
        <v>397</v>
      </c>
      <c r="HC37" s="75">
        <v>509</v>
      </c>
      <c r="HD37" s="60">
        <v>1</v>
      </c>
      <c r="HE37" s="61">
        <v>4</v>
      </c>
      <c r="HF37" s="62">
        <v>5</v>
      </c>
      <c r="HG37" s="231"/>
      <c r="HH37" s="61">
        <v>3</v>
      </c>
      <c r="HI37" s="61">
        <v>3</v>
      </c>
      <c r="HJ37" s="61">
        <v>4</v>
      </c>
      <c r="HK37" s="61">
        <v>2</v>
      </c>
      <c r="HL37" s="61">
        <v>1</v>
      </c>
      <c r="HM37" s="62">
        <v>13</v>
      </c>
      <c r="HN37" s="63">
        <v>18</v>
      </c>
      <c r="HO37" s="60">
        <v>3</v>
      </c>
      <c r="HP37" s="61">
        <v>2</v>
      </c>
      <c r="HQ37" s="62">
        <v>5</v>
      </c>
      <c r="HR37" s="231"/>
      <c r="HS37" s="61">
        <v>7</v>
      </c>
      <c r="HT37" s="61">
        <v>3</v>
      </c>
      <c r="HU37" s="61">
        <v>3</v>
      </c>
      <c r="HV37" s="61">
        <v>2</v>
      </c>
      <c r="HW37" s="61">
        <v>3</v>
      </c>
      <c r="HX37" s="62">
        <v>18</v>
      </c>
      <c r="HY37" s="63">
        <v>23</v>
      </c>
      <c r="HZ37" s="60">
        <v>7</v>
      </c>
      <c r="IA37" s="61">
        <v>5</v>
      </c>
      <c r="IB37" s="62">
        <v>12</v>
      </c>
      <c r="IC37" s="231"/>
      <c r="ID37" s="61">
        <v>11</v>
      </c>
      <c r="IE37" s="61">
        <v>10</v>
      </c>
      <c r="IF37" s="61">
        <v>6</v>
      </c>
      <c r="IG37" s="61">
        <v>13</v>
      </c>
      <c r="IH37" s="61">
        <v>4</v>
      </c>
      <c r="II37" s="62">
        <v>44</v>
      </c>
      <c r="IJ37" s="63">
        <v>56</v>
      </c>
      <c r="IK37" s="60">
        <v>17</v>
      </c>
      <c r="IL37" s="61">
        <v>10</v>
      </c>
      <c r="IM37" s="62">
        <v>27</v>
      </c>
      <c r="IN37" s="231"/>
      <c r="IO37" s="61">
        <v>32</v>
      </c>
      <c r="IP37" s="61">
        <v>20</v>
      </c>
      <c r="IQ37" s="61">
        <v>11</v>
      </c>
      <c r="IR37" s="61">
        <v>10</v>
      </c>
      <c r="IS37" s="61">
        <v>7</v>
      </c>
      <c r="IT37" s="62">
        <v>80</v>
      </c>
      <c r="IU37" s="63">
        <v>107</v>
      </c>
      <c r="IV37" s="60">
        <v>20</v>
      </c>
      <c r="IW37" s="61">
        <v>24</v>
      </c>
      <c r="IX37" s="62">
        <v>44</v>
      </c>
      <c r="IY37" s="231"/>
      <c r="IZ37" s="61">
        <v>46</v>
      </c>
      <c r="JA37" s="61">
        <v>24</v>
      </c>
      <c r="JB37" s="61">
        <v>17</v>
      </c>
      <c r="JC37" s="61">
        <v>21</v>
      </c>
      <c r="JD37" s="61">
        <v>5</v>
      </c>
      <c r="JE37" s="62">
        <v>113</v>
      </c>
      <c r="JF37" s="63">
        <v>157</v>
      </c>
      <c r="JG37" s="60">
        <v>11</v>
      </c>
      <c r="JH37" s="61">
        <v>8</v>
      </c>
      <c r="JI37" s="62">
        <v>19</v>
      </c>
      <c r="JJ37" s="231"/>
      <c r="JK37" s="61">
        <v>37</v>
      </c>
      <c r="JL37" s="61">
        <v>33</v>
      </c>
      <c r="JM37" s="61">
        <v>20</v>
      </c>
      <c r="JN37" s="61">
        <v>24</v>
      </c>
      <c r="JO37" s="61">
        <v>15</v>
      </c>
      <c r="JP37" s="62">
        <v>129</v>
      </c>
      <c r="JQ37" s="63">
        <v>148</v>
      </c>
      <c r="JR37" s="60">
        <v>0</v>
      </c>
      <c r="JS37" s="61">
        <v>0</v>
      </c>
      <c r="JT37" s="62">
        <v>0</v>
      </c>
      <c r="JU37" s="231"/>
      <c r="JV37" s="61">
        <v>4</v>
      </c>
      <c r="JW37" s="61">
        <v>3</v>
      </c>
      <c r="JX37" s="61">
        <v>1</v>
      </c>
      <c r="JY37" s="61">
        <v>1</v>
      </c>
      <c r="JZ37" s="61">
        <v>2</v>
      </c>
      <c r="KA37" s="62">
        <v>11</v>
      </c>
      <c r="KB37" s="63">
        <v>11</v>
      </c>
      <c r="KC37" s="60">
        <v>59</v>
      </c>
      <c r="KD37" s="61">
        <v>53</v>
      </c>
      <c r="KE37" s="62">
        <v>112</v>
      </c>
      <c r="KF37" s="231"/>
      <c r="KG37" s="61">
        <v>140</v>
      </c>
      <c r="KH37" s="61">
        <v>96</v>
      </c>
      <c r="KI37" s="61">
        <v>62</v>
      </c>
      <c r="KJ37" s="61">
        <v>73</v>
      </c>
      <c r="KK37" s="61">
        <v>37</v>
      </c>
      <c r="KL37" s="62">
        <v>408</v>
      </c>
      <c r="KM37" s="63">
        <v>520</v>
      </c>
    </row>
    <row r="38" spans="2:299" ht="21" customHeight="1" x14ac:dyDescent="0.2">
      <c r="B38" s="472" t="s">
        <v>35</v>
      </c>
      <c r="C38" s="293">
        <v>55</v>
      </c>
      <c r="D38" s="72">
        <v>57</v>
      </c>
      <c r="E38" s="73">
        <v>112</v>
      </c>
      <c r="F38" s="228"/>
      <c r="G38" s="72">
        <v>167</v>
      </c>
      <c r="H38" s="72">
        <v>77</v>
      </c>
      <c r="I38" s="72">
        <v>68</v>
      </c>
      <c r="J38" s="72">
        <v>51</v>
      </c>
      <c r="K38" s="72">
        <v>30</v>
      </c>
      <c r="L38" s="74">
        <v>393</v>
      </c>
      <c r="M38" s="75">
        <v>505</v>
      </c>
      <c r="N38" s="60">
        <v>1</v>
      </c>
      <c r="O38" s="61">
        <v>4</v>
      </c>
      <c r="P38" s="62">
        <v>5</v>
      </c>
      <c r="Q38" s="231"/>
      <c r="R38" s="61">
        <v>11</v>
      </c>
      <c r="S38" s="61">
        <v>3</v>
      </c>
      <c r="T38" s="61">
        <v>8</v>
      </c>
      <c r="U38" s="61">
        <v>6</v>
      </c>
      <c r="V38" s="61">
        <v>4</v>
      </c>
      <c r="W38" s="62">
        <v>32</v>
      </c>
      <c r="X38" s="63">
        <v>37</v>
      </c>
      <c r="Y38" s="60">
        <v>10</v>
      </c>
      <c r="Z38" s="61">
        <v>4</v>
      </c>
      <c r="AA38" s="62">
        <v>14</v>
      </c>
      <c r="AB38" s="231"/>
      <c r="AC38" s="61">
        <v>10</v>
      </c>
      <c r="AD38" s="61">
        <v>8</v>
      </c>
      <c r="AE38" s="61">
        <v>3</v>
      </c>
      <c r="AF38" s="61">
        <v>3</v>
      </c>
      <c r="AG38" s="61">
        <v>2</v>
      </c>
      <c r="AH38" s="62">
        <v>26</v>
      </c>
      <c r="AI38" s="63">
        <v>40</v>
      </c>
      <c r="AJ38" s="60">
        <v>9</v>
      </c>
      <c r="AK38" s="61">
        <v>12</v>
      </c>
      <c r="AL38" s="62">
        <v>21</v>
      </c>
      <c r="AM38" s="231"/>
      <c r="AN38" s="61">
        <v>28</v>
      </c>
      <c r="AO38" s="61">
        <v>5</v>
      </c>
      <c r="AP38" s="61">
        <v>12</v>
      </c>
      <c r="AQ38" s="61">
        <v>11</v>
      </c>
      <c r="AR38" s="61">
        <v>7</v>
      </c>
      <c r="AS38" s="62">
        <v>63</v>
      </c>
      <c r="AT38" s="63">
        <v>84</v>
      </c>
      <c r="AU38" s="60">
        <v>15</v>
      </c>
      <c r="AV38" s="61">
        <v>16</v>
      </c>
      <c r="AW38" s="62">
        <v>31</v>
      </c>
      <c r="AX38" s="231"/>
      <c r="AY38" s="61">
        <v>48</v>
      </c>
      <c r="AZ38" s="61">
        <v>26</v>
      </c>
      <c r="BA38" s="61">
        <v>17</v>
      </c>
      <c r="BB38" s="61">
        <v>6</v>
      </c>
      <c r="BC38" s="61">
        <v>3</v>
      </c>
      <c r="BD38" s="62">
        <v>100</v>
      </c>
      <c r="BE38" s="63">
        <v>131</v>
      </c>
      <c r="BF38" s="60">
        <v>11</v>
      </c>
      <c r="BG38" s="61">
        <v>13</v>
      </c>
      <c r="BH38" s="62">
        <v>24</v>
      </c>
      <c r="BI38" s="231"/>
      <c r="BJ38" s="61">
        <v>48</v>
      </c>
      <c r="BK38" s="61">
        <v>16</v>
      </c>
      <c r="BL38" s="61">
        <v>13</v>
      </c>
      <c r="BM38" s="61">
        <v>12</v>
      </c>
      <c r="BN38" s="61">
        <v>7</v>
      </c>
      <c r="BO38" s="62">
        <v>96</v>
      </c>
      <c r="BP38" s="63">
        <v>120</v>
      </c>
      <c r="BQ38" s="60">
        <v>9</v>
      </c>
      <c r="BR38" s="61">
        <v>8</v>
      </c>
      <c r="BS38" s="62">
        <v>17</v>
      </c>
      <c r="BT38" s="231"/>
      <c r="BU38" s="61">
        <v>22</v>
      </c>
      <c r="BV38" s="61">
        <v>19</v>
      </c>
      <c r="BW38" s="61">
        <v>15</v>
      </c>
      <c r="BX38" s="61">
        <v>13</v>
      </c>
      <c r="BY38" s="61">
        <v>7</v>
      </c>
      <c r="BZ38" s="62">
        <v>76</v>
      </c>
      <c r="CA38" s="63">
        <v>93</v>
      </c>
      <c r="CB38" s="60">
        <v>2</v>
      </c>
      <c r="CC38" s="61">
        <v>2</v>
      </c>
      <c r="CD38" s="62">
        <v>4</v>
      </c>
      <c r="CE38" s="231"/>
      <c r="CF38" s="61">
        <v>3</v>
      </c>
      <c r="CG38" s="61">
        <v>1</v>
      </c>
      <c r="CH38" s="61">
        <v>1</v>
      </c>
      <c r="CI38" s="61">
        <v>2</v>
      </c>
      <c r="CJ38" s="61">
        <v>2</v>
      </c>
      <c r="CK38" s="62">
        <v>9</v>
      </c>
      <c r="CL38" s="63">
        <v>13</v>
      </c>
      <c r="CM38" s="60">
        <v>57</v>
      </c>
      <c r="CN38" s="61">
        <v>59</v>
      </c>
      <c r="CO38" s="62">
        <v>116</v>
      </c>
      <c r="CP38" s="231"/>
      <c r="CQ38" s="61">
        <v>170</v>
      </c>
      <c r="CR38" s="61">
        <v>78</v>
      </c>
      <c r="CS38" s="61">
        <v>69</v>
      </c>
      <c r="CT38" s="61">
        <v>53</v>
      </c>
      <c r="CU38" s="61">
        <v>32</v>
      </c>
      <c r="CV38" s="62">
        <v>402</v>
      </c>
      <c r="CW38" s="63">
        <v>518</v>
      </c>
      <c r="CX38" s="113">
        <v>140</v>
      </c>
      <c r="CY38" s="72">
        <v>160</v>
      </c>
      <c r="CZ38" s="73">
        <v>300</v>
      </c>
      <c r="DA38" s="228"/>
      <c r="DB38" s="72">
        <v>319</v>
      </c>
      <c r="DC38" s="72">
        <v>175</v>
      </c>
      <c r="DD38" s="72">
        <v>169</v>
      </c>
      <c r="DE38" s="72">
        <v>160</v>
      </c>
      <c r="DF38" s="72">
        <v>89</v>
      </c>
      <c r="DG38" s="74">
        <v>912</v>
      </c>
      <c r="DH38" s="75">
        <v>1212</v>
      </c>
      <c r="DI38" s="60">
        <v>3</v>
      </c>
      <c r="DJ38" s="61">
        <v>4</v>
      </c>
      <c r="DK38" s="62">
        <v>7</v>
      </c>
      <c r="DL38" s="231"/>
      <c r="DM38" s="61">
        <v>5</v>
      </c>
      <c r="DN38" s="61">
        <v>7</v>
      </c>
      <c r="DO38" s="61">
        <v>4</v>
      </c>
      <c r="DP38" s="61">
        <v>4</v>
      </c>
      <c r="DQ38" s="61">
        <v>1</v>
      </c>
      <c r="DR38" s="62">
        <v>21</v>
      </c>
      <c r="DS38" s="63">
        <v>28</v>
      </c>
      <c r="DT38" s="60">
        <v>8</v>
      </c>
      <c r="DU38" s="61">
        <v>14</v>
      </c>
      <c r="DV38" s="62">
        <v>22</v>
      </c>
      <c r="DW38" s="231"/>
      <c r="DX38" s="61">
        <v>15</v>
      </c>
      <c r="DY38" s="61">
        <v>8</v>
      </c>
      <c r="DZ38" s="61">
        <v>9</v>
      </c>
      <c r="EA38" s="61">
        <v>8</v>
      </c>
      <c r="EB38" s="61">
        <v>3</v>
      </c>
      <c r="EC38" s="62">
        <v>43</v>
      </c>
      <c r="ED38" s="63">
        <v>65</v>
      </c>
      <c r="EE38" s="60">
        <v>18</v>
      </c>
      <c r="EF38" s="61">
        <v>27</v>
      </c>
      <c r="EG38" s="62">
        <v>45</v>
      </c>
      <c r="EH38" s="231"/>
      <c r="EI38" s="61">
        <v>30</v>
      </c>
      <c r="EJ38" s="61">
        <v>19</v>
      </c>
      <c r="EK38" s="61">
        <v>7</v>
      </c>
      <c r="EL38" s="61">
        <v>10</v>
      </c>
      <c r="EM38" s="61">
        <v>16</v>
      </c>
      <c r="EN38" s="62">
        <v>82</v>
      </c>
      <c r="EO38" s="63">
        <v>127</v>
      </c>
      <c r="EP38" s="60">
        <v>47</v>
      </c>
      <c r="EQ38" s="61">
        <v>33</v>
      </c>
      <c r="ER38" s="62">
        <v>80</v>
      </c>
      <c r="ES38" s="231"/>
      <c r="ET38" s="61">
        <v>76</v>
      </c>
      <c r="EU38" s="61">
        <v>27</v>
      </c>
      <c r="EV38" s="61">
        <v>38</v>
      </c>
      <c r="EW38" s="61">
        <v>27</v>
      </c>
      <c r="EX38" s="61">
        <v>14</v>
      </c>
      <c r="EY38" s="62">
        <v>182</v>
      </c>
      <c r="EZ38" s="63">
        <v>262</v>
      </c>
      <c r="FA38" s="60">
        <v>38</v>
      </c>
      <c r="FB38" s="61">
        <v>50</v>
      </c>
      <c r="FC38" s="62">
        <v>88</v>
      </c>
      <c r="FD38" s="231"/>
      <c r="FE38" s="61">
        <v>101</v>
      </c>
      <c r="FF38" s="61">
        <v>44</v>
      </c>
      <c r="FG38" s="61">
        <v>51</v>
      </c>
      <c r="FH38" s="61">
        <v>42</v>
      </c>
      <c r="FI38" s="61">
        <v>29</v>
      </c>
      <c r="FJ38" s="62">
        <v>267</v>
      </c>
      <c r="FK38" s="63">
        <v>355</v>
      </c>
      <c r="FL38" s="60">
        <v>26</v>
      </c>
      <c r="FM38" s="61">
        <v>32</v>
      </c>
      <c r="FN38" s="62">
        <v>58</v>
      </c>
      <c r="FO38" s="231"/>
      <c r="FP38" s="61">
        <v>92</v>
      </c>
      <c r="FQ38" s="61">
        <v>70</v>
      </c>
      <c r="FR38" s="61">
        <v>60</v>
      </c>
      <c r="FS38" s="61">
        <v>69</v>
      </c>
      <c r="FT38" s="61">
        <v>26</v>
      </c>
      <c r="FU38" s="62">
        <v>317</v>
      </c>
      <c r="FV38" s="63">
        <v>375</v>
      </c>
      <c r="FW38" s="60">
        <v>0</v>
      </c>
      <c r="FX38" s="61">
        <v>0</v>
      </c>
      <c r="FY38" s="62">
        <v>0</v>
      </c>
      <c r="FZ38" s="231"/>
      <c r="GA38" s="61">
        <v>1</v>
      </c>
      <c r="GB38" s="61">
        <v>3</v>
      </c>
      <c r="GC38" s="61">
        <v>3</v>
      </c>
      <c r="GD38" s="61">
        <v>0</v>
      </c>
      <c r="GE38" s="61">
        <v>1</v>
      </c>
      <c r="GF38" s="62">
        <v>8</v>
      </c>
      <c r="GG38" s="63">
        <v>8</v>
      </c>
      <c r="GH38" s="60">
        <v>140</v>
      </c>
      <c r="GI38" s="61">
        <v>160</v>
      </c>
      <c r="GJ38" s="62">
        <v>300</v>
      </c>
      <c r="GK38" s="231"/>
      <c r="GL38" s="61">
        <v>320</v>
      </c>
      <c r="GM38" s="61">
        <v>178</v>
      </c>
      <c r="GN38" s="61">
        <v>172</v>
      </c>
      <c r="GO38" s="61">
        <v>160</v>
      </c>
      <c r="GP38" s="61">
        <v>90</v>
      </c>
      <c r="GQ38" s="62">
        <v>920</v>
      </c>
      <c r="GR38" s="63">
        <v>1220</v>
      </c>
      <c r="GS38" s="113">
        <v>195</v>
      </c>
      <c r="GT38" s="72">
        <v>217</v>
      </c>
      <c r="GU38" s="73">
        <v>412</v>
      </c>
      <c r="GV38" s="228"/>
      <c r="GW38" s="72">
        <v>486</v>
      </c>
      <c r="GX38" s="72">
        <v>252</v>
      </c>
      <c r="GY38" s="72">
        <v>237</v>
      </c>
      <c r="GZ38" s="72">
        <v>211</v>
      </c>
      <c r="HA38" s="72">
        <v>119</v>
      </c>
      <c r="HB38" s="74">
        <v>1305</v>
      </c>
      <c r="HC38" s="75">
        <v>1717</v>
      </c>
      <c r="HD38" s="60">
        <v>4</v>
      </c>
      <c r="HE38" s="61">
        <v>8</v>
      </c>
      <c r="HF38" s="62">
        <v>12</v>
      </c>
      <c r="HG38" s="231"/>
      <c r="HH38" s="61">
        <v>16</v>
      </c>
      <c r="HI38" s="61">
        <v>10</v>
      </c>
      <c r="HJ38" s="61">
        <v>12</v>
      </c>
      <c r="HK38" s="61">
        <v>10</v>
      </c>
      <c r="HL38" s="61">
        <v>5</v>
      </c>
      <c r="HM38" s="62">
        <v>53</v>
      </c>
      <c r="HN38" s="63">
        <v>65</v>
      </c>
      <c r="HO38" s="60">
        <v>18</v>
      </c>
      <c r="HP38" s="61">
        <v>18</v>
      </c>
      <c r="HQ38" s="62">
        <v>36</v>
      </c>
      <c r="HR38" s="231"/>
      <c r="HS38" s="61">
        <v>25</v>
      </c>
      <c r="HT38" s="61">
        <v>16</v>
      </c>
      <c r="HU38" s="61">
        <v>12</v>
      </c>
      <c r="HV38" s="61">
        <v>11</v>
      </c>
      <c r="HW38" s="61">
        <v>5</v>
      </c>
      <c r="HX38" s="62">
        <v>69</v>
      </c>
      <c r="HY38" s="63">
        <v>105</v>
      </c>
      <c r="HZ38" s="60">
        <v>27</v>
      </c>
      <c r="IA38" s="61">
        <v>39</v>
      </c>
      <c r="IB38" s="62">
        <v>66</v>
      </c>
      <c r="IC38" s="231"/>
      <c r="ID38" s="61">
        <v>58</v>
      </c>
      <c r="IE38" s="61">
        <v>24</v>
      </c>
      <c r="IF38" s="61">
        <v>19</v>
      </c>
      <c r="IG38" s="61">
        <v>21</v>
      </c>
      <c r="IH38" s="61">
        <v>23</v>
      </c>
      <c r="II38" s="62">
        <v>145</v>
      </c>
      <c r="IJ38" s="63">
        <v>211</v>
      </c>
      <c r="IK38" s="60">
        <v>62</v>
      </c>
      <c r="IL38" s="61">
        <v>49</v>
      </c>
      <c r="IM38" s="62">
        <v>111</v>
      </c>
      <c r="IN38" s="231"/>
      <c r="IO38" s="61">
        <v>124</v>
      </c>
      <c r="IP38" s="61">
        <v>53</v>
      </c>
      <c r="IQ38" s="61">
        <v>55</v>
      </c>
      <c r="IR38" s="61">
        <v>33</v>
      </c>
      <c r="IS38" s="61">
        <v>17</v>
      </c>
      <c r="IT38" s="62">
        <v>282</v>
      </c>
      <c r="IU38" s="63">
        <v>393</v>
      </c>
      <c r="IV38" s="60">
        <v>49</v>
      </c>
      <c r="IW38" s="61">
        <v>63</v>
      </c>
      <c r="IX38" s="62">
        <v>112</v>
      </c>
      <c r="IY38" s="231"/>
      <c r="IZ38" s="61">
        <v>149</v>
      </c>
      <c r="JA38" s="61">
        <v>60</v>
      </c>
      <c r="JB38" s="61">
        <v>64</v>
      </c>
      <c r="JC38" s="61">
        <v>54</v>
      </c>
      <c r="JD38" s="61">
        <v>36</v>
      </c>
      <c r="JE38" s="62">
        <v>363</v>
      </c>
      <c r="JF38" s="63">
        <v>475</v>
      </c>
      <c r="JG38" s="60">
        <v>35</v>
      </c>
      <c r="JH38" s="61">
        <v>40</v>
      </c>
      <c r="JI38" s="62">
        <v>75</v>
      </c>
      <c r="JJ38" s="231"/>
      <c r="JK38" s="61">
        <v>114</v>
      </c>
      <c r="JL38" s="61">
        <v>89</v>
      </c>
      <c r="JM38" s="61">
        <v>75</v>
      </c>
      <c r="JN38" s="61">
        <v>82</v>
      </c>
      <c r="JO38" s="61">
        <v>33</v>
      </c>
      <c r="JP38" s="62">
        <v>393</v>
      </c>
      <c r="JQ38" s="63">
        <v>468</v>
      </c>
      <c r="JR38" s="60">
        <v>2</v>
      </c>
      <c r="JS38" s="61">
        <v>2</v>
      </c>
      <c r="JT38" s="62">
        <v>4</v>
      </c>
      <c r="JU38" s="231"/>
      <c r="JV38" s="61">
        <v>4</v>
      </c>
      <c r="JW38" s="61">
        <v>4</v>
      </c>
      <c r="JX38" s="61">
        <v>4</v>
      </c>
      <c r="JY38" s="61">
        <v>2</v>
      </c>
      <c r="JZ38" s="61">
        <v>3</v>
      </c>
      <c r="KA38" s="62">
        <v>17</v>
      </c>
      <c r="KB38" s="63">
        <v>21</v>
      </c>
      <c r="KC38" s="60">
        <v>197</v>
      </c>
      <c r="KD38" s="61">
        <v>219</v>
      </c>
      <c r="KE38" s="62">
        <v>416</v>
      </c>
      <c r="KF38" s="231"/>
      <c r="KG38" s="61">
        <v>490</v>
      </c>
      <c r="KH38" s="61">
        <v>256</v>
      </c>
      <c r="KI38" s="61">
        <v>241</v>
      </c>
      <c r="KJ38" s="61">
        <v>213</v>
      </c>
      <c r="KK38" s="61">
        <v>122</v>
      </c>
      <c r="KL38" s="62">
        <v>1322</v>
      </c>
      <c r="KM38" s="63">
        <v>1738</v>
      </c>
    </row>
    <row r="39" spans="2:299" ht="21" customHeight="1" x14ac:dyDescent="0.2">
      <c r="B39" s="472" t="s">
        <v>36</v>
      </c>
      <c r="C39" s="293">
        <v>62</v>
      </c>
      <c r="D39" s="72">
        <v>83</v>
      </c>
      <c r="E39" s="73">
        <v>145</v>
      </c>
      <c r="F39" s="228"/>
      <c r="G39" s="72">
        <v>164</v>
      </c>
      <c r="H39" s="72">
        <v>144</v>
      </c>
      <c r="I39" s="72">
        <v>101</v>
      </c>
      <c r="J39" s="72">
        <v>98</v>
      </c>
      <c r="K39" s="72">
        <v>54</v>
      </c>
      <c r="L39" s="74">
        <v>561</v>
      </c>
      <c r="M39" s="75">
        <v>706</v>
      </c>
      <c r="N39" s="60">
        <v>5</v>
      </c>
      <c r="O39" s="61">
        <v>7</v>
      </c>
      <c r="P39" s="62">
        <v>12</v>
      </c>
      <c r="Q39" s="231"/>
      <c r="R39" s="61">
        <v>12</v>
      </c>
      <c r="S39" s="61">
        <v>12</v>
      </c>
      <c r="T39" s="61">
        <v>7</v>
      </c>
      <c r="U39" s="61">
        <v>7</v>
      </c>
      <c r="V39" s="61">
        <v>5</v>
      </c>
      <c r="W39" s="62">
        <v>43</v>
      </c>
      <c r="X39" s="63">
        <v>55</v>
      </c>
      <c r="Y39" s="60">
        <v>9</v>
      </c>
      <c r="Z39" s="61">
        <v>12</v>
      </c>
      <c r="AA39" s="62">
        <v>21</v>
      </c>
      <c r="AB39" s="231"/>
      <c r="AC39" s="61">
        <v>21</v>
      </c>
      <c r="AD39" s="61">
        <v>26</v>
      </c>
      <c r="AE39" s="61">
        <v>13</v>
      </c>
      <c r="AF39" s="61">
        <v>10</v>
      </c>
      <c r="AG39" s="61">
        <v>8</v>
      </c>
      <c r="AH39" s="62">
        <v>78</v>
      </c>
      <c r="AI39" s="63">
        <v>99</v>
      </c>
      <c r="AJ39" s="60">
        <v>15</v>
      </c>
      <c r="AK39" s="61">
        <v>16</v>
      </c>
      <c r="AL39" s="62">
        <v>31</v>
      </c>
      <c r="AM39" s="231"/>
      <c r="AN39" s="61">
        <v>32</v>
      </c>
      <c r="AO39" s="61">
        <v>20</v>
      </c>
      <c r="AP39" s="61">
        <v>15</v>
      </c>
      <c r="AQ39" s="61">
        <v>17</v>
      </c>
      <c r="AR39" s="61">
        <v>13</v>
      </c>
      <c r="AS39" s="62">
        <v>97</v>
      </c>
      <c r="AT39" s="63">
        <v>128</v>
      </c>
      <c r="AU39" s="60">
        <v>13</v>
      </c>
      <c r="AV39" s="61">
        <v>22</v>
      </c>
      <c r="AW39" s="62">
        <v>35</v>
      </c>
      <c r="AX39" s="231"/>
      <c r="AY39" s="61">
        <v>48</v>
      </c>
      <c r="AZ39" s="61">
        <v>32</v>
      </c>
      <c r="BA39" s="61">
        <v>28</v>
      </c>
      <c r="BB39" s="61">
        <v>26</v>
      </c>
      <c r="BC39" s="61">
        <v>13</v>
      </c>
      <c r="BD39" s="62">
        <v>147</v>
      </c>
      <c r="BE39" s="63">
        <v>182</v>
      </c>
      <c r="BF39" s="60">
        <v>17</v>
      </c>
      <c r="BG39" s="61">
        <v>15</v>
      </c>
      <c r="BH39" s="62">
        <v>32</v>
      </c>
      <c r="BI39" s="231"/>
      <c r="BJ39" s="61">
        <v>35</v>
      </c>
      <c r="BK39" s="61">
        <v>28</v>
      </c>
      <c r="BL39" s="61">
        <v>26</v>
      </c>
      <c r="BM39" s="61">
        <v>22</v>
      </c>
      <c r="BN39" s="61">
        <v>8</v>
      </c>
      <c r="BO39" s="62">
        <v>119</v>
      </c>
      <c r="BP39" s="63">
        <v>151</v>
      </c>
      <c r="BQ39" s="60">
        <v>3</v>
      </c>
      <c r="BR39" s="61">
        <v>11</v>
      </c>
      <c r="BS39" s="62">
        <v>14</v>
      </c>
      <c r="BT39" s="231"/>
      <c r="BU39" s="61">
        <v>16</v>
      </c>
      <c r="BV39" s="61">
        <v>26</v>
      </c>
      <c r="BW39" s="61">
        <v>12</v>
      </c>
      <c r="BX39" s="61">
        <v>16</v>
      </c>
      <c r="BY39" s="61">
        <v>7</v>
      </c>
      <c r="BZ39" s="62">
        <v>77</v>
      </c>
      <c r="CA39" s="63">
        <v>91</v>
      </c>
      <c r="CB39" s="60">
        <v>2</v>
      </c>
      <c r="CC39" s="61">
        <v>3</v>
      </c>
      <c r="CD39" s="62">
        <v>5</v>
      </c>
      <c r="CE39" s="231"/>
      <c r="CF39" s="61">
        <v>5</v>
      </c>
      <c r="CG39" s="61">
        <v>5</v>
      </c>
      <c r="CH39" s="61">
        <v>8</v>
      </c>
      <c r="CI39" s="61">
        <v>4</v>
      </c>
      <c r="CJ39" s="61">
        <v>2</v>
      </c>
      <c r="CK39" s="62">
        <v>24</v>
      </c>
      <c r="CL39" s="63">
        <v>29</v>
      </c>
      <c r="CM39" s="60">
        <v>64</v>
      </c>
      <c r="CN39" s="61">
        <v>86</v>
      </c>
      <c r="CO39" s="62">
        <v>150</v>
      </c>
      <c r="CP39" s="231"/>
      <c r="CQ39" s="61">
        <v>169</v>
      </c>
      <c r="CR39" s="61">
        <v>149</v>
      </c>
      <c r="CS39" s="61">
        <v>109</v>
      </c>
      <c r="CT39" s="61">
        <v>102</v>
      </c>
      <c r="CU39" s="61">
        <v>56</v>
      </c>
      <c r="CV39" s="62">
        <v>585</v>
      </c>
      <c r="CW39" s="63">
        <v>735</v>
      </c>
      <c r="CX39" s="113">
        <v>96</v>
      </c>
      <c r="CY39" s="72">
        <v>194</v>
      </c>
      <c r="CZ39" s="73">
        <v>290</v>
      </c>
      <c r="DA39" s="228"/>
      <c r="DB39" s="72">
        <v>270</v>
      </c>
      <c r="DC39" s="72">
        <v>204</v>
      </c>
      <c r="DD39" s="72">
        <v>169</v>
      </c>
      <c r="DE39" s="72">
        <v>175</v>
      </c>
      <c r="DF39" s="72">
        <v>151</v>
      </c>
      <c r="DG39" s="74">
        <v>969</v>
      </c>
      <c r="DH39" s="75">
        <v>1259</v>
      </c>
      <c r="DI39" s="60">
        <v>1</v>
      </c>
      <c r="DJ39" s="61">
        <v>6</v>
      </c>
      <c r="DK39" s="62">
        <v>7</v>
      </c>
      <c r="DL39" s="231"/>
      <c r="DM39" s="61">
        <v>4</v>
      </c>
      <c r="DN39" s="61">
        <v>8</v>
      </c>
      <c r="DO39" s="61">
        <v>4</v>
      </c>
      <c r="DP39" s="61">
        <v>5</v>
      </c>
      <c r="DQ39" s="61">
        <v>3</v>
      </c>
      <c r="DR39" s="62">
        <v>24</v>
      </c>
      <c r="DS39" s="63">
        <v>31</v>
      </c>
      <c r="DT39" s="60">
        <v>7</v>
      </c>
      <c r="DU39" s="61">
        <v>21</v>
      </c>
      <c r="DV39" s="62">
        <v>28</v>
      </c>
      <c r="DW39" s="231"/>
      <c r="DX39" s="61">
        <v>28</v>
      </c>
      <c r="DY39" s="61">
        <v>14</v>
      </c>
      <c r="DZ39" s="61">
        <v>11</v>
      </c>
      <c r="EA39" s="61">
        <v>8</v>
      </c>
      <c r="EB39" s="61">
        <v>10</v>
      </c>
      <c r="EC39" s="62">
        <v>71</v>
      </c>
      <c r="ED39" s="63">
        <v>99</v>
      </c>
      <c r="EE39" s="60">
        <v>14</v>
      </c>
      <c r="EF39" s="61">
        <v>33</v>
      </c>
      <c r="EG39" s="62">
        <v>47</v>
      </c>
      <c r="EH39" s="231"/>
      <c r="EI39" s="61">
        <v>40</v>
      </c>
      <c r="EJ39" s="61">
        <v>31</v>
      </c>
      <c r="EK39" s="61">
        <v>14</v>
      </c>
      <c r="EL39" s="61">
        <v>24</v>
      </c>
      <c r="EM39" s="61">
        <v>19</v>
      </c>
      <c r="EN39" s="62">
        <v>128</v>
      </c>
      <c r="EO39" s="63">
        <v>175</v>
      </c>
      <c r="EP39" s="60">
        <v>32</v>
      </c>
      <c r="EQ39" s="61">
        <v>59</v>
      </c>
      <c r="ER39" s="62">
        <v>91</v>
      </c>
      <c r="ES39" s="231"/>
      <c r="ET39" s="61">
        <v>75</v>
      </c>
      <c r="EU39" s="61">
        <v>59</v>
      </c>
      <c r="EV39" s="61">
        <v>32</v>
      </c>
      <c r="EW39" s="61">
        <v>31</v>
      </c>
      <c r="EX39" s="61">
        <v>36</v>
      </c>
      <c r="EY39" s="62">
        <v>233</v>
      </c>
      <c r="EZ39" s="63">
        <v>324</v>
      </c>
      <c r="FA39" s="60">
        <v>28</v>
      </c>
      <c r="FB39" s="61">
        <v>50</v>
      </c>
      <c r="FC39" s="62">
        <v>78</v>
      </c>
      <c r="FD39" s="231"/>
      <c r="FE39" s="61">
        <v>69</v>
      </c>
      <c r="FF39" s="61">
        <v>39</v>
      </c>
      <c r="FG39" s="61">
        <v>54</v>
      </c>
      <c r="FH39" s="61">
        <v>40</v>
      </c>
      <c r="FI39" s="61">
        <v>36</v>
      </c>
      <c r="FJ39" s="62">
        <v>238</v>
      </c>
      <c r="FK39" s="63">
        <v>316</v>
      </c>
      <c r="FL39" s="60">
        <v>14</v>
      </c>
      <c r="FM39" s="61">
        <v>25</v>
      </c>
      <c r="FN39" s="62">
        <v>39</v>
      </c>
      <c r="FO39" s="231"/>
      <c r="FP39" s="61">
        <v>54</v>
      </c>
      <c r="FQ39" s="61">
        <v>53</v>
      </c>
      <c r="FR39" s="61">
        <v>54</v>
      </c>
      <c r="FS39" s="61">
        <v>67</v>
      </c>
      <c r="FT39" s="61">
        <v>47</v>
      </c>
      <c r="FU39" s="62">
        <v>275</v>
      </c>
      <c r="FV39" s="63">
        <v>314</v>
      </c>
      <c r="FW39" s="60">
        <v>1</v>
      </c>
      <c r="FX39" s="61">
        <v>2</v>
      </c>
      <c r="FY39" s="62">
        <v>3</v>
      </c>
      <c r="FZ39" s="231"/>
      <c r="GA39" s="61">
        <v>2</v>
      </c>
      <c r="GB39" s="61">
        <v>5</v>
      </c>
      <c r="GC39" s="61">
        <v>1</v>
      </c>
      <c r="GD39" s="61">
        <v>4</v>
      </c>
      <c r="GE39" s="61">
        <v>3</v>
      </c>
      <c r="GF39" s="62">
        <v>15</v>
      </c>
      <c r="GG39" s="63">
        <v>18</v>
      </c>
      <c r="GH39" s="60">
        <v>97</v>
      </c>
      <c r="GI39" s="61">
        <v>196</v>
      </c>
      <c r="GJ39" s="62">
        <v>293</v>
      </c>
      <c r="GK39" s="231"/>
      <c r="GL39" s="61">
        <v>272</v>
      </c>
      <c r="GM39" s="61">
        <v>209</v>
      </c>
      <c r="GN39" s="61">
        <v>170</v>
      </c>
      <c r="GO39" s="61">
        <v>179</v>
      </c>
      <c r="GP39" s="61">
        <v>154</v>
      </c>
      <c r="GQ39" s="62">
        <v>984</v>
      </c>
      <c r="GR39" s="63">
        <v>1277</v>
      </c>
      <c r="GS39" s="113">
        <v>158</v>
      </c>
      <c r="GT39" s="72">
        <v>277</v>
      </c>
      <c r="GU39" s="73">
        <v>435</v>
      </c>
      <c r="GV39" s="228"/>
      <c r="GW39" s="72">
        <v>434</v>
      </c>
      <c r="GX39" s="72">
        <v>348</v>
      </c>
      <c r="GY39" s="72">
        <v>270</v>
      </c>
      <c r="GZ39" s="72">
        <v>273</v>
      </c>
      <c r="HA39" s="72">
        <v>205</v>
      </c>
      <c r="HB39" s="74">
        <v>1530</v>
      </c>
      <c r="HC39" s="75">
        <v>1965</v>
      </c>
      <c r="HD39" s="60">
        <v>6</v>
      </c>
      <c r="HE39" s="61">
        <v>13</v>
      </c>
      <c r="HF39" s="62">
        <v>19</v>
      </c>
      <c r="HG39" s="231"/>
      <c r="HH39" s="61">
        <v>16</v>
      </c>
      <c r="HI39" s="61">
        <v>20</v>
      </c>
      <c r="HJ39" s="61">
        <v>11</v>
      </c>
      <c r="HK39" s="61">
        <v>12</v>
      </c>
      <c r="HL39" s="61">
        <v>8</v>
      </c>
      <c r="HM39" s="62">
        <v>67</v>
      </c>
      <c r="HN39" s="63">
        <v>86</v>
      </c>
      <c r="HO39" s="60">
        <v>16</v>
      </c>
      <c r="HP39" s="61">
        <v>33</v>
      </c>
      <c r="HQ39" s="62">
        <v>49</v>
      </c>
      <c r="HR39" s="231"/>
      <c r="HS39" s="61">
        <v>49</v>
      </c>
      <c r="HT39" s="61">
        <v>40</v>
      </c>
      <c r="HU39" s="61">
        <v>24</v>
      </c>
      <c r="HV39" s="61">
        <v>18</v>
      </c>
      <c r="HW39" s="61">
        <v>18</v>
      </c>
      <c r="HX39" s="62">
        <v>149</v>
      </c>
      <c r="HY39" s="63">
        <v>198</v>
      </c>
      <c r="HZ39" s="60">
        <v>29</v>
      </c>
      <c r="IA39" s="61">
        <v>49</v>
      </c>
      <c r="IB39" s="62">
        <v>78</v>
      </c>
      <c r="IC39" s="231"/>
      <c r="ID39" s="61">
        <v>72</v>
      </c>
      <c r="IE39" s="61">
        <v>51</v>
      </c>
      <c r="IF39" s="61">
        <v>29</v>
      </c>
      <c r="IG39" s="61">
        <v>41</v>
      </c>
      <c r="IH39" s="61">
        <v>32</v>
      </c>
      <c r="II39" s="62">
        <v>225</v>
      </c>
      <c r="IJ39" s="63">
        <v>303</v>
      </c>
      <c r="IK39" s="60">
        <v>45</v>
      </c>
      <c r="IL39" s="61">
        <v>81</v>
      </c>
      <c r="IM39" s="62">
        <v>126</v>
      </c>
      <c r="IN39" s="231"/>
      <c r="IO39" s="61">
        <v>123</v>
      </c>
      <c r="IP39" s="61">
        <v>91</v>
      </c>
      <c r="IQ39" s="61">
        <v>60</v>
      </c>
      <c r="IR39" s="61">
        <v>57</v>
      </c>
      <c r="IS39" s="61">
        <v>49</v>
      </c>
      <c r="IT39" s="62">
        <v>380</v>
      </c>
      <c r="IU39" s="63">
        <v>506</v>
      </c>
      <c r="IV39" s="60">
        <v>45</v>
      </c>
      <c r="IW39" s="61">
        <v>65</v>
      </c>
      <c r="IX39" s="62">
        <v>110</v>
      </c>
      <c r="IY39" s="231"/>
      <c r="IZ39" s="61">
        <v>104</v>
      </c>
      <c r="JA39" s="61">
        <v>67</v>
      </c>
      <c r="JB39" s="61">
        <v>80</v>
      </c>
      <c r="JC39" s="61">
        <v>62</v>
      </c>
      <c r="JD39" s="61">
        <v>44</v>
      </c>
      <c r="JE39" s="62">
        <v>357</v>
      </c>
      <c r="JF39" s="63">
        <v>467</v>
      </c>
      <c r="JG39" s="60">
        <v>17</v>
      </c>
      <c r="JH39" s="61">
        <v>36</v>
      </c>
      <c r="JI39" s="62">
        <v>53</v>
      </c>
      <c r="JJ39" s="231"/>
      <c r="JK39" s="61">
        <v>70</v>
      </c>
      <c r="JL39" s="61">
        <v>79</v>
      </c>
      <c r="JM39" s="61">
        <v>66</v>
      </c>
      <c r="JN39" s="61">
        <v>83</v>
      </c>
      <c r="JO39" s="61">
        <v>54</v>
      </c>
      <c r="JP39" s="62">
        <v>352</v>
      </c>
      <c r="JQ39" s="63">
        <v>405</v>
      </c>
      <c r="JR39" s="60">
        <v>3</v>
      </c>
      <c r="JS39" s="61">
        <v>5</v>
      </c>
      <c r="JT39" s="62">
        <v>8</v>
      </c>
      <c r="JU39" s="231"/>
      <c r="JV39" s="61">
        <v>7</v>
      </c>
      <c r="JW39" s="61">
        <v>10</v>
      </c>
      <c r="JX39" s="61">
        <v>9</v>
      </c>
      <c r="JY39" s="61">
        <v>8</v>
      </c>
      <c r="JZ39" s="61">
        <v>5</v>
      </c>
      <c r="KA39" s="62">
        <v>39</v>
      </c>
      <c r="KB39" s="63">
        <v>47</v>
      </c>
      <c r="KC39" s="60">
        <v>161</v>
      </c>
      <c r="KD39" s="61">
        <v>282</v>
      </c>
      <c r="KE39" s="62">
        <v>443</v>
      </c>
      <c r="KF39" s="231"/>
      <c r="KG39" s="61">
        <v>441</v>
      </c>
      <c r="KH39" s="61">
        <v>358</v>
      </c>
      <c r="KI39" s="61">
        <v>279</v>
      </c>
      <c r="KJ39" s="61">
        <v>281</v>
      </c>
      <c r="KK39" s="61">
        <v>210</v>
      </c>
      <c r="KL39" s="62">
        <v>1569</v>
      </c>
      <c r="KM39" s="63">
        <v>2012</v>
      </c>
    </row>
    <row r="40" spans="2:299" ht="21" customHeight="1" thickBot="1" x14ac:dyDescent="0.25">
      <c r="B40" s="473" t="s">
        <v>37</v>
      </c>
      <c r="C40" s="294">
        <v>6</v>
      </c>
      <c r="D40" s="77">
        <v>1</v>
      </c>
      <c r="E40" s="78">
        <v>7</v>
      </c>
      <c r="F40" s="229"/>
      <c r="G40" s="77">
        <v>9</v>
      </c>
      <c r="H40" s="77">
        <v>6</v>
      </c>
      <c r="I40" s="77">
        <v>10</v>
      </c>
      <c r="J40" s="77">
        <v>10</v>
      </c>
      <c r="K40" s="77">
        <v>1</v>
      </c>
      <c r="L40" s="79">
        <v>36</v>
      </c>
      <c r="M40" s="80">
        <v>43</v>
      </c>
      <c r="N40" s="64">
        <v>2</v>
      </c>
      <c r="O40" s="65">
        <v>0</v>
      </c>
      <c r="P40" s="66">
        <v>2</v>
      </c>
      <c r="Q40" s="232"/>
      <c r="R40" s="65">
        <v>0</v>
      </c>
      <c r="S40" s="65">
        <v>1</v>
      </c>
      <c r="T40" s="65">
        <v>0</v>
      </c>
      <c r="U40" s="65">
        <v>1</v>
      </c>
      <c r="V40" s="65">
        <v>0</v>
      </c>
      <c r="W40" s="66">
        <v>2</v>
      </c>
      <c r="X40" s="67">
        <v>4</v>
      </c>
      <c r="Y40" s="64">
        <v>1</v>
      </c>
      <c r="Z40" s="65">
        <v>0</v>
      </c>
      <c r="AA40" s="66">
        <v>1</v>
      </c>
      <c r="AB40" s="232"/>
      <c r="AC40" s="65">
        <v>0</v>
      </c>
      <c r="AD40" s="65">
        <v>1</v>
      </c>
      <c r="AE40" s="65">
        <v>2</v>
      </c>
      <c r="AF40" s="65">
        <v>3</v>
      </c>
      <c r="AG40" s="65">
        <v>0</v>
      </c>
      <c r="AH40" s="66">
        <v>6</v>
      </c>
      <c r="AI40" s="67">
        <v>7</v>
      </c>
      <c r="AJ40" s="64">
        <v>0</v>
      </c>
      <c r="AK40" s="65">
        <v>0</v>
      </c>
      <c r="AL40" s="66">
        <v>0</v>
      </c>
      <c r="AM40" s="232"/>
      <c r="AN40" s="65">
        <v>2</v>
      </c>
      <c r="AO40" s="65">
        <v>0</v>
      </c>
      <c r="AP40" s="65">
        <v>3</v>
      </c>
      <c r="AQ40" s="65">
        <v>0</v>
      </c>
      <c r="AR40" s="65">
        <v>0</v>
      </c>
      <c r="AS40" s="66">
        <v>5</v>
      </c>
      <c r="AT40" s="67">
        <v>5</v>
      </c>
      <c r="AU40" s="64">
        <v>2</v>
      </c>
      <c r="AV40" s="65">
        <v>1</v>
      </c>
      <c r="AW40" s="66">
        <v>3</v>
      </c>
      <c r="AX40" s="232"/>
      <c r="AY40" s="65">
        <v>3</v>
      </c>
      <c r="AZ40" s="65">
        <v>1</v>
      </c>
      <c r="BA40" s="65">
        <v>1</v>
      </c>
      <c r="BB40" s="65">
        <v>2</v>
      </c>
      <c r="BC40" s="65">
        <v>0</v>
      </c>
      <c r="BD40" s="66">
        <v>7</v>
      </c>
      <c r="BE40" s="67">
        <v>10</v>
      </c>
      <c r="BF40" s="64">
        <v>0</v>
      </c>
      <c r="BG40" s="65">
        <v>0</v>
      </c>
      <c r="BH40" s="66">
        <v>0</v>
      </c>
      <c r="BI40" s="232"/>
      <c r="BJ40" s="65">
        <v>1</v>
      </c>
      <c r="BK40" s="65">
        <v>1</v>
      </c>
      <c r="BL40" s="65">
        <v>3</v>
      </c>
      <c r="BM40" s="65">
        <v>3</v>
      </c>
      <c r="BN40" s="65">
        <v>0</v>
      </c>
      <c r="BO40" s="66">
        <v>8</v>
      </c>
      <c r="BP40" s="67">
        <v>8</v>
      </c>
      <c r="BQ40" s="64">
        <v>1</v>
      </c>
      <c r="BR40" s="65">
        <v>0</v>
      </c>
      <c r="BS40" s="66">
        <v>1</v>
      </c>
      <c r="BT40" s="232"/>
      <c r="BU40" s="65">
        <v>3</v>
      </c>
      <c r="BV40" s="65">
        <v>2</v>
      </c>
      <c r="BW40" s="65">
        <v>1</v>
      </c>
      <c r="BX40" s="65">
        <v>1</v>
      </c>
      <c r="BY40" s="65">
        <v>1</v>
      </c>
      <c r="BZ40" s="66">
        <v>8</v>
      </c>
      <c r="CA40" s="67">
        <v>9</v>
      </c>
      <c r="CB40" s="64">
        <v>0</v>
      </c>
      <c r="CC40" s="65">
        <v>0</v>
      </c>
      <c r="CD40" s="66">
        <v>0</v>
      </c>
      <c r="CE40" s="232"/>
      <c r="CF40" s="65">
        <v>0</v>
      </c>
      <c r="CG40" s="65">
        <v>1</v>
      </c>
      <c r="CH40" s="65">
        <v>0</v>
      </c>
      <c r="CI40" s="65">
        <v>1</v>
      </c>
      <c r="CJ40" s="65">
        <v>0</v>
      </c>
      <c r="CK40" s="66">
        <v>2</v>
      </c>
      <c r="CL40" s="67">
        <v>2</v>
      </c>
      <c r="CM40" s="64">
        <v>6</v>
      </c>
      <c r="CN40" s="65">
        <v>1</v>
      </c>
      <c r="CO40" s="66">
        <v>7</v>
      </c>
      <c r="CP40" s="232"/>
      <c r="CQ40" s="65">
        <v>9</v>
      </c>
      <c r="CR40" s="65">
        <v>7</v>
      </c>
      <c r="CS40" s="65">
        <v>10</v>
      </c>
      <c r="CT40" s="65">
        <v>11</v>
      </c>
      <c r="CU40" s="65">
        <v>1</v>
      </c>
      <c r="CV40" s="66">
        <v>38</v>
      </c>
      <c r="CW40" s="67">
        <v>45</v>
      </c>
      <c r="CX40" s="114">
        <v>18</v>
      </c>
      <c r="CY40" s="77">
        <v>3</v>
      </c>
      <c r="CZ40" s="78">
        <v>21</v>
      </c>
      <c r="DA40" s="229"/>
      <c r="DB40" s="77">
        <v>22</v>
      </c>
      <c r="DC40" s="77">
        <v>18</v>
      </c>
      <c r="DD40" s="77">
        <v>26</v>
      </c>
      <c r="DE40" s="77">
        <v>16</v>
      </c>
      <c r="DF40" s="77">
        <v>14</v>
      </c>
      <c r="DG40" s="79">
        <v>96</v>
      </c>
      <c r="DH40" s="80">
        <v>117</v>
      </c>
      <c r="DI40" s="64">
        <v>0</v>
      </c>
      <c r="DJ40" s="65">
        <v>0</v>
      </c>
      <c r="DK40" s="66">
        <v>0</v>
      </c>
      <c r="DL40" s="232"/>
      <c r="DM40" s="65">
        <v>0</v>
      </c>
      <c r="DN40" s="65">
        <v>0</v>
      </c>
      <c r="DO40" s="65">
        <v>1</v>
      </c>
      <c r="DP40" s="65">
        <v>0</v>
      </c>
      <c r="DQ40" s="65">
        <v>2</v>
      </c>
      <c r="DR40" s="66">
        <v>3</v>
      </c>
      <c r="DS40" s="67">
        <v>3</v>
      </c>
      <c r="DT40" s="64">
        <v>2</v>
      </c>
      <c r="DU40" s="65">
        <v>0</v>
      </c>
      <c r="DV40" s="66">
        <v>2</v>
      </c>
      <c r="DW40" s="232"/>
      <c r="DX40" s="65">
        <v>1</v>
      </c>
      <c r="DY40" s="65">
        <v>0</v>
      </c>
      <c r="DZ40" s="65">
        <v>0</v>
      </c>
      <c r="EA40" s="65">
        <v>1</v>
      </c>
      <c r="EB40" s="65">
        <v>0</v>
      </c>
      <c r="EC40" s="66">
        <v>2</v>
      </c>
      <c r="ED40" s="67">
        <v>4</v>
      </c>
      <c r="EE40" s="64">
        <v>1</v>
      </c>
      <c r="EF40" s="65">
        <v>0</v>
      </c>
      <c r="EG40" s="66">
        <v>1</v>
      </c>
      <c r="EH40" s="232"/>
      <c r="EI40" s="65">
        <v>0</v>
      </c>
      <c r="EJ40" s="65">
        <v>3</v>
      </c>
      <c r="EK40" s="65">
        <v>3</v>
      </c>
      <c r="EL40" s="65">
        <v>3</v>
      </c>
      <c r="EM40" s="65">
        <v>1</v>
      </c>
      <c r="EN40" s="66">
        <v>10</v>
      </c>
      <c r="EO40" s="67">
        <v>11</v>
      </c>
      <c r="EP40" s="64">
        <v>7</v>
      </c>
      <c r="EQ40" s="65">
        <v>1</v>
      </c>
      <c r="ER40" s="66">
        <v>8</v>
      </c>
      <c r="ES40" s="232"/>
      <c r="ET40" s="65">
        <v>5</v>
      </c>
      <c r="EU40" s="65">
        <v>5</v>
      </c>
      <c r="EV40" s="65">
        <v>4</v>
      </c>
      <c r="EW40" s="65">
        <v>2</v>
      </c>
      <c r="EX40" s="65">
        <v>3</v>
      </c>
      <c r="EY40" s="66">
        <v>19</v>
      </c>
      <c r="EZ40" s="67">
        <v>27</v>
      </c>
      <c r="FA40" s="64">
        <v>6</v>
      </c>
      <c r="FB40" s="65">
        <v>1</v>
      </c>
      <c r="FC40" s="66">
        <v>7</v>
      </c>
      <c r="FD40" s="232"/>
      <c r="FE40" s="65">
        <v>9</v>
      </c>
      <c r="FF40" s="65">
        <v>5</v>
      </c>
      <c r="FG40" s="65">
        <v>8</v>
      </c>
      <c r="FH40" s="65">
        <v>5</v>
      </c>
      <c r="FI40" s="65">
        <v>4</v>
      </c>
      <c r="FJ40" s="66">
        <v>31</v>
      </c>
      <c r="FK40" s="67">
        <v>38</v>
      </c>
      <c r="FL40" s="64">
        <v>2</v>
      </c>
      <c r="FM40" s="65">
        <v>1</v>
      </c>
      <c r="FN40" s="66">
        <v>3</v>
      </c>
      <c r="FO40" s="232"/>
      <c r="FP40" s="65">
        <v>7</v>
      </c>
      <c r="FQ40" s="65">
        <v>5</v>
      </c>
      <c r="FR40" s="65">
        <v>10</v>
      </c>
      <c r="FS40" s="65">
        <v>5</v>
      </c>
      <c r="FT40" s="65">
        <v>4</v>
      </c>
      <c r="FU40" s="66">
        <v>31</v>
      </c>
      <c r="FV40" s="67">
        <v>34</v>
      </c>
      <c r="FW40" s="64">
        <v>0</v>
      </c>
      <c r="FX40" s="65">
        <v>0</v>
      </c>
      <c r="FY40" s="66">
        <v>0</v>
      </c>
      <c r="FZ40" s="232"/>
      <c r="GA40" s="65">
        <v>0</v>
      </c>
      <c r="GB40" s="65">
        <v>2</v>
      </c>
      <c r="GC40" s="65">
        <v>0</v>
      </c>
      <c r="GD40" s="65">
        <v>0</v>
      </c>
      <c r="GE40" s="65">
        <v>0</v>
      </c>
      <c r="GF40" s="66">
        <v>2</v>
      </c>
      <c r="GG40" s="67">
        <v>2</v>
      </c>
      <c r="GH40" s="64">
        <v>18</v>
      </c>
      <c r="GI40" s="65">
        <v>3</v>
      </c>
      <c r="GJ40" s="66">
        <v>21</v>
      </c>
      <c r="GK40" s="232"/>
      <c r="GL40" s="65">
        <v>22</v>
      </c>
      <c r="GM40" s="65">
        <v>20</v>
      </c>
      <c r="GN40" s="65">
        <v>26</v>
      </c>
      <c r="GO40" s="65">
        <v>16</v>
      </c>
      <c r="GP40" s="65">
        <v>14</v>
      </c>
      <c r="GQ40" s="66">
        <v>98</v>
      </c>
      <c r="GR40" s="67">
        <v>119</v>
      </c>
      <c r="GS40" s="114">
        <v>24</v>
      </c>
      <c r="GT40" s="77">
        <v>4</v>
      </c>
      <c r="GU40" s="78">
        <v>28</v>
      </c>
      <c r="GV40" s="229"/>
      <c r="GW40" s="77">
        <v>31</v>
      </c>
      <c r="GX40" s="77">
        <v>24</v>
      </c>
      <c r="GY40" s="77">
        <v>36</v>
      </c>
      <c r="GZ40" s="77">
        <v>26</v>
      </c>
      <c r="HA40" s="77">
        <v>15</v>
      </c>
      <c r="HB40" s="79">
        <v>132</v>
      </c>
      <c r="HC40" s="80">
        <v>160</v>
      </c>
      <c r="HD40" s="64">
        <v>2</v>
      </c>
      <c r="HE40" s="65">
        <v>0</v>
      </c>
      <c r="HF40" s="66">
        <v>2</v>
      </c>
      <c r="HG40" s="232"/>
      <c r="HH40" s="65">
        <v>0</v>
      </c>
      <c r="HI40" s="65">
        <v>1</v>
      </c>
      <c r="HJ40" s="65">
        <v>1</v>
      </c>
      <c r="HK40" s="65">
        <v>1</v>
      </c>
      <c r="HL40" s="65">
        <v>2</v>
      </c>
      <c r="HM40" s="66">
        <v>5</v>
      </c>
      <c r="HN40" s="67">
        <v>7</v>
      </c>
      <c r="HO40" s="64">
        <v>3</v>
      </c>
      <c r="HP40" s="65">
        <v>0</v>
      </c>
      <c r="HQ40" s="66">
        <v>3</v>
      </c>
      <c r="HR40" s="232"/>
      <c r="HS40" s="65">
        <v>1</v>
      </c>
      <c r="HT40" s="65">
        <v>1</v>
      </c>
      <c r="HU40" s="65">
        <v>2</v>
      </c>
      <c r="HV40" s="65">
        <v>4</v>
      </c>
      <c r="HW40" s="65">
        <v>0</v>
      </c>
      <c r="HX40" s="66">
        <v>8</v>
      </c>
      <c r="HY40" s="67">
        <v>11</v>
      </c>
      <c r="HZ40" s="64">
        <v>1</v>
      </c>
      <c r="IA40" s="65">
        <v>0</v>
      </c>
      <c r="IB40" s="66">
        <v>1</v>
      </c>
      <c r="IC40" s="232"/>
      <c r="ID40" s="65">
        <v>2</v>
      </c>
      <c r="IE40" s="65">
        <v>3</v>
      </c>
      <c r="IF40" s="65">
        <v>6</v>
      </c>
      <c r="IG40" s="65">
        <v>3</v>
      </c>
      <c r="IH40" s="65">
        <v>1</v>
      </c>
      <c r="II40" s="66">
        <v>15</v>
      </c>
      <c r="IJ40" s="67">
        <v>16</v>
      </c>
      <c r="IK40" s="64">
        <v>9</v>
      </c>
      <c r="IL40" s="65">
        <v>2</v>
      </c>
      <c r="IM40" s="66">
        <v>11</v>
      </c>
      <c r="IN40" s="232"/>
      <c r="IO40" s="65">
        <v>8</v>
      </c>
      <c r="IP40" s="65">
        <v>6</v>
      </c>
      <c r="IQ40" s="65">
        <v>5</v>
      </c>
      <c r="IR40" s="65">
        <v>4</v>
      </c>
      <c r="IS40" s="65">
        <v>3</v>
      </c>
      <c r="IT40" s="66">
        <v>26</v>
      </c>
      <c r="IU40" s="67">
        <v>37</v>
      </c>
      <c r="IV40" s="64">
        <v>6</v>
      </c>
      <c r="IW40" s="65">
        <v>1</v>
      </c>
      <c r="IX40" s="66">
        <v>7</v>
      </c>
      <c r="IY40" s="232"/>
      <c r="IZ40" s="65">
        <v>10</v>
      </c>
      <c r="JA40" s="65">
        <v>6</v>
      </c>
      <c r="JB40" s="65">
        <v>11</v>
      </c>
      <c r="JC40" s="65">
        <v>8</v>
      </c>
      <c r="JD40" s="65">
        <v>4</v>
      </c>
      <c r="JE40" s="66">
        <v>39</v>
      </c>
      <c r="JF40" s="67">
        <v>46</v>
      </c>
      <c r="JG40" s="64">
        <v>3</v>
      </c>
      <c r="JH40" s="65">
        <v>1</v>
      </c>
      <c r="JI40" s="66">
        <v>4</v>
      </c>
      <c r="JJ40" s="232"/>
      <c r="JK40" s="65">
        <v>10</v>
      </c>
      <c r="JL40" s="65">
        <v>7</v>
      </c>
      <c r="JM40" s="65">
        <v>11</v>
      </c>
      <c r="JN40" s="65">
        <v>6</v>
      </c>
      <c r="JO40" s="65">
        <v>5</v>
      </c>
      <c r="JP40" s="66">
        <v>39</v>
      </c>
      <c r="JQ40" s="67">
        <v>43</v>
      </c>
      <c r="JR40" s="64">
        <v>0</v>
      </c>
      <c r="JS40" s="65">
        <v>0</v>
      </c>
      <c r="JT40" s="66">
        <v>0</v>
      </c>
      <c r="JU40" s="232"/>
      <c r="JV40" s="65">
        <v>0</v>
      </c>
      <c r="JW40" s="65">
        <v>3</v>
      </c>
      <c r="JX40" s="65">
        <v>0</v>
      </c>
      <c r="JY40" s="65">
        <v>1</v>
      </c>
      <c r="JZ40" s="65">
        <v>0</v>
      </c>
      <c r="KA40" s="66">
        <v>4</v>
      </c>
      <c r="KB40" s="67">
        <v>4</v>
      </c>
      <c r="KC40" s="64">
        <v>24</v>
      </c>
      <c r="KD40" s="65">
        <v>4</v>
      </c>
      <c r="KE40" s="66">
        <v>28</v>
      </c>
      <c r="KF40" s="232"/>
      <c r="KG40" s="65">
        <v>31</v>
      </c>
      <c r="KH40" s="65">
        <v>27</v>
      </c>
      <c r="KI40" s="65">
        <v>36</v>
      </c>
      <c r="KJ40" s="65">
        <v>27</v>
      </c>
      <c r="KK40" s="65">
        <v>15</v>
      </c>
      <c r="KL40" s="66">
        <v>136</v>
      </c>
      <c r="KM40" s="67">
        <v>164</v>
      </c>
    </row>
    <row r="41" spans="2:299" ht="32.25" customHeight="1" x14ac:dyDescent="0.2">
      <c r="C41" s="289"/>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4" orientation="landscape" r:id="rId1"/>
  <headerFooter alignWithMargins="0">
    <oddFooter>&amp;L&amp;20&amp;X&amp;A&amp;C&amp;P/&amp;N</oddFooter>
  </headerFooter>
  <colBreaks count="8" manualBreakCount="8">
    <brk id="35" max="40" man="1"/>
    <brk id="68" max="1048575" man="1"/>
    <brk id="101" max="1048575" man="1"/>
    <brk id="133" max="40" man="1"/>
    <brk id="167" max="40" man="1"/>
    <brk id="200" max="40" man="1"/>
    <brk id="233" max="40" man="1"/>
    <brk id="266"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9</v>
      </c>
      <c r="H1" s="530">
        <f>IF(G1&lt;3,G1-2+12,G1-2)</f>
        <v>7</v>
      </c>
      <c r="I1" s="530"/>
    </row>
    <row r="2" spans="2:43" ht="24" customHeight="1" thickBot="1" x14ac:dyDescent="0.25">
      <c r="B2" s="15" t="s">
        <v>157</v>
      </c>
      <c r="F2" s="15" t="s">
        <v>139</v>
      </c>
    </row>
    <row r="3" spans="2:43" ht="21" customHeight="1" x14ac:dyDescent="0.2">
      <c r="B3" s="548"/>
      <c r="C3" s="551" t="s">
        <v>57</v>
      </c>
      <c r="D3" s="552"/>
      <c r="E3" s="552"/>
      <c r="F3" s="552"/>
      <c r="G3" s="552"/>
      <c r="H3" s="552"/>
      <c r="I3" s="552"/>
      <c r="J3" s="552"/>
      <c r="K3" s="552"/>
      <c r="L3" s="552"/>
      <c r="M3" s="551" t="s">
        <v>58</v>
      </c>
      <c r="N3" s="554"/>
      <c r="O3" s="554"/>
      <c r="P3" s="554"/>
      <c r="Q3" s="554"/>
      <c r="R3" s="554"/>
      <c r="S3" s="554"/>
      <c r="T3" s="554"/>
      <c r="U3" s="554"/>
      <c r="V3" s="554"/>
      <c r="W3" s="551" t="s">
        <v>59</v>
      </c>
      <c r="X3" s="552"/>
      <c r="Y3" s="552"/>
      <c r="Z3" s="552"/>
      <c r="AA3" s="552"/>
      <c r="AB3" s="552"/>
      <c r="AC3" s="552"/>
      <c r="AD3" s="552"/>
      <c r="AE3" s="552"/>
      <c r="AF3" s="552"/>
      <c r="AG3" s="580" t="s">
        <v>150</v>
      </c>
      <c r="AH3" s="552"/>
      <c r="AI3" s="552"/>
      <c r="AJ3" s="552"/>
      <c r="AK3" s="552"/>
      <c r="AL3" s="552"/>
      <c r="AM3" s="552"/>
      <c r="AN3" s="552"/>
      <c r="AO3" s="552"/>
      <c r="AP3" s="553"/>
    </row>
    <row r="4" spans="2:43" ht="21" customHeight="1" x14ac:dyDescent="0.2">
      <c r="B4" s="550"/>
      <c r="C4" s="556" t="s">
        <v>61</v>
      </c>
      <c r="D4" s="557"/>
      <c r="E4" s="558"/>
      <c r="F4" s="559" t="s">
        <v>62</v>
      </c>
      <c r="G4" s="560"/>
      <c r="H4" s="560"/>
      <c r="I4" s="560"/>
      <c r="J4" s="560"/>
      <c r="K4" s="561"/>
      <c r="L4" s="572" t="s">
        <v>52</v>
      </c>
      <c r="M4" s="556" t="s">
        <v>61</v>
      </c>
      <c r="N4" s="557"/>
      <c r="O4" s="558"/>
      <c r="P4" s="559" t="s">
        <v>62</v>
      </c>
      <c r="Q4" s="560"/>
      <c r="R4" s="560"/>
      <c r="S4" s="560"/>
      <c r="T4" s="560"/>
      <c r="U4" s="561"/>
      <c r="V4" s="562" t="s">
        <v>52</v>
      </c>
      <c r="W4" s="556" t="s">
        <v>61</v>
      </c>
      <c r="X4" s="557"/>
      <c r="Y4" s="558"/>
      <c r="Z4" s="559" t="s">
        <v>62</v>
      </c>
      <c r="AA4" s="560"/>
      <c r="AB4" s="560"/>
      <c r="AC4" s="560"/>
      <c r="AD4" s="560"/>
      <c r="AE4" s="561"/>
      <c r="AF4" s="572" t="s">
        <v>52</v>
      </c>
      <c r="AG4" s="556" t="s">
        <v>61</v>
      </c>
      <c r="AH4" s="557"/>
      <c r="AI4" s="558"/>
      <c r="AJ4" s="559" t="s">
        <v>62</v>
      </c>
      <c r="AK4" s="560"/>
      <c r="AL4" s="560"/>
      <c r="AM4" s="560"/>
      <c r="AN4" s="560"/>
      <c r="AO4" s="561"/>
      <c r="AP4" s="562" t="s">
        <v>52</v>
      </c>
    </row>
    <row r="5" spans="2:43" ht="30" customHeight="1" thickBot="1" x14ac:dyDescent="0.25">
      <c r="B5" s="337" t="s">
        <v>42</v>
      </c>
      <c r="C5" s="26" t="s">
        <v>43</v>
      </c>
      <c r="D5" s="27" t="s">
        <v>44</v>
      </c>
      <c r="E5" s="27" t="s">
        <v>45</v>
      </c>
      <c r="F5" s="28" t="s">
        <v>47</v>
      </c>
      <c r="G5" s="29" t="s">
        <v>48</v>
      </c>
      <c r="H5" s="29" t="s">
        <v>49</v>
      </c>
      <c r="I5" s="30" t="s">
        <v>50</v>
      </c>
      <c r="J5" s="27" t="s">
        <v>51</v>
      </c>
      <c r="K5" s="31" t="s">
        <v>95</v>
      </c>
      <c r="L5" s="571"/>
      <c r="M5" s="26" t="s">
        <v>43</v>
      </c>
      <c r="N5" s="27" t="s">
        <v>44</v>
      </c>
      <c r="O5" s="31" t="s">
        <v>45</v>
      </c>
      <c r="P5" s="12" t="s">
        <v>47</v>
      </c>
      <c r="Q5" s="29" t="s">
        <v>48</v>
      </c>
      <c r="R5" s="29" t="s">
        <v>49</v>
      </c>
      <c r="S5" s="30" t="s">
        <v>50</v>
      </c>
      <c r="T5" s="27" t="s">
        <v>51</v>
      </c>
      <c r="U5" s="31" t="s">
        <v>45</v>
      </c>
      <c r="V5" s="563"/>
      <c r="W5" s="26" t="s">
        <v>43</v>
      </c>
      <c r="X5" s="27" t="s">
        <v>44</v>
      </c>
      <c r="Y5" s="27" t="s">
        <v>45</v>
      </c>
      <c r="Z5" s="28" t="s">
        <v>47</v>
      </c>
      <c r="AA5" s="29" t="s">
        <v>48</v>
      </c>
      <c r="AB5" s="29" t="s">
        <v>49</v>
      </c>
      <c r="AC5" s="30" t="s">
        <v>50</v>
      </c>
      <c r="AD5" s="27" t="s">
        <v>51</v>
      </c>
      <c r="AE5" s="31" t="s">
        <v>45</v>
      </c>
      <c r="AF5" s="571"/>
      <c r="AG5" s="26" t="s">
        <v>43</v>
      </c>
      <c r="AH5" s="27" t="s">
        <v>44</v>
      </c>
      <c r="AI5" s="27" t="s">
        <v>45</v>
      </c>
      <c r="AJ5" s="28" t="s">
        <v>47</v>
      </c>
      <c r="AK5" s="29" t="s">
        <v>48</v>
      </c>
      <c r="AL5" s="29" t="s">
        <v>49</v>
      </c>
      <c r="AM5" s="30" t="s">
        <v>50</v>
      </c>
      <c r="AN5" s="27" t="s">
        <v>51</v>
      </c>
      <c r="AO5" s="31" t="s">
        <v>45</v>
      </c>
      <c r="AP5" s="563"/>
    </row>
    <row r="6" spans="2:43" ht="21" customHeight="1" x14ac:dyDescent="0.2">
      <c r="B6" s="470" t="s">
        <v>4</v>
      </c>
      <c r="C6" s="172">
        <v>0</v>
      </c>
      <c r="D6" s="173">
        <v>0</v>
      </c>
      <c r="E6" s="173">
        <v>0</v>
      </c>
      <c r="F6" s="174">
        <v>13</v>
      </c>
      <c r="G6" s="175">
        <v>58</v>
      </c>
      <c r="H6" s="175">
        <v>496</v>
      </c>
      <c r="I6" s="175">
        <v>706</v>
      </c>
      <c r="J6" s="173">
        <v>366</v>
      </c>
      <c r="K6" s="176">
        <v>1639</v>
      </c>
      <c r="L6" s="177">
        <v>1639</v>
      </c>
      <c r="M6" s="172">
        <v>0</v>
      </c>
      <c r="N6" s="173">
        <v>0</v>
      </c>
      <c r="O6" s="176">
        <v>0</v>
      </c>
      <c r="P6" s="179">
        <v>92</v>
      </c>
      <c r="Q6" s="175">
        <v>187</v>
      </c>
      <c r="R6" s="175">
        <v>248</v>
      </c>
      <c r="S6" s="175">
        <v>331</v>
      </c>
      <c r="T6" s="173">
        <v>163</v>
      </c>
      <c r="U6" s="176">
        <v>1021</v>
      </c>
      <c r="V6" s="180">
        <v>1021</v>
      </c>
      <c r="W6" s="179">
        <v>0</v>
      </c>
      <c r="X6" s="173">
        <v>0</v>
      </c>
      <c r="Y6" s="173">
        <v>0</v>
      </c>
      <c r="Z6" s="174">
        <v>0</v>
      </c>
      <c r="AA6" s="175">
        <v>1</v>
      </c>
      <c r="AB6" s="175">
        <v>0</v>
      </c>
      <c r="AC6" s="175">
        <v>9</v>
      </c>
      <c r="AD6" s="173">
        <v>3</v>
      </c>
      <c r="AE6" s="176">
        <v>13</v>
      </c>
      <c r="AF6" s="177">
        <v>13</v>
      </c>
      <c r="AG6" s="172">
        <v>0</v>
      </c>
      <c r="AH6" s="173">
        <v>0</v>
      </c>
      <c r="AI6" s="173">
        <v>0</v>
      </c>
      <c r="AJ6" s="174">
        <v>0</v>
      </c>
      <c r="AK6" s="175">
        <v>1</v>
      </c>
      <c r="AL6" s="175">
        <v>1</v>
      </c>
      <c r="AM6" s="175">
        <v>18</v>
      </c>
      <c r="AN6" s="173">
        <v>20</v>
      </c>
      <c r="AO6" s="176">
        <v>40</v>
      </c>
      <c r="AP6" s="178">
        <v>40</v>
      </c>
      <c r="AQ6" s="32"/>
    </row>
    <row r="7" spans="2:43" ht="21" customHeight="1" x14ac:dyDescent="0.2">
      <c r="B7" s="471" t="s">
        <v>5</v>
      </c>
      <c r="C7" s="181">
        <v>0</v>
      </c>
      <c r="D7" s="182">
        <v>0</v>
      </c>
      <c r="E7" s="182">
        <v>0</v>
      </c>
      <c r="F7" s="183">
        <v>9</v>
      </c>
      <c r="G7" s="184">
        <v>45</v>
      </c>
      <c r="H7" s="184">
        <v>248</v>
      </c>
      <c r="I7" s="184">
        <v>293</v>
      </c>
      <c r="J7" s="182">
        <v>169</v>
      </c>
      <c r="K7" s="185">
        <v>764</v>
      </c>
      <c r="L7" s="186">
        <v>764</v>
      </c>
      <c r="M7" s="181">
        <v>0</v>
      </c>
      <c r="N7" s="182">
        <v>0</v>
      </c>
      <c r="O7" s="185">
        <v>0</v>
      </c>
      <c r="P7" s="188">
        <v>34</v>
      </c>
      <c r="Q7" s="184">
        <v>107</v>
      </c>
      <c r="R7" s="184">
        <v>123</v>
      </c>
      <c r="S7" s="184">
        <v>156</v>
      </c>
      <c r="T7" s="182">
        <v>82</v>
      </c>
      <c r="U7" s="185">
        <v>502</v>
      </c>
      <c r="V7" s="189">
        <v>502</v>
      </c>
      <c r="W7" s="188">
        <v>0</v>
      </c>
      <c r="X7" s="182">
        <v>0</v>
      </c>
      <c r="Y7" s="182">
        <v>0</v>
      </c>
      <c r="Z7" s="183">
        <v>0</v>
      </c>
      <c r="AA7" s="184">
        <v>0</v>
      </c>
      <c r="AB7" s="184">
        <v>0</v>
      </c>
      <c r="AC7" s="184">
        <v>5</v>
      </c>
      <c r="AD7" s="182">
        <v>1</v>
      </c>
      <c r="AE7" s="185">
        <v>6</v>
      </c>
      <c r="AF7" s="186">
        <v>6</v>
      </c>
      <c r="AG7" s="181">
        <v>0</v>
      </c>
      <c r="AH7" s="182">
        <v>0</v>
      </c>
      <c r="AI7" s="182">
        <v>0</v>
      </c>
      <c r="AJ7" s="183">
        <v>0</v>
      </c>
      <c r="AK7" s="184">
        <v>0</v>
      </c>
      <c r="AL7" s="184">
        <v>1</v>
      </c>
      <c r="AM7" s="184">
        <v>3</v>
      </c>
      <c r="AN7" s="182">
        <v>5</v>
      </c>
      <c r="AO7" s="185">
        <v>9</v>
      </c>
      <c r="AP7" s="187">
        <v>9</v>
      </c>
      <c r="AQ7" s="32"/>
    </row>
    <row r="8" spans="2:43" ht="21" customHeight="1" x14ac:dyDescent="0.2">
      <c r="B8" s="472" t="s">
        <v>6</v>
      </c>
      <c r="C8" s="181">
        <v>0</v>
      </c>
      <c r="D8" s="182">
        <v>0</v>
      </c>
      <c r="E8" s="182">
        <v>0</v>
      </c>
      <c r="F8" s="183">
        <v>1</v>
      </c>
      <c r="G8" s="184">
        <v>3</v>
      </c>
      <c r="H8" s="184">
        <v>54</v>
      </c>
      <c r="I8" s="184">
        <v>71</v>
      </c>
      <c r="J8" s="182">
        <v>42</v>
      </c>
      <c r="K8" s="185">
        <v>171</v>
      </c>
      <c r="L8" s="186">
        <v>171</v>
      </c>
      <c r="M8" s="181">
        <v>0</v>
      </c>
      <c r="N8" s="182">
        <v>0</v>
      </c>
      <c r="O8" s="185">
        <v>0</v>
      </c>
      <c r="P8" s="188">
        <v>10</v>
      </c>
      <c r="Q8" s="184">
        <v>21</v>
      </c>
      <c r="R8" s="184">
        <v>21</v>
      </c>
      <c r="S8" s="184">
        <v>37</v>
      </c>
      <c r="T8" s="182">
        <v>20</v>
      </c>
      <c r="U8" s="185">
        <v>109</v>
      </c>
      <c r="V8" s="189">
        <v>109</v>
      </c>
      <c r="W8" s="188">
        <v>0</v>
      </c>
      <c r="X8" s="182">
        <v>0</v>
      </c>
      <c r="Y8" s="182">
        <v>0</v>
      </c>
      <c r="Z8" s="183">
        <v>0</v>
      </c>
      <c r="AA8" s="184">
        <v>1</v>
      </c>
      <c r="AB8" s="184">
        <v>0</v>
      </c>
      <c r="AC8" s="184">
        <v>4</v>
      </c>
      <c r="AD8" s="182">
        <v>1</v>
      </c>
      <c r="AE8" s="185">
        <v>6</v>
      </c>
      <c r="AF8" s="186">
        <v>6</v>
      </c>
      <c r="AG8" s="181">
        <v>0</v>
      </c>
      <c r="AH8" s="182">
        <v>0</v>
      </c>
      <c r="AI8" s="182">
        <v>0</v>
      </c>
      <c r="AJ8" s="183">
        <v>0</v>
      </c>
      <c r="AK8" s="184">
        <v>0</v>
      </c>
      <c r="AL8" s="184">
        <v>0</v>
      </c>
      <c r="AM8" s="184">
        <v>3</v>
      </c>
      <c r="AN8" s="182">
        <v>4</v>
      </c>
      <c r="AO8" s="185">
        <v>7</v>
      </c>
      <c r="AP8" s="187">
        <v>7</v>
      </c>
      <c r="AQ8" s="32"/>
    </row>
    <row r="9" spans="2:43" ht="21" customHeight="1" x14ac:dyDescent="0.2">
      <c r="B9" s="472" t="s">
        <v>14</v>
      </c>
      <c r="C9" s="181">
        <v>0</v>
      </c>
      <c r="D9" s="182">
        <v>0</v>
      </c>
      <c r="E9" s="182">
        <v>0</v>
      </c>
      <c r="F9" s="183">
        <v>0</v>
      </c>
      <c r="G9" s="184">
        <v>0</v>
      </c>
      <c r="H9" s="184">
        <v>44</v>
      </c>
      <c r="I9" s="184">
        <v>55</v>
      </c>
      <c r="J9" s="182">
        <v>27</v>
      </c>
      <c r="K9" s="185">
        <v>126</v>
      </c>
      <c r="L9" s="186">
        <v>126</v>
      </c>
      <c r="M9" s="181">
        <v>0</v>
      </c>
      <c r="N9" s="182">
        <v>0</v>
      </c>
      <c r="O9" s="185">
        <v>0</v>
      </c>
      <c r="P9" s="188">
        <v>0</v>
      </c>
      <c r="Q9" s="184">
        <v>6</v>
      </c>
      <c r="R9" s="184">
        <v>15</v>
      </c>
      <c r="S9" s="184">
        <v>16</v>
      </c>
      <c r="T9" s="182">
        <v>7</v>
      </c>
      <c r="U9" s="185">
        <v>44</v>
      </c>
      <c r="V9" s="189">
        <v>44</v>
      </c>
      <c r="W9" s="188">
        <v>0</v>
      </c>
      <c r="X9" s="182">
        <v>0</v>
      </c>
      <c r="Y9" s="182">
        <v>0</v>
      </c>
      <c r="Z9" s="183">
        <v>0</v>
      </c>
      <c r="AA9" s="184">
        <v>0</v>
      </c>
      <c r="AB9" s="184">
        <v>0</v>
      </c>
      <c r="AC9" s="184">
        <v>0</v>
      </c>
      <c r="AD9" s="182">
        <v>1</v>
      </c>
      <c r="AE9" s="185">
        <v>1</v>
      </c>
      <c r="AF9" s="186">
        <v>1</v>
      </c>
      <c r="AG9" s="181">
        <v>0</v>
      </c>
      <c r="AH9" s="182">
        <v>0</v>
      </c>
      <c r="AI9" s="182">
        <v>0</v>
      </c>
      <c r="AJ9" s="183">
        <v>0</v>
      </c>
      <c r="AK9" s="184">
        <v>0</v>
      </c>
      <c r="AL9" s="184">
        <v>0</v>
      </c>
      <c r="AM9" s="184">
        <v>4</v>
      </c>
      <c r="AN9" s="182">
        <v>6</v>
      </c>
      <c r="AO9" s="185">
        <v>10</v>
      </c>
      <c r="AP9" s="187">
        <v>10</v>
      </c>
      <c r="AQ9" s="32"/>
    </row>
    <row r="10" spans="2:43" ht="21" customHeight="1" x14ac:dyDescent="0.2">
      <c r="B10" s="472" t="s">
        <v>7</v>
      </c>
      <c r="C10" s="181">
        <v>0</v>
      </c>
      <c r="D10" s="182">
        <v>0</v>
      </c>
      <c r="E10" s="182">
        <v>0</v>
      </c>
      <c r="F10" s="183">
        <v>0</v>
      </c>
      <c r="G10" s="184">
        <v>3</v>
      </c>
      <c r="H10" s="184">
        <v>21</v>
      </c>
      <c r="I10" s="184">
        <v>50</v>
      </c>
      <c r="J10" s="182">
        <v>29</v>
      </c>
      <c r="K10" s="185">
        <v>103</v>
      </c>
      <c r="L10" s="186">
        <v>103</v>
      </c>
      <c r="M10" s="181">
        <v>0</v>
      </c>
      <c r="N10" s="182">
        <v>0</v>
      </c>
      <c r="O10" s="185">
        <v>0</v>
      </c>
      <c r="P10" s="188">
        <v>18</v>
      </c>
      <c r="Q10" s="184">
        <v>8</v>
      </c>
      <c r="R10" s="184">
        <v>10</v>
      </c>
      <c r="S10" s="184">
        <v>23</v>
      </c>
      <c r="T10" s="182">
        <v>4</v>
      </c>
      <c r="U10" s="185">
        <v>63</v>
      </c>
      <c r="V10" s="189">
        <v>63</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2</v>
      </c>
      <c r="G11" s="184">
        <v>3</v>
      </c>
      <c r="H11" s="184">
        <v>13</v>
      </c>
      <c r="I11" s="184">
        <v>14</v>
      </c>
      <c r="J11" s="182">
        <v>7</v>
      </c>
      <c r="K11" s="185">
        <v>39</v>
      </c>
      <c r="L11" s="186">
        <v>39</v>
      </c>
      <c r="M11" s="181">
        <v>0</v>
      </c>
      <c r="N11" s="182">
        <v>0</v>
      </c>
      <c r="O11" s="185">
        <v>0</v>
      </c>
      <c r="P11" s="188">
        <v>2</v>
      </c>
      <c r="Q11" s="184">
        <v>1</v>
      </c>
      <c r="R11" s="184">
        <v>7</v>
      </c>
      <c r="S11" s="184">
        <v>8</v>
      </c>
      <c r="T11" s="182">
        <v>6</v>
      </c>
      <c r="U11" s="185">
        <v>24</v>
      </c>
      <c r="V11" s="189">
        <v>24</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0</v>
      </c>
      <c r="AL11" s="184">
        <v>0</v>
      </c>
      <c r="AM11" s="184">
        <v>2</v>
      </c>
      <c r="AN11" s="182">
        <v>0</v>
      </c>
      <c r="AO11" s="185">
        <v>2</v>
      </c>
      <c r="AP11" s="187">
        <v>2</v>
      </c>
      <c r="AQ11" s="32"/>
    </row>
    <row r="12" spans="2:43" ht="21" customHeight="1" x14ac:dyDescent="0.2">
      <c r="B12" s="472" t="s">
        <v>9</v>
      </c>
      <c r="C12" s="181">
        <v>0</v>
      </c>
      <c r="D12" s="182">
        <v>0</v>
      </c>
      <c r="E12" s="182">
        <v>0</v>
      </c>
      <c r="F12" s="183">
        <v>0</v>
      </c>
      <c r="G12" s="184">
        <v>0</v>
      </c>
      <c r="H12" s="184">
        <v>13</v>
      </c>
      <c r="I12" s="184">
        <v>24</v>
      </c>
      <c r="J12" s="182">
        <v>9</v>
      </c>
      <c r="K12" s="185">
        <v>46</v>
      </c>
      <c r="L12" s="186">
        <v>46</v>
      </c>
      <c r="M12" s="181">
        <v>0</v>
      </c>
      <c r="N12" s="182">
        <v>0</v>
      </c>
      <c r="O12" s="185">
        <v>0</v>
      </c>
      <c r="P12" s="188">
        <v>1</v>
      </c>
      <c r="Q12" s="184">
        <v>5</v>
      </c>
      <c r="R12" s="184">
        <v>4</v>
      </c>
      <c r="S12" s="184">
        <v>10</v>
      </c>
      <c r="T12" s="182">
        <v>4</v>
      </c>
      <c r="U12" s="185">
        <v>24</v>
      </c>
      <c r="V12" s="189">
        <v>24</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1</v>
      </c>
      <c r="AN12" s="182">
        <v>0</v>
      </c>
      <c r="AO12" s="185">
        <v>1</v>
      </c>
      <c r="AP12" s="187">
        <v>1</v>
      </c>
      <c r="AQ12" s="32"/>
    </row>
    <row r="13" spans="2:43" ht="21" customHeight="1" x14ac:dyDescent="0.2">
      <c r="B13" s="472" t="s">
        <v>10</v>
      </c>
      <c r="C13" s="181">
        <v>0</v>
      </c>
      <c r="D13" s="182">
        <v>0</v>
      </c>
      <c r="E13" s="182">
        <v>0</v>
      </c>
      <c r="F13" s="183">
        <v>1</v>
      </c>
      <c r="G13" s="184">
        <v>0</v>
      </c>
      <c r="H13" s="184">
        <v>24</v>
      </c>
      <c r="I13" s="184">
        <v>34</v>
      </c>
      <c r="J13" s="182">
        <v>11</v>
      </c>
      <c r="K13" s="185">
        <v>70</v>
      </c>
      <c r="L13" s="186">
        <v>70</v>
      </c>
      <c r="M13" s="181">
        <v>0</v>
      </c>
      <c r="N13" s="182">
        <v>0</v>
      </c>
      <c r="O13" s="185">
        <v>0</v>
      </c>
      <c r="P13" s="188">
        <v>6</v>
      </c>
      <c r="Q13" s="184">
        <v>7</v>
      </c>
      <c r="R13" s="184">
        <v>9</v>
      </c>
      <c r="S13" s="184">
        <v>13</v>
      </c>
      <c r="T13" s="182">
        <v>9</v>
      </c>
      <c r="U13" s="185">
        <v>44</v>
      </c>
      <c r="V13" s="189">
        <v>44</v>
      </c>
      <c r="W13" s="188">
        <v>0</v>
      </c>
      <c r="X13" s="182">
        <v>0</v>
      </c>
      <c r="Y13" s="182">
        <v>0</v>
      </c>
      <c r="Z13" s="183">
        <v>0</v>
      </c>
      <c r="AA13" s="184">
        <v>0</v>
      </c>
      <c r="AB13" s="184">
        <v>0</v>
      </c>
      <c r="AC13" s="184">
        <v>0</v>
      </c>
      <c r="AD13" s="182">
        <v>0</v>
      </c>
      <c r="AE13" s="185">
        <v>0</v>
      </c>
      <c r="AF13" s="186">
        <v>0</v>
      </c>
      <c r="AG13" s="181">
        <v>0</v>
      </c>
      <c r="AH13" s="182">
        <v>0</v>
      </c>
      <c r="AI13" s="182">
        <v>0</v>
      </c>
      <c r="AJ13" s="183">
        <v>0</v>
      </c>
      <c r="AK13" s="184">
        <v>0</v>
      </c>
      <c r="AL13" s="184">
        <v>0</v>
      </c>
      <c r="AM13" s="184">
        <v>0</v>
      </c>
      <c r="AN13" s="182">
        <v>1</v>
      </c>
      <c r="AO13" s="185">
        <v>1</v>
      </c>
      <c r="AP13" s="187">
        <v>1</v>
      </c>
      <c r="AQ13" s="32"/>
    </row>
    <row r="14" spans="2:43" ht="21" customHeight="1" x14ac:dyDescent="0.2">
      <c r="B14" s="472" t="s">
        <v>11</v>
      </c>
      <c r="C14" s="181">
        <v>0</v>
      </c>
      <c r="D14" s="182">
        <v>0</v>
      </c>
      <c r="E14" s="182">
        <v>0</v>
      </c>
      <c r="F14" s="183">
        <v>0</v>
      </c>
      <c r="G14" s="184">
        <v>0</v>
      </c>
      <c r="H14" s="184">
        <v>3</v>
      </c>
      <c r="I14" s="184">
        <v>16</v>
      </c>
      <c r="J14" s="182">
        <v>4</v>
      </c>
      <c r="K14" s="185">
        <v>23</v>
      </c>
      <c r="L14" s="186">
        <v>23</v>
      </c>
      <c r="M14" s="181">
        <v>0</v>
      </c>
      <c r="N14" s="182">
        <v>0</v>
      </c>
      <c r="O14" s="185">
        <v>0</v>
      </c>
      <c r="P14" s="188">
        <v>2</v>
      </c>
      <c r="Q14" s="184">
        <v>1</v>
      </c>
      <c r="R14" s="184">
        <v>5</v>
      </c>
      <c r="S14" s="184">
        <v>4</v>
      </c>
      <c r="T14" s="182">
        <v>6</v>
      </c>
      <c r="U14" s="185">
        <v>18</v>
      </c>
      <c r="V14" s="189">
        <v>18</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1</v>
      </c>
      <c r="AN14" s="182">
        <v>0</v>
      </c>
      <c r="AO14" s="185">
        <v>1</v>
      </c>
      <c r="AP14" s="187">
        <v>1</v>
      </c>
      <c r="AQ14" s="32"/>
    </row>
    <row r="15" spans="2:43" ht="21" customHeight="1" x14ac:dyDescent="0.2">
      <c r="B15" s="472" t="s">
        <v>12</v>
      </c>
      <c r="C15" s="181">
        <v>0</v>
      </c>
      <c r="D15" s="182">
        <v>0</v>
      </c>
      <c r="E15" s="182">
        <v>0</v>
      </c>
      <c r="F15" s="183">
        <v>0</v>
      </c>
      <c r="G15" s="184">
        <v>0</v>
      </c>
      <c r="H15" s="184">
        <v>7</v>
      </c>
      <c r="I15" s="184">
        <v>17</v>
      </c>
      <c r="J15" s="182">
        <v>7</v>
      </c>
      <c r="K15" s="185">
        <v>31</v>
      </c>
      <c r="L15" s="186">
        <v>31</v>
      </c>
      <c r="M15" s="181">
        <v>0</v>
      </c>
      <c r="N15" s="182">
        <v>0</v>
      </c>
      <c r="O15" s="185">
        <v>0</v>
      </c>
      <c r="P15" s="188">
        <v>2</v>
      </c>
      <c r="Q15" s="184">
        <v>4</v>
      </c>
      <c r="R15" s="184">
        <v>6</v>
      </c>
      <c r="S15" s="184">
        <v>11</v>
      </c>
      <c r="T15" s="182">
        <v>3</v>
      </c>
      <c r="U15" s="185">
        <v>26</v>
      </c>
      <c r="V15" s="189">
        <v>26</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1</v>
      </c>
      <c r="AO15" s="185">
        <v>2</v>
      </c>
      <c r="AP15" s="187">
        <v>2</v>
      </c>
      <c r="AQ15" s="32"/>
    </row>
    <row r="16" spans="2:43" ht="21" customHeight="1" x14ac:dyDescent="0.2">
      <c r="B16" s="472" t="s">
        <v>13</v>
      </c>
      <c r="C16" s="181">
        <v>0</v>
      </c>
      <c r="D16" s="182">
        <v>0</v>
      </c>
      <c r="E16" s="182">
        <v>0</v>
      </c>
      <c r="F16" s="183">
        <v>0</v>
      </c>
      <c r="G16" s="184">
        <v>0</v>
      </c>
      <c r="H16" s="184">
        <v>2</v>
      </c>
      <c r="I16" s="184">
        <v>12</v>
      </c>
      <c r="J16" s="182">
        <v>6</v>
      </c>
      <c r="K16" s="185">
        <v>20</v>
      </c>
      <c r="L16" s="186">
        <v>20</v>
      </c>
      <c r="M16" s="181">
        <v>0</v>
      </c>
      <c r="N16" s="182">
        <v>0</v>
      </c>
      <c r="O16" s="185">
        <v>0</v>
      </c>
      <c r="P16" s="188">
        <v>1</v>
      </c>
      <c r="Q16" s="184">
        <v>2</v>
      </c>
      <c r="R16" s="184">
        <v>3</v>
      </c>
      <c r="S16" s="184">
        <v>1</v>
      </c>
      <c r="T16" s="182">
        <v>2</v>
      </c>
      <c r="U16" s="185">
        <v>9</v>
      </c>
      <c r="V16" s="189">
        <v>9</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1</v>
      </c>
      <c r="I17" s="184">
        <v>9</v>
      </c>
      <c r="J17" s="182">
        <v>4</v>
      </c>
      <c r="K17" s="185">
        <v>14</v>
      </c>
      <c r="L17" s="186">
        <v>14</v>
      </c>
      <c r="M17" s="181">
        <v>0</v>
      </c>
      <c r="N17" s="182">
        <v>0</v>
      </c>
      <c r="O17" s="185">
        <v>0</v>
      </c>
      <c r="P17" s="188">
        <v>0</v>
      </c>
      <c r="Q17" s="184">
        <v>2</v>
      </c>
      <c r="R17" s="184">
        <v>1</v>
      </c>
      <c r="S17" s="184">
        <v>5</v>
      </c>
      <c r="T17" s="182">
        <v>2</v>
      </c>
      <c r="U17" s="185">
        <v>10</v>
      </c>
      <c r="V17" s="189">
        <v>10</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1</v>
      </c>
      <c r="H18" s="184">
        <v>6</v>
      </c>
      <c r="I18" s="184">
        <v>12</v>
      </c>
      <c r="J18" s="182">
        <v>4</v>
      </c>
      <c r="K18" s="185">
        <v>23</v>
      </c>
      <c r="L18" s="186">
        <v>23</v>
      </c>
      <c r="M18" s="181">
        <v>0</v>
      </c>
      <c r="N18" s="182">
        <v>0</v>
      </c>
      <c r="O18" s="185">
        <v>0</v>
      </c>
      <c r="P18" s="188">
        <v>0</v>
      </c>
      <c r="Q18" s="184">
        <v>3</v>
      </c>
      <c r="R18" s="184">
        <v>6</v>
      </c>
      <c r="S18" s="184">
        <v>7</v>
      </c>
      <c r="T18" s="182">
        <v>2</v>
      </c>
      <c r="U18" s="185">
        <v>18</v>
      </c>
      <c r="V18" s="189">
        <v>18</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1</v>
      </c>
      <c r="AO18" s="185">
        <v>1</v>
      </c>
      <c r="AP18" s="187">
        <v>1</v>
      </c>
      <c r="AQ18" s="32"/>
    </row>
    <row r="19" spans="2:43" ht="21" customHeight="1" x14ac:dyDescent="0.2">
      <c r="B19" s="472" t="s">
        <v>17</v>
      </c>
      <c r="C19" s="181">
        <v>0</v>
      </c>
      <c r="D19" s="182">
        <v>0</v>
      </c>
      <c r="E19" s="182">
        <v>0</v>
      </c>
      <c r="F19" s="183">
        <v>0</v>
      </c>
      <c r="G19" s="184">
        <v>0</v>
      </c>
      <c r="H19" s="184">
        <v>11</v>
      </c>
      <c r="I19" s="184">
        <v>17</v>
      </c>
      <c r="J19" s="182">
        <v>10</v>
      </c>
      <c r="K19" s="185">
        <v>38</v>
      </c>
      <c r="L19" s="186">
        <v>38</v>
      </c>
      <c r="M19" s="181">
        <v>0</v>
      </c>
      <c r="N19" s="182">
        <v>0</v>
      </c>
      <c r="O19" s="185">
        <v>0</v>
      </c>
      <c r="P19" s="188">
        <v>3</v>
      </c>
      <c r="Q19" s="184">
        <v>2</v>
      </c>
      <c r="R19" s="184">
        <v>10</v>
      </c>
      <c r="S19" s="184">
        <v>3</v>
      </c>
      <c r="T19" s="182">
        <v>7</v>
      </c>
      <c r="U19" s="185">
        <v>25</v>
      </c>
      <c r="V19" s="189">
        <v>25</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0</v>
      </c>
      <c r="AO19" s="185">
        <v>0</v>
      </c>
      <c r="AP19" s="187">
        <v>0</v>
      </c>
      <c r="AQ19" s="32"/>
    </row>
    <row r="20" spans="2:43" ht="21" customHeight="1" x14ac:dyDescent="0.2">
      <c r="B20" s="472" t="s">
        <v>18</v>
      </c>
      <c r="C20" s="181">
        <v>0</v>
      </c>
      <c r="D20" s="182">
        <v>0</v>
      </c>
      <c r="E20" s="182">
        <v>0</v>
      </c>
      <c r="F20" s="183">
        <v>0</v>
      </c>
      <c r="G20" s="184">
        <v>0</v>
      </c>
      <c r="H20" s="184">
        <v>5</v>
      </c>
      <c r="I20" s="184">
        <v>25</v>
      </c>
      <c r="J20" s="182">
        <v>5</v>
      </c>
      <c r="K20" s="185">
        <v>35</v>
      </c>
      <c r="L20" s="186">
        <v>35</v>
      </c>
      <c r="M20" s="181">
        <v>0</v>
      </c>
      <c r="N20" s="182">
        <v>0</v>
      </c>
      <c r="O20" s="185">
        <v>0</v>
      </c>
      <c r="P20" s="188">
        <v>2</v>
      </c>
      <c r="Q20" s="184">
        <v>5</v>
      </c>
      <c r="R20" s="184">
        <v>4</v>
      </c>
      <c r="S20" s="184">
        <v>7</v>
      </c>
      <c r="T20" s="182">
        <v>2</v>
      </c>
      <c r="U20" s="185">
        <v>20</v>
      </c>
      <c r="V20" s="189">
        <v>20</v>
      </c>
      <c r="W20" s="188">
        <v>0</v>
      </c>
      <c r="X20" s="182">
        <v>0</v>
      </c>
      <c r="Y20" s="182">
        <v>0</v>
      </c>
      <c r="Z20" s="183">
        <v>0</v>
      </c>
      <c r="AA20" s="184">
        <v>0</v>
      </c>
      <c r="AB20" s="184">
        <v>0</v>
      </c>
      <c r="AC20" s="184">
        <v>0</v>
      </c>
      <c r="AD20" s="182">
        <v>0</v>
      </c>
      <c r="AE20" s="185">
        <v>0</v>
      </c>
      <c r="AF20" s="186">
        <v>0</v>
      </c>
      <c r="AG20" s="181">
        <v>0</v>
      </c>
      <c r="AH20" s="182">
        <v>0</v>
      </c>
      <c r="AI20" s="182">
        <v>0</v>
      </c>
      <c r="AJ20" s="183">
        <v>0</v>
      </c>
      <c r="AK20" s="184">
        <v>0</v>
      </c>
      <c r="AL20" s="184">
        <v>0</v>
      </c>
      <c r="AM20" s="184">
        <v>1</v>
      </c>
      <c r="AN20" s="182">
        <v>0</v>
      </c>
      <c r="AO20" s="185">
        <v>1</v>
      </c>
      <c r="AP20" s="187">
        <v>1</v>
      </c>
      <c r="AQ20" s="32"/>
    </row>
    <row r="21" spans="2:43" ht="21" customHeight="1" x14ac:dyDescent="0.2">
      <c r="B21" s="472" t="s">
        <v>19</v>
      </c>
      <c r="C21" s="181">
        <v>0</v>
      </c>
      <c r="D21" s="182">
        <v>0</v>
      </c>
      <c r="E21" s="182">
        <v>0</v>
      </c>
      <c r="F21" s="183">
        <v>0</v>
      </c>
      <c r="G21" s="184">
        <v>0</v>
      </c>
      <c r="H21" s="184">
        <v>5</v>
      </c>
      <c r="I21" s="184">
        <v>3</v>
      </c>
      <c r="J21" s="182">
        <v>5</v>
      </c>
      <c r="K21" s="185">
        <v>13</v>
      </c>
      <c r="L21" s="186">
        <v>13</v>
      </c>
      <c r="M21" s="181">
        <v>0</v>
      </c>
      <c r="N21" s="182">
        <v>0</v>
      </c>
      <c r="O21" s="185">
        <v>0</v>
      </c>
      <c r="P21" s="188">
        <v>1</v>
      </c>
      <c r="Q21" s="184">
        <v>0</v>
      </c>
      <c r="R21" s="184">
        <v>2</v>
      </c>
      <c r="S21" s="184">
        <v>6</v>
      </c>
      <c r="T21" s="182">
        <v>0</v>
      </c>
      <c r="U21" s="185">
        <v>9</v>
      </c>
      <c r="V21" s="189">
        <v>9</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9</v>
      </c>
      <c r="I22" s="184">
        <v>13</v>
      </c>
      <c r="J22" s="182">
        <v>5</v>
      </c>
      <c r="K22" s="185">
        <v>28</v>
      </c>
      <c r="L22" s="186">
        <v>28</v>
      </c>
      <c r="M22" s="181">
        <v>0</v>
      </c>
      <c r="N22" s="182">
        <v>0</v>
      </c>
      <c r="O22" s="185">
        <v>0</v>
      </c>
      <c r="P22" s="188">
        <v>2</v>
      </c>
      <c r="Q22" s="184">
        <v>1</v>
      </c>
      <c r="R22" s="184">
        <v>1</v>
      </c>
      <c r="S22" s="184">
        <v>3</v>
      </c>
      <c r="T22" s="182">
        <v>1</v>
      </c>
      <c r="U22" s="185">
        <v>8</v>
      </c>
      <c r="V22" s="189">
        <v>8</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7</v>
      </c>
      <c r="I23" s="184">
        <v>11</v>
      </c>
      <c r="J23" s="182">
        <v>7</v>
      </c>
      <c r="K23" s="185">
        <v>25</v>
      </c>
      <c r="L23" s="186">
        <v>25</v>
      </c>
      <c r="M23" s="181">
        <v>0</v>
      </c>
      <c r="N23" s="182">
        <v>0</v>
      </c>
      <c r="O23" s="185">
        <v>0</v>
      </c>
      <c r="P23" s="188">
        <v>0</v>
      </c>
      <c r="Q23" s="184">
        <v>2</v>
      </c>
      <c r="R23" s="184">
        <v>2</v>
      </c>
      <c r="S23" s="184">
        <v>1</v>
      </c>
      <c r="T23" s="182">
        <v>0</v>
      </c>
      <c r="U23" s="185">
        <v>5</v>
      </c>
      <c r="V23" s="189">
        <v>5</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1</v>
      </c>
      <c r="AO23" s="185">
        <v>1</v>
      </c>
      <c r="AP23" s="187">
        <v>1</v>
      </c>
      <c r="AQ23" s="32"/>
    </row>
    <row r="24" spans="2:43" ht="21" customHeight="1" x14ac:dyDescent="0.2">
      <c r="B24" s="472" t="s">
        <v>22</v>
      </c>
      <c r="C24" s="181">
        <v>0</v>
      </c>
      <c r="D24" s="182">
        <v>0</v>
      </c>
      <c r="E24" s="182">
        <v>0</v>
      </c>
      <c r="F24" s="183">
        <v>0</v>
      </c>
      <c r="G24" s="184">
        <v>0</v>
      </c>
      <c r="H24" s="184">
        <v>4</v>
      </c>
      <c r="I24" s="184">
        <v>5</v>
      </c>
      <c r="J24" s="182">
        <v>1</v>
      </c>
      <c r="K24" s="185">
        <v>10</v>
      </c>
      <c r="L24" s="186">
        <v>10</v>
      </c>
      <c r="M24" s="181">
        <v>0</v>
      </c>
      <c r="N24" s="182">
        <v>0</v>
      </c>
      <c r="O24" s="185">
        <v>0</v>
      </c>
      <c r="P24" s="188">
        <v>1</v>
      </c>
      <c r="Q24" s="184">
        <v>0</v>
      </c>
      <c r="R24" s="184">
        <v>0</v>
      </c>
      <c r="S24" s="184">
        <v>1</v>
      </c>
      <c r="T24" s="182">
        <v>1</v>
      </c>
      <c r="U24" s="185">
        <v>3</v>
      </c>
      <c r="V24" s="189">
        <v>3</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4</v>
      </c>
      <c r="I25" s="184">
        <v>6</v>
      </c>
      <c r="J25" s="182">
        <v>2</v>
      </c>
      <c r="K25" s="185">
        <v>12</v>
      </c>
      <c r="L25" s="186">
        <v>12</v>
      </c>
      <c r="M25" s="181">
        <v>0</v>
      </c>
      <c r="N25" s="182">
        <v>0</v>
      </c>
      <c r="O25" s="185">
        <v>0</v>
      </c>
      <c r="P25" s="188">
        <v>0</v>
      </c>
      <c r="Q25" s="184">
        <v>1</v>
      </c>
      <c r="R25" s="184">
        <v>1</v>
      </c>
      <c r="S25" s="184">
        <v>3</v>
      </c>
      <c r="T25" s="182">
        <v>2</v>
      </c>
      <c r="U25" s="185">
        <v>7</v>
      </c>
      <c r="V25" s="189">
        <v>7</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0</v>
      </c>
      <c r="AO25" s="185">
        <v>0</v>
      </c>
      <c r="AP25" s="187">
        <v>0</v>
      </c>
      <c r="AQ25" s="32"/>
    </row>
    <row r="26" spans="2:43" ht="21" customHeight="1" x14ac:dyDescent="0.2">
      <c r="B26" s="472" t="s">
        <v>24</v>
      </c>
      <c r="C26" s="181">
        <v>0</v>
      </c>
      <c r="D26" s="182">
        <v>0</v>
      </c>
      <c r="E26" s="182">
        <v>0</v>
      </c>
      <c r="F26" s="183">
        <v>0</v>
      </c>
      <c r="G26" s="184">
        <v>0</v>
      </c>
      <c r="H26" s="184">
        <v>0</v>
      </c>
      <c r="I26" s="184">
        <v>3</v>
      </c>
      <c r="J26" s="182">
        <v>2</v>
      </c>
      <c r="K26" s="185">
        <v>5</v>
      </c>
      <c r="L26" s="186">
        <v>5</v>
      </c>
      <c r="M26" s="181">
        <v>0</v>
      </c>
      <c r="N26" s="182">
        <v>0</v>
      </c>
      <c r="O26" s="185">
        <v>0</v>
      </c>
      <c r="P26" s="188">
        <v>0</v>
      </c>
      <c r="Q26" s="184">
        <v>1</v>
      </c>
      <c r="R26" s="184">
        <v>5</v>
      </c>
      <c r="S26" s="184">
        <v>4</v>
      </c>
      <c r="T26" s="182">
        <v>0</v>
      </c>
      <c r="U26" s="185">
        <v>10</v>
      </c>
      <c r="V26" s="189">
        <v>10</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1</v>
      </c>
      <c r="H27" s="184">
        <v>5</v>
      </c>
      <c r="I27" s="184">
        <v>1</v>
      </c>
      <c r="J27" s="182">
        <v>2</v>
      </c>
      <c r="K27" s="185">
        <v>9</v>
      </c>
      <c r="L27" s="186">
        <v>9</v>
      </c>
      <c r="M27" s="181">
        <v>0</v>
      </c>
      <c r="N27" s="182">
        <v>0</v>
      </c>
      <c r="O27" s="185">
        <v>0</v>
      </c>
      <c r="P27" s="188">
        <v>2</v>
      </c>
      <c r="Q27" s="184">
        <v>1</v>
      </c>
      <c r="R27" s="184">
        <v>1</v>
      </c>
      <c r="S27" s="184">
        <v>1</v>
      </c>
      <c r="T27" s="182">
        <v>2</v>
      </c>
      <c r="U27" s="185">
        <v>7</v>
      </c>
      <c r="V27" s="189">
        <v>7</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3</v>
      </c>
      <c r="I28" s="184">
        <v>4</v>
      </c>
      <c r="J28" s="182">
        <v>2</v>
      </c>
      <c r="K28" s="185">
        <v>9</v>
      </c>
      <c r="L28" s="186">
        <v>9</v>
      </c>
      <c r="M28" s="181">
        <v>0</v>
      </c>
      <c r="N28" s="182">
        <v>0</v>
      </c>
      <c r="O28" s="185">
        <v>0</v>
      </c>
      <c r="P28" s="188">
        <v>0</v>
      </c>
      <c r="Q28" s="184">
        <v>1</v>
      </c>
      <c r="R28" s="184">
        <v>1</v>
      </c>
      <c r="S28" s="184">
        <v>0</v>
      </c>
      <c r="T28" s="182">
        <v>0</v>
      </c>
      <c r="U28" s="185">
        <v>2</v>
      </c>
      <c r="V28" s="189">
        <v>2</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1</v>
      </c>
      <c r="H29" s="184">
        <v>1</v>
      </c>
      <c r="I29" s="184">
        <v>2</v>
      </c>
      <c r="J29" s="182">
        <v>0</v>
      </c>
      <c r="K29" s="185">
        <v>4</v>
      </c>
      <c r="L29" s="186">
        <v>4</v>
      </c>
      <c r="M29" s="181">
        <v>0</v>
      </c>
      <c r="N29" s="182">
        <v>0</v>
      </c>
      <c r="O29" s="185">
        <v>0</v>
      </c>
      <c r="P29" s="188">
        <v>1</v>
      </c>
      <c r="Q29" s="184">
        <v>4</v>
      </c>
      <c r="R29" s="184">
        <v>4</v>
      </c>
      <c r="S29" s="184">
        <v>4</v>
      </c>
      <c r="T29" s="182">
        <v>0</v>
      </c>
      <c r="U29" s="185">
        <v>13</v>
      </c>
      <c r="V29" s="189">
        <v>13</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1</v>
      </c>
      <c r="AN29" s="182">
        <v>0</v>
      </c>
      <c r="AO29" s="185">
        <v>1</v>
      </c>
      <c r="AP29" s="187">
        <v>1</v>
      </c>
      <c r="AQ29" s="32"/>
    </row>
    <row r="30" spans="2:43" ht="21" customHeight="1" x14ac:dyDescent="0.2">
      <c r="B30" s="472" t="s">
        <v>28</v>
      </c>
      <c r="C30" s="181">
        <v>0</v>
      </c>
      <c r="D30" s="182">
        <v>0</v>
      </c>
      <c r="E30" s="182">
        <v>0</v>
      </c>
      <c r="F30" s="183">
        <v>0</v>
      </c>
      <c r="G30" s="184">
        <v>0</v>
      </c>
      <c r="H30" s="184">
        <v>0</v>
      </c>
      <c r="I30" s="184">
        <v>1</v>
      </c>
      <c r="J30" s="182">
        <v>1</v>
      </c>
      <c r="K30" s="185">
        <v>2</v>
      </c>
      <c r="L30" s="186">
        <v>2</v>
      </c>
      <c r="M30" s="181">
        <v>0</v>
      </c>
      <c r="N30" s="182">
        <v>0</v>
      </c>
      <c r="O30" s="185">
        <v>0</v>
      </c>
      <c r="P30" s="188">
        <v>0</v>
      </c>
      <c r="Q30" s="184">
        <v>1</v>
      </c>
      <c r="R30" s="184">
        <v>0</v>
      </c>
      <c r="S30" s="184">
        <v>0</v>
      </c>
      <c r="T30" s="182">
        <v>1</v>
      </c>
      <c r="U30" s="185">
        <v>2</v>
      </c>
      <c r="V30" s="189">
        <v>2</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1</v>
      </c>
      <c r="J31" s="182">
        <v>0</v>
      </c>
      <c r="K31" s="185">
        <v>1</v>
      </c>
      <c r="L31" s="186">
        <v>1</v>
      </c>
      <c r="M31" s="181">
        <v>0</v>
      </c>
      <c r="N31" s="182">
        <v>0</v>
      </c>
      <c r="O31" s="185">
        <v>0</v>
      </c>
      <c r="P31" s="188">
        <v>0</v>
      </c>
      <c r="Q31" s="184">
        <v>0</v>
      </c>
      <c r="R31" s="184">
        <v>1</v>
      </c>
      <c r="S31" s="184">
        <v>0</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1</v>
      </c>
      <c r="J32" s="182">
        <v>0</v>
      </c>
      <c r="K32" s="185">
        <v>2</v>
      </c>
      <c r="L32" s="186">
        <v>2</v>
      </c>
      <c r="M32" s="181">
        <v>0</v>
      </c>
      <c r="N32" s="182">
        <v>0</v>
      </c>
      <c r="O32" s="185">
        <v>0</v>
      </c>
      <c r="P32" s="188">
        <v>1</v>
      </c>
      <c r="Q32" s="184">
        <v>0</v>
      </c>
      <c r="R32" s="184">
        <v>0</v>
      </c>
      <c r="S32" s="184">
        <v>4</v>
      </c>
      <c r="T32" s="182">
        <v>0</v>
      </c>
      <c r="U32" s="185">
        <v>5</v>
      </c>
      <c r="V32" s="189">
        <v>5</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1</v>
      </c>
      <c r="AN32" s="182">
        <v>0</v>
      </c>
      <c r="AO32" s="185">
        <v>1</v>
      </c>
      <c r="AP32" s="187">
        <v>1</v>
      </c>
      <c r="AQ32" s="32"/>
    </row>
    <row r="33" spans="2:43" ht="21" customHeight="1" x14ac:dyDescent="0.2">
      <c r="B33" s="472" t="s">
        <v>31</v>
      </c>
      <c r="C33" s="181">
        <v>0</v>
      </c>
      <c r="D33" s="182">
        <v>0</v>
      </c>
      <c r="E33" s="182">
        <v>0</v>
      </c>
      <c r="F33" s="183">
        <v>0</v>
      </c>
      <c r="G33" s="184">
        <v>0</v>
      </c>
      <c r="H33" s="184">
        <v>2</v>
      </c>
      <c r="I33" s="184">
        <v>1</v>
      </c>
      <c r="J33" s="182">
        <v>0</v>
      </c>
      <c r="K33" s="185">
        <v>3</v>
      </c>
      <c r="L33" s="186">
        <v>3</v>
      </c>
      <c r="M33" s="181">
        <v>0</v>
      </c>
      <c r="N33" s="182">
        <v>0</v>
      </c>
      <c r="O33" s="185">
        <v>0</v>
      </c>
      <c r="P33" s="188">
        <v>0</v>
      </c>
      <c r="Q33" s="184">
        <v>0</v>
      </c>
      <c r="R33" s="184">
        <v>1</v>
      </c>
      <c r="S33" s="184">
        <v>0</v>
      </c>
      <c r="T33" s="182">
        <v>0</v>
      </c>
      <c r="U33" s="185">
        <v>1</v>
      </c>
      <c r="V33" s="189">
        <v>1</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2</v>
      </c>
      <c r="J34" s="182">
        <v>0</v>
      </c>
      <c r="K34" s="185">
        <v>3</v>
      </c>
      <c r="L34" s="186">
        <v>3</v>
      </c>
      <c r="M34" s="181">
        <v>0</v>
      </c>
      <c r="N34" s="182">
        <v>0</v>
      </c>
      <c r="O34" s="185">
        <v>0</v>
      </c>
      <c r="P34" s="188">
        <v>1</v>
      </c>
      <c r="Q34" s="184">
        <v>1</v>
      </c>
      <c r="R34" s="184">
        <v>0</v>
      </c>
      <c r="S34" s="184">
        <v>2</v>
      </c>
      <c r="T34" s="182">
        <v>0</v>
      </c>
      <c r="U34" s="185">
        <v>4</v>
      </c>
      <c r="V34" s="189">
        <v>4</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0</v>
      </c>
      <c r="S35" s="184">
        <v>0</v>
      </c>
      <c r="T35" s="182">
        <v>0</v>
      </c>
      <c r="U35" s="185">
        <v>0</v>
      </c>
      <c r="V35" s="189">
        <v>0</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1</v>
      </c>
      <c r="AL35" s="184">
        <v>0</v>
      </c>
      <c r="AM35" s="184">
        <v>0</v>
      </c>
      <c r="AN35" s="182">
        <v>1</v>
      </c>
      <c r="AO35" s="185">
        <v>2</v>
      </c>
      <c r="AP35" s="187">
        <v>2</v>
      </c>
      <c r="AQ35" s="32"/>
    </row>
    <row r="36" spans="2:43" ht="21" customHeight="1" x14ac:dyDescent="0.2">
      <c r="B36" s="472" t="s">
        <v>34</v>
      </c>
      <c r="C36" s="181">
        <v>0</v>
      </c>
      <c r="D36" s="182">
        <v>0</v>
      </c>
      <c r="E36" s="182">
        <v>0</v>
      </c>
      <c r="F36" s="183">
        <v>0</v>
      </c>
      <c r="G36" s="184">
        <v>0</v>
      </c>
      <c r="H36" s="184">
        <v>1</v>
      </c>
      <c r="I36" s="184">
        <v>0</v>
      </c>
      <c r="J36" s="182">
        <v>0</v>
      </c>
      <c r="K36" s="185">
        <v>1</v>
      </c>
      <c r="L36" s="186">
        <v>1</v>
      </c>
      <c r="M36" s="181">
        <v>0</v>
      </c>
      <c r="N36" s="182">
        <v>0</v>
      </c>
      <c r="O36" s="185">
        <v>0</v>
      </c>
      <c r="P36" s="188">
        <v>0</v>
      </c>
      <c r="Q36" s="184">
        <v>0</v>
      </c>
      <c r="R36" s="184">
        <v>1</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3</v>
      </c>
      <c r="K37" s="185">
        <v>4</v>
      </c>
      <c r="L37" s="186">
        <v>4</v>
      </c>
      <c r="M37" s="181">
        <v>0</v>
      </c>
      <c r="N37" s="182">
        <v>0</v>
      </c>
      <c r="O37" s="185">
        <v>0</v>
      </c>
      <c r="P37" s="188">
        <v>2</v>
      </c>
      <c r="Q37" s="184">
        <v>0</v>
      </c>
      <c r="R37" s="184">
        <v>3</v>
      </c>
      <c r="S37" s="184">
        <v>0</v>
      </c>
      <c r="T37" s="182">
        <v>0</v>
      </c>
      <c r="U37" s="185">
        <v>5</v>
      </c>
      <c r="V37" s="189">
        <v>5</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0</v>
      </c>
      <c r="I38" s="184">
        <v>2</v>
      </c>
      <c r="J38" s="182">
        <v>2</v>
      </c>
      <c r="K38" s="185">
        <v>4</v>
      </c>
      <c r="L38" s="186">
        <v>4</v>
      </c>
      <c r="M38" s="181">
        <v>0</v>
      </c>
      <c r="N38" s="182">
        <v>0</v>
      </c>
      <c r="O38" s="185">
        <v>0</v>
      </c>
      <c r="P38" s="188">
        <v>0</v>
      </c>
      <c r="Q38" s="184">
        <v>0</v>
      </c>
      <c r="R38" s="184">
        <v>1</v>
      </c>
      <c r="S38" s="184">
        <v>1</v>
      </c>
      <c r="T38" s="182">
        <v>0</v>
      </c>
      <c r="U38" s="185">
        <v>2</v>
      </c>
      <c r="V38" s="189">
        <v>2</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1</v>
      </c>
      <c r="I39" s="193">
        <v>0</v>
      </c>
      <c r="J39" s="191">
        <v>0</v>
      </c>
      <c r="K39" s="194">
        <v>1</v>
      </c>
      <c r="L39" s="195">
        <v>1</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H1:I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22"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15" t="s">
        <v>56</v>
      </c>
      <c r="F1" s="468">
        <f>第１表!F2</f>
        <v>5</v>
      </c>
      <c r="G1" s="233">
        <f>第１表!G2</f>
        <v>9</v>
      </c>
      <c r="H1" s="582">
        <f>IF(G1&lt;3,G1-2+12,G1-2)</f>
        <v>7</v>
      </c>
      <c r="I1" s="582"/>
    </row>
    <row r="2" spans="2:43" ht="24" customHeight="1" thickBot="1" x14ac:dyDescent="0.25">
      <c r="B2" s="15" t="s">
        <v>158</v>
      </c>
      <c r="F2" s="15" t="s">
        <v>139</v>
      </c>
    </row>
    <row r="3" spans="2:43" ht="21" customHeight="1" x14ac:dyDescent="0.2">
      <c r="B3" s="548"/>
      <c r="C3" s="551" t="s">
        <v>57</v>
      </c>
      <c r="D3" s="552"/>
      <c r="E3" s="552"/>
      <c r="F3" s="552"/>
      <c r="G3" s="552"/>
      <c r="H3" s="552"/>
      <c r="I3" s="552"/>
      <c r="J3" s="552"/>
      <c r="K3" s="552"/>
      <c r="L3" s="552"/>
      <c r="M3" s="551" t="s">
        <v>58</v>
      </c>
      <c r="N3" s="554"/>
      <c r="O3" s="554"/>
      <c r="P3" s="554"/>
      <c r="Q3" s="554"/>
      <c r="R3" s="554"/>
      <c r="S3" s="554"/>
      <c r="T3" s="554"/>
      <c r="U3" s="554"/>
      <c r="V3" s="554"/>
      <c r="W3" s="551" t="s">
        <v>59</v>
      </c>
      <c r="X3" s="552"/>
      <c r="Y3" s="552"/>
      <c r="Z3" s="552"/>
      <c r="AA3" s="552"/>
      <c r="AB3" s="552"/>
      <c r="AC3" s="552"/>
      <c r="AD3" s="552"/>
      <c r="AE3" s="552"/>
      <c r="AF3" s="552"/>
      <c r="AG3" s="580" t="s">
        <v>150</v>
      </c>
      <c r="AH3" s="552"/>
      <c r="AI3" s="552"/>
      <c r="AJ3" s="552"/>
      <c r="AK3" s="552"/>
      <c r="AL3" s="552"/>
      <c r="AM3" s="552"/>
      <c r="AN3" s="552"/>
      <c r="AO3" s="552"/>
      <c r="AP3" s="553"/>
    </row>
    <row r="4" spans="2:43" ht="21" customHeight="1" x14ac:dyDescent="0.2">
      <c r="B4" s="550"/>
      <c r="C4" s="556" t="s">
        <v>61</v>
      </c>
      <c r="D4" s="557"/>
      <c r="E4" s="558"/>
      <c r="F4" s="559" t="s">
        <v>62</v>
      </c>
      <c r="G4" s="560"/>
      <c r="H4" s="560"/>
      <c r="I4" s="560"/>
      <c r="J4" s="560"/>
      <c r="K4" s="561"/>
      <c r="L4" s="572" t="s">
        <v>52</v>
      </c>
      <c r="M4" s="556" t="s">
        <v>61</v>
      </c>
      <c r="N4" s="557"/>
      <c r="O4" s="558"/>
      <c r="P4" s="559" t="s">
        <v>62</v>
      </c>
      <c r="Q4" s="560"/>
      <c r="R4" s="560"/>
      <c r="S4" s="560"/>
      <c r="T4" s="560"/>
      <c r="U4" s="561"/>
      <c r="V4" s="562" t="s">
        <v>52</v>
      </c>
      <c r="W4" s="556" t="s">
        <v>61</v>
      </c>
      <c r="X4" s="557"/>
      <c r="Y4" s="558"/>
      <c r="Z4" s="559" t="s">
        <v>62</v>
      </c>
      <c r="AA4" s="560"/>
      <c r="AB4" s="560"/>
      <c r="AC4" s="560"/>
      <c r="AD4" s="560"/>
      <c r="AE4" s="561"/>
      <c r="AF4" s="572" t="s">
        <v>52</v>
      </c>
      <c r="AG4" s="556" t="s">
        <v>61</v>
      </c>
      <c r="AH4" s="557"/>
      <c r="AI4" s="558"/>
      <c r="AJ4" s="559" t="s">
        <v>62</v>
      </c>
      <c r="AK4" s="560"/>
      <c r="AL4" s="560"/>
      <c r="AM4" s="560"/>
      <c r="AN4" s="560"/>
      <c r="AO4" s="561"/>
      <c r="AP4" s="562" t="s">
        <v>52</v>
      </c>
    </row>
    <row r="5" spans="2:43" ht="30" customHeight="1" thickBot="1" x14ac:dyDescent="0.25">
      <c r="B5" s="338" t="s">
        <v>42</v>
      </c>
      <c r="C5" s="26" t="s">
        <v>43</v>
      </c>
      <c r="D5" s="27" t="s">
        <v>44</v>
      </c>
      <c r="E5" s="27" t="s">
        <v>45</v>
      </c>
      <c r="F5" s="28" t="s">
        <v>47</v>
      </c>
      <c r="G5" s="29" t="s">
        <v>48</v>
      </c>
      <c r="H5" s="29" t="s">
        <v>49</v>
      </c>
      <c r="I5" s="30" t="s">
        <v>50</v>
      </c>
      <c r="J5" s="27" t="s">
        <v>51</v>
      </c>
      <c r="K5" s="31" t="s">
        <v>95</v>
      </c>
      <c r="L5" s="571"/>
      <c r="M5" s="26" t="s">
        <v>43</v>
      </c>
      <c r="N5" s="27" t="s">
        <v>44</v>
      </c>
      <c r="O5" s="31" t="s">
        <v>45</v>
      </c>
      <c r="P5" s="12" t="s">
        <v>47</v>
      </c>
      <c r="Q5" s="29" t="s">
        <v>48</v>
      </c>
      <c r="R5" s="29" t="s">
        <v>49</v>
      </c>
      <c r="S5" s="30" t="s">
        <v>50</v>
      </c>
      <c r="T5" s="27" t="s">
        <v>51</v>
      </c>
      <c r="U5" s="31" t="s">
        <v>45</v>
      </c>
      <c r="V5" s="563"/>
      <c r="W5" s="26" t="s">
        <v>43</v>
      </c>
      <c r="X5" s="27" t="s">
        <v>44</v>
      </c>
      <c r="Y5" s="27" t="s">
        <v>45</v>
      </c>
      <c r="Z5" s="28" t="s">
        <v>47</v>
      </c>
      <c r="AA5" s="29" t="s">
        <v>48</v>
      </c>
      <c r="AB5" s="29" t="s">
        <v>49</v>
      </c>
      <c r="AC5" s="30" t="s">
        <v>50</v>
      </c>
      <c r="AD5" s="27" t="s">
        <v>51</v>
      </c>
      <c r="AE5" s="31" t="s">
        <v>45</v>
      </c>
      <c r="AF5" s="571"/>
      <c r="AG5" s="26" t="s">
        <v>43</v>
      </c>
      <c r="AH5" s="27" t="s">
        <v>44</v>
      </c>
      <c r="AI5" s="27" t="s">
        <v>45</v>
      </c>
      <c r="AJ5" s="28" t="s">
        <v>47</v>
      </c>
      <c r="AK5" s="29" t="s">
        <v>48</v>
      </c>
      <c r="AL5" s="29" t="s">
        <v>49</v>
      </c>
      <c r="AM5" s="30" t="s">
        <v>50</v>
      </c>
      <c r="AN5" s="27" t="s">
        <v>51</v>
      </c>
      <c r="AO5" s="31" t="s">
        <v>45</v>
      </c>
      <c r="AP5" s="563"/>
    </row>
    <row r="6" spans="2:43" ht="21" customHeight="1" x14ac:dyDescent="0.2">
      <c r="B6" s="470" t="s">
        <v>4</v>
      </c>
      <c r="C6" s="172">
        <v>0</v>
      </c>
      <c r="D6" s="173">
        <v>0</v>
      </c>
      <c r="E6" s="173">
        <v>0</v>
      </c>
      <c r="F6" s="174">
        <v>6</v>
      </c>
      <c r="G6" s="175">
        <v>40</v>
      </c>
      <c r="H6" s="175">
        <v>273</v>
      </c>
      <c r="I6" s="175">
        <v>424</v>
      </c>
      <c r="J6" s="173">
        <v>299</v>
      </c>
      <c r="K6" s="176">
        <v>1042</v>
      </c>
      <c r="L6" s="177">
        <v>1042</v>
      </c>
      <c r="M6" s="172">
        <v>0</v>
      </c>
      <c r="N6" s="173">
        <v>0</v>
      </c>
      <c r="O6" s="176">
        <v>0</v>
      </c>
      <c r="P6" s="179">
        <v>44</v>
      </c>
      <c r="Q6" s="175">
        <v>129</v>
      </c>
      <c r="R6" s="175">
        <v>199</v>
      </c>
      <c r="S6" s="175">
        <v>257</v>
      </c>
      <c r="T6" s="173">
        <v>133</v>
      </c>
      <c r="U6" s="176">
        <v>762</v>
      </c>
      <c r="V6" s="180">
        <v>762</v>
      </c>
      <c r="W6" s="179">
        <v>0</v>
      </c>
      <c r="X6" s="173">
        <v>0</v>
      </c>
      <c r="Y6" s="173">
        <v>0</v>
      </c>
      <c r="Z6" s="174">
        <v>0</v>
      </c>
      <c r="AA6" s="175">
        <v>0</v>
      </c>
      <c r="AB6" s="175">
        <v>0</v>
      </c>
      <c r="AC6" s="175">
        <v>9</v>
      </c>
      <c r="AD6" s="173">
        <v>14</v>
      </c>
      <c r="AE6" s="176">
        <v>23</v>
      </c>
      <c r="AF6" s="177">
        <v>23</v>
      </c>
      <c r="AG6" s="172">
        <v>0</v>
      </c>
      <c r="AH6" s="173">
        <v>0</v>
      </c>
      <c r="AI6" s="173">
        <v>0</v>
      </c>
      <c r="AJ6" s="174">
        <v>0</v>
      </c>
      <c r="AK6" s="175">
        <v>1</v>
      </c>
      <c r="AL6" s="175">
        <v>2</v>
      </c>
      <c r="AM6" s="175">
        <v>11</v>
      </c>
      <c r="AN6" s="173">
        <v>25</v>
      </c>
      <c r="AO6" s="176">
        <v>39</v>
      </c>
      <c r="AP6" s="178">
        <v>39</v>
      </c>
      <c r="AQ6" s="32"/>
    </row>
    <row r="7" spans="2:43" ht="21" customHeight="1" x14ac:dyDescent="0.2">
      <c r="B7" s="471" t="s">
        <v>5</v>
      </c>
      <c r="C7" s="181">
        <v>0</v>
      </c>
      <c r="D7" s="182">
        <v>0</v>
      </c>
      <c r="E7" s="182">
        <v>0</v>
      </c>
      <c r="F7" s="183">
        <v>2</v>
      </c>
      <c r="G7" s="184">
        <v>29</v>
      </c>
      <c r="H7" s="184">
        <v>144</v>
      </c>
      <c r="I7" s="184">
        <v>181</v>
      </c>
      <c r="J7" s="182">
        <v>131</v>
      </c>
      <c r="K7" s="185">
        <v>487</v>
      </c>
      <c r="L7" s="186">
        <v>487</v>
      </c>
      <c r="M7" s="181">
        <v>0</v>
      </c>
      <c r="N7" s="182">
        <v>0</v>
      </c>
      <c r="O7" s="185">
        <v>0</v>
      </c>
      <c r="P7" s="188">
        <v>16</v>
      </c>
      <c r="Q7" s="184">
        <v>61</v>
      </c>
      <c r="R7" s="184">
        <v>100</v>
      </c>
      <c r="S7" s="184">
        <v>130</v>
      </c>
      <c r="T7" s="182">
        <v>62</v>
      </c>
      <c r="U7" s="185">
        <v>369</v>
      </c>
      <c r="V7" s="189">
        <v>369</v>
      </c>
      <c r="W7" s="188">
        <v>0</v>
      </c>
      <c r="X7" s="182">
        <v>0</v>
      </c>
      <c r="Y7" s="182">
        <v>0</v>
      </c>
      <c r="Z7" s="183">
        <v>0</v>
      </c>
      <c r="AA7" s="184">
        <v>0</v>
      </c>
      <c r="AB7" s="184">
        <v>0</v>
      </c>
      <c r="AC7" s="184">
        <v>4</v>
      </c>
      <c r="AD7" s="182">
        <v>6</v>
      </c>
      <c r="AE7" s="185">
        <v>10</v>
      </c>
      <c r="AF7" s="186">
        <v>10</v>
      </c>
      <c r="AG7" s="181">
        <v>0</v>
      </c>
      <c r="AH7" s="182">
        <v>0</v>
      </c>
      <c r="AI7" s="182">
        <v>0</v>
      </c>
      <c r="AJ7" s="183">
        <v>0</v>
      </c>
      <c r="AK7" s="184">
        <v>0</v>
      </c>
      <c r="AL7" s="184">
        <v>0</v>
      </c>
      <c r="AM7" s="184">
        <v>7</v>
      </c>
      <c r="AN7" s="182">
        <v>10</v>
      </c>
      <c r="AO7" s="185">
        <v>17</v>
      </c>
      <c r="AP7" s="187">
        <v>17</v>
      </c>
      <c r="AQ7" s="32"/>
    </row>
    <row r="8" spans="2:43" ht="21" customHeight="1" x14ac:dyDescent="0.2">
      <c r="B8" s="472" t="s">
        <v>6</v>
      </c>
      <c r="C8" s="181">
        <v>0</v>
      </c>
      <c r="D8" s="182">
        <v>0</v>
      </c>
      <c r="E8" s="182">
        <v>0</v>
      </c>
      <c r="F8" s="183">
        <v>2</v>
      </c>
      <c r="G8" s="184">
        <v>3</v>
      </c>
      <c r="H8" s="184">
        <v>29</v>
      </c>
      <c r="I8" s="184">
        <v>58</v>
      </c>
      <c r="J8" s="182">
        <v>37</v>
      </c>
      <c r="K8" s="185">
        <v>129</v>
      </c>
      <c r="L8" s="186">
        <v>129</v>
      </c>
      <c r="M8" s="181">
        <v>0</v>
      </c>
      <c r="N8" s="182">
        <v>0</v>
      </c>
      <c r="O8" s="185">
        <v>0</v>
      </c>
      <c r="P8" s="188">
        <v>9</v>
      </c>
      <c r="Q8" s="184">
        <v>15</v>
      </c>
      <c r="R8" s="184">
        <v>21</v>
      </c>
      <c r="S8" s="184">
        <v>38</v>
      </c>
      <c r="T8" s="182">
        <v>19</v>
      </c>
      <c r="U8" s="185">
        <v>102</v>
      </c>
      <c r="V8" s="189">
        <v>102</v>
      </c>
      <c r="W8" s="188">
        <v>0</v>
      </c>
      <c r="X8" s="182">
        <v>0</v>
      </c>
      <c r="Y8" s="182">
        <v>0</v>
      </c>
      <c r="Z8" s="183">
        <v>0</v>
      </c>
      <c r="AA8" s="184">
        <v>0</v>
      </c>
      <c r="AB8" s="184">
        <v>0</v>
      </c>
      <c r="AC8" s="184">
        <v>5</v>
      </c>
      <c r="AD8" s="182">
        <v>4</v>
      </c>
      <c r="AE8" s="185">
        <v>9</v>
      </c>
      <c r="AF8" s="186">
        <v>9</v>
      </c>
      <c r="AG8" s="181">
        <v>0</v>
      </c>
      <c r="AH8" s="182">
        <v>0</v>
      </c>
      <c r="AI8" s="182">
        <v>0</v>
      </c>
      <c r="AJ8" s="183">
        <v>0</v>
      </c>
      <c r="AK8" s="184">
        <v>0</v>
      </c>
      <c r="AL8" s="184">
        <v>0</v>
      </c>
      <c r="AM8" s="184">
        <v>1</v>
      </c>
      <c r="AN8" s="182">
        <v>5</v>
      </c>
      <c r="AO8" s="185">
        <v>6</v>
      </c>
      <c r="AP8" s="187">
        <v>6</v>
      </c>
      <c r="AQ8" s="32"/>
    </row>
    <row r="9" spans="2:43" ht="21" customHeight="1" x14ac:dyDescent="0.2">
      <c r="B9" s="472" t="s">
        <v>14</v>
      </c>
      <c r="C9" s="181">
        <v>0</v>
      </c>
      <c r="D9" s="182">
        <v>0</v>
      </c>
      <c r="E9" s="182">
        <v>0</v>
      </c>
      <c r="F9" s="183">
        <v>0</v>
      </c>
      <c r="G9" s="184">
        <v>0</v>
      </c>
      <c r="H9" s="184">
        <v>20</v>
      </c>
      <c r="I9" s="184">
        <v>32</v>
      </c>
      <c r="J9" s="182">
        <v>22</v>
      </c>
      <c r="K9" s="185">
        <v>74</v>
      </c>
      <c r="L9" s="186">
        <v>74</v>
      </c>
      <c r="M9" s="181">
        <v>0</v>
      </c>
      <c r="N9" s="182">
        <v>0</v>
      </c>
      <c r="O9" s="185">
        <v>0</v>
      </c>
      <c r="P9" s="188">
        <v>0</v>
      </c>
      <c r="Q9" s="184">
        <v>7</v>
      </c>
      <c r="R9" s="184">
        <v>11</v>
      </c>
      <c r="S9" s="184">
        <v>15</v>
      </c>
      <c r="T9" s="182">
        <v>10</v>
      </c>
      <c r="U9" s="185">
        <v>43</v>
      </c>
      <c r="V9" s="189">
        <v>43</v>
      </c>
      <c r="W9" s="188">
        <v>0</v>
      </c>
      <c r="X9" s="182">
        <v>0</v>
      </c>
      <c r="Y9" s="182">
        <v>0</v>
      </c>
      <c r="Z9" s="183">
        <v>0</v>
      </c>
      <c r="AA9" s="184">
        <v>0</v>
      </c>
      <c r="AB9" s="184">
        <v>0</v>
      </c>
      <c r="AC9" s="184">
        <v>0</v>
      </c>
      <c r="AD9" s="182">
        <v>2</v>
      </c>
      <c r="AE9" s="185">
        <v>2</v>
      </c>
      <c r="AF9" s="186">
        <v>2</v>
      </c>
      <c r="AG9" s="181">
        <v>0</v>
      </c>
      <c r="AH9" s="182">
        <v>0</v>
      </c>
      <c r="AI9" s="182">
        <v>0</v>
      </c>
      <c r="AJ9" s="183">
        <v>0</v>
      </c>
      <c r="AK9" s="184">
        <v>0</v>
      </c>
      <c r="AL9" s="184">
        <v>1</v>
      </c>
      <c r="AM9" s="184">
        <v>1</v>
      </c>
      <c r="AN9" s="182">
        <v>2</v>
      </c>
      <c r="AO9" s="185">
        <v>4</v>
      </c>
      <c r="AP9" s="187">
        <v>4</v>
      </c>
      <c r="AQ9" s="32"/>
    </row>
    <row r="10" spans="2:43" ht="21" customHeight="1" x14ac:dyDescent="0.2">
      <c r="B10" s="472" t="s">
        <v>7</v>
      </c>
      <c r="C10" s="181">
        <v>0</v>
      </c>
      <c r="D10" s="182">
        <v>0</v>
      </c>
      <c r="E10" s="182">
        <v>0</v>
      </c>
      <c r="F10" s="183">
        <v>0</v>
      </c>
      <c r="G10" s="184">
        <v>1</v>
      </c>
      <c r="H10" s="184">
        <v>8</v>
      </c>
      <c r="I10" s="184">
        <v>18</v>
      </c>
      <c r="J10" s="182">
        <v>11</v>
      </c>
      <c r="K10" s="185">
        <v>38</v>
      </c>
      <c r="L10" s="186">
        <v>38</v>
      </c>
      <c r="M10" s="181">
        <v>0</v>
      </c>
      <c r="N10" s="182">
        <v>0</v>
      </c>
      <c r="O10" s="185">
        <v>0</v>
      </c>
      <c r="P10" s="188">
        <v>2</v>
      </c>
      <c r="Q10" s="184">
        <v>1</v>
      </c>
      <c r="R10" s="184">
        <v>6</v>
      </c>
      <c r="S10" s="184">
        <v>8</v>
      </c>
      <c r="T10" s="182">
        <v>2</v>
      </c>
      <c r="U10" s="185">
        <v>19</v>
      </c>
      <c r="V10" s="189">
        <v>19</v>
      </c>
      <c r="W10" s="188">
        <v>0</v>
      </c>
      <c r="X10" s="182">
        <v>0</v>
      </c>
      <c r="Y10" s="182">
        <v>0</v>
      </c>
      <c r="Z10" s="183">
        <v>0</v>
      </c>
      <c r="AA10" s="184">
        <v>0</v>
      </c>
      <c r="AB10" s="184">
        <v>0</v>
      </c>
      <c r="AC10" s="184">
        <v>0</v>
      </c>
      <c r="AD10" s="182">
        <v>0</v>
      </c>
      <c r="AE10" s="185">
        <v>0</v>
      </c>
      <c r="AF10" s="186">
        <v>0</v>
      </c>
      <c r="AG10" s="181">
        <v>0</v>
      </c>
      <c r="AH10" s="182">
        <v>0</v>
      </c>
      <c r="AI10" s="182">
        <v>0</v>
      </c>
      <c r="AJ10" s="183">
        <v>0</v>
      </c>
      <c r="AK10" s="184">
        <v>0</v>
      </c>
      <c r="AL10" s="184">
        <v>0</v>
      </c>
      <c r="AM10" s="184">
        <v>0</v>
      </c>
      <c r="AN10" s="182">
        <v>0</v>
      </c>
      <c r="AO10" s="185">
        <v>0</v>
      </c>
      <c r="AP10" s="187">
        <v>0</v>
      </c>
      <c r="AQ10" s="32"/>
    </row>
    <row r="11" spans="2:43" ht="21" customHeight="1" x14ac:dyDescent="0.2">
      <c r="B11" s="472" t="s">
        <v>8</v>
      </c>
      <c r="C11" s="181">
        <v>0</v>
      </c>
      <c r="D11" s="182">
        <v>0</v>
      </c>
      <c r="E11" s="182">
        <v>0</v>
      </c>
      <c r="F11" s="183">
        <v>1</v>
      </c>
      <c r="G11" s="184">
        <v>1</v>
      </c>
      <c r="H11" s="184">
        <v>6</v>
      </c>
      <c r="I11" s="184">
        <v>9</v>
      </c>
      <c r="J11" s="182">
        <v>6</v>
      </c>
      <c r="K11" s="185">
        <v>23</v>
      </c>
      <c r="L11" s="186">
        <v>23</v>
      </c>
      <c r="M11" s="181">
        <v>0</v>
      </c>
      <c r="N11" s="182">
        <v>0</v>
      </c>
      <c r="O11" s="185">
        <v>0</v>
      </c>
      <c r="P11" s="188">
        <v>1</v>
      </c>
      <c r="Q11" s="184">
        <v>3</v>
      </c>
      <c r="R11" s="184">
        <v>9</v>
      </c>
      <c r="S11" s="184">
        <v>6</v>
      </c>
      <c r="T11" s="182">
        <v>3</v>
      </c>
      <c r="U11" s="185">
        <v>22</v>
      </c>
      <c r="V11" s="189">
        <v>22</v>
      </c>
      <c r="W11" s="188">
        <v>0</v>
      </c>
      <c r="X11" s="182">
        <v>0</v>
      </c>
      <c r="Y11" s="182">
        <v>0</v>
      </c>
      <c r="Z11" s="183">
        <v>0</v>
      </c>
      <c r="AA11" s="184">
        <v>0</v>
      </c>
      <c r="AB11" s="184">
        <v>0</v>
      </c>
      <c r="AC11" s="184">
        <v>0</v>
      </c>
      <c r="AD11" s="182">
        <v>0</v>
      </c>
      <c r="AE11" s="185">
        <v>0</v>
      </c>
      <c r="AF11" s="186">
        <v>0</v>
      </c>
      <c r="AG11" s="181">
        <v>0</v>
      </c>
      <c r="AH11" s="182">
        <v>0</v>
      </c>
      <c r="AI11" s="182">
        <v>0</v>
      </c>
      <c r="AJ11" s="183">
        <v>0</v>
      </c>
      <c r="AK11" s="184">
        <v>1</v>
      </c>
      <c r="AL11" s="184">
        <v>1</v>
      </c>
      <c r="AM11" s="184">
        <v>0</v>
      </c>
      <c r="AN11" s="182">
        <v>0</v>
      </c>
      <c r="AO11" s="185">
        <v>2</v>
      </c>
      <c r="AP11" s="187">
        <v>2</v>
      </c>
      <c r="AQ11" s="32"/>
    </row>
    <row r="12" spans="2:43" ht="21" customHeight="1" x14ac:dyDescent="0.2">
      <c r="B12" s="472" t="s">
        <v>9</v>
      </c>
      <c r="C12" s="181">
        <v>0</v>
      </c>
      <c r="D12" s="182">
        <v>0</v>
      </c>
      <c r="E12" s="182">
        <v>0</v>
      </c>
      <c r="F12" s="183">
        <v>1</v>
      </c>
      <c r="G12" s="184">
        <v>0</v>
      </c>
      <c r="H12" s="184">
        <v>4</v>
      </c>
      <c r="I12" s="184">
        <v>16</v>
      </c>
      <c r="J12" s="182">
        <v>12</v>
      </c>
      <c r="K12" s="185">
        <v>33</v>
      </c>
      <c r="L12" s="186">
        <v>33</v>
      </c>
      <c r="M12" s="181">
        <v>0</v>
      </c>
      <c r="N12" s="182">
        <v>0</v>
      </c>
      <c r="O12" s="185">
        <v>0</v>
      </c>
      <c r="P12" s="188">
        <v>1</v>
      </c>
      <c r="Q12" s="184">
        <v>9</v>
      </c>
      <c r="R12" s="184">
        <v>7</v>
      </c>
      <c r="S12" s="184">
        <v>4</v>
      </c>
      <c r="T12" s="182">
        <v>9</v>
      </c>
      <c r="U12" s="185">
        <v>30</v>
      </c>
      <c r="V12" s="189">
        <v>30</v>
      </c>
      <c r="W12" s="188">
        <v>0</v>
      </c>
      <c r="X12" s="182">
        <v>0</v>
      </c>
      <c r="Y12" s="182">
        <v>0</v>
      </c>
      <c r="Z12" s="183">
        <v>0</v>
      </c>
      <c r="AA12" s="184">
        <v>0</v>
      </c>
      <c r="AB12" s="184">
        <v>0</v>
      </c>
      <c r="AC12" s="184">
        <v>0</v>
      </c>
      <c r="AD12" s="182">
        <v>0</v>
      </c>
      <c r="AE12" s="185">
        <v>0</v>
      </c>
      <c r="AF12" s="186">
        <v>0</v>
      </c>
      <c r="AG12" s="181">
        <v>0</v>
      </c>
      <c r="AH12" s="182">
        <v>0</v>
      </c>
      <c r="AI12" s="182">
        <v>0</v>
      </c>
      <c r="AJ12" s="183">
        <v>0</v>
      </c>
      <c r="AK12" s="184">
        <v>0</v>
      </c>
      <c r="AL12" s="184">
        <v>0</v>
      </c>
      <c r="AM12" s="184">
        <v>0</v>
      </c>
      <c r="AN12" s="182">
        <v>0</v>
      </c>
      <c r="AO12" s="185">
        <v>0</v>
      </c>
      <c r="AP12" s="187">
        <v>0</v>
      </c>
      <c r="AQ12" s="32"/>
    </row>
    <row r="13" spans="2:43" ht="21" customHeight="1" x14ac:dyDescent="0.2">
      <c r="B13" s="472" t="s">
        <v>10</v>
      </c>
      <c r="C13" s="181">
        <v>0</v>
      </c>
      <c r="D13" s="182">
        <v>0</v>
      </c>
      <c r="E13" s="182">
        <v>0</v>
      </c>
      <c r="F13" s="183">
        <v>0</v>
      </c>
      <c r="G13" s="184">
        <v>0</v>
      </c>
      <c r="H13" s="184">
        <v>11</v>
      </c>
      <c r="I13" s="184">
        <v>16</v>
      </c>
      <c r="J13" s="182">
        <v>20</v>
      </c>
      <c r="K13" s="185">
        <v>47</v>
      </c>
      <c r="L13" s="186">
        <v>47</v>
      </c>
      <c r="M13" s="181">
        <v>0</v>
      </c>
      <c r="N13" s="182">
        <v>0</v>
      </c>
      <c r="O13" s="185">
        <v>0</v>
      </c>
      <c r="P13" s="188">
        <v>1</v>
      </c>
      <c r="Q13" s="184">
        <v>2</v>
      </c>
      <c r="R13" s="184">
        <v>6</v>
      </c>
      <c r="S13" s="184">
        <v>5</v>
      </c>
      <c r="T13" s="182">
        <v>4</v>
      </c>
      <c r="U13" s="185">
        <v>18</v>
      </c>
      <c r="V13" s="189">
        <v>18</v>
      </c>
      <c r="W13" s="188">
        <v>0</v>
      </c>
      <c r="X13" s="182">
        <v>0</v>
      </c>
      <c r="Y13" s="182">
        <v>0</v>
      </c>
      <c r="Z13" s="183">
        <v>0</v>
      </c>
      <c r="AA13" s="184">
        <v>0</v>
      </c>
      <c r="AB13" s="184">
        <v>0</v>
      </c>
      <c r="AC13" s="184">
        <v>0</v>
      </c>
      <c r="AD13" s="182">
        <v>1</v>
      </c>
      <c r="AE13" s="185">
        <v>1</v>
      </c>
      <c r="AF13" s="186">
        <v>1</v>
      </c>
      <c r="AG13" s="181">
        <v>0</v>
      </c>
      <c r="AH13" s="182">
        <v>0</v>
      </c>
      <c r="AI13" s="182">
        <v>0</v>
      </c>
      <c r="AJ13" s="183">
        <v>0</v>
      </c>
      <c r="AK13" s="184">
        <v>0</v>
      </c>
      <c r="AL13" s="184">
        <v>0</v>
      </c>
      <c r="AM13" s="184">
        <v>0</v>
      </c>
      <c r="AN13" s="182">
        <v>0</v>
      </c>
      <c r="AO13" s="185">
        <v>0</v>
      </c>
      <c r="AP13" s="187">
        <v>0</v>
      </c>
      <c r="AQ13" s="32"/>
    </row>
    <row r="14" spans="2:43" ht="21" customHeight="1" x14ac:dyDescent="0.2">
      <c r="B14" s="472" t="s">
        <v>11</v>
      </c>
      <c r="C14" s="181">
        <v>0</v>
      </c>
      <c r="D14" s="182">
        <v>0</v>
      </c>
      <c r="E14" s="182">
        <v>0</v>
      </c>
      <c r="F14" s="183">
        <v>0</v>
      </c>
      <c r="G14" s="184">
        <v>0</v>
      </c>
      <c r="H14" s="184">
        <v>4</v>
      </c>
      <c r="I14" s="184">
        <v>5</v>
      </c>
      <c r="J14" s="182">
        <v>10</v>
      </c>
      <c r="K14" s="185">
        <v>19</v>
      </c>
      <c r="L14" s="186">
        <v>19</v>
      </c>
      <c r="M14" s="181">
        <v>0</v>
      </c>
      <c r="N14" s="182">
        <v>0</v>
      </c>
      <c r="O14" s="185">
        <v>0</v>
      </c>
      <c r="P14" s="188">
        <v>0</v>
      </c>
      <c r="Q14" s="184">
        <v>3</v>
      </c>
      <c r="R14" s="184">
        <v>5</v>
      </c>
      <c r="S14" s="184">
        <v>4</v>
      </c>
      <c r="T14" s="182">
        <v>0</v>
      </c>
      <c r="U14" s="185">
        <v>12</v>
      </c>
      <c r="V14" s="189">
        <v>12</v>
      </c>
      <c r="W14" s="188">
        <v>0</v>
      </c>
      <c r="X14" s="182">
        <v>0</v>
      </c>
      <c r="Y14" s="182">
        <v>0</v>
      </c>
      <c r="Z14" s="183">
        <v>0</v>
      </c>
      <c r="AA14" s="184">
        <v>0</v>
      </c>
      <c r="AB14" s="184">
        <v>0</v>
      </c>
      <c r="AC14" s="184">
        <v>0</v>
      </c>
      <c r="AD14" s="182">
        <v>0</v>
      </c>
      <c r="AE14" s="185">
        <v>0</v>
      </c>
      <c r="AF14" s="186">
        <v>0</v>
      </c>
      <c r="AG14" s="181">
        <v>0</v>
      </c>
      <c r="AH14" s="182">
        <v>0</v>
      </c>
      <c r="AI14" s="182">
        <v>0</v>
      </c>
      <c r="AJ14" s="183">
        <v>0</v>
      </c>
      <c r="AK14" s="184">
        <v>0</v>
      </c>
      <c r="AL14" s="184">
        <v>0</v>
      </c>
      <c r="AM14" s="184">
        <v>0</v>
      </c>
      <c r="AN14" s="182">
        <v>0</v>
      </c>
      <c r="AO14" s="185">
        <v>0</v>
      </c>
      <c r="AP14" s="187">
        <v>0</v>
      </c>
      <c r="AQ14" s="32"/>
    </row>
    <row r="15" spans="2:43" ht="21" customHeight="1" x14ac:dyDescent="0.2">
      <c r="B15" s="472" t="s">
        <v>12</v>
      </c>
      <c r="C15" s="181">
        <v>0</v>
      </c>
      <c r="D15" s="182">
        <v>0</v>
      </c>
      <c r="E15" s="182">
        <v>0</v>
      </c>
      <c r="F15" s="183">
        <v>0</v>
      </c>
      <c r="G15" s="184">
        <v>1</v>
      </c>
      <c r="H15" s="184">
        <v>3</v>
      </c>
      <c r="I15" s="184">
        <v>9</v>
      </c>
      <c r="J15" s="182">
        <v>5</v>
      </c>
      <c r="K15" s="185">
        <v>18</v>
      </c>
      <c r="L15" s="186">
        <v>18</v>
      </c>
      <c r="M15" s="181">
        <v>0</v>
      </c>
      <c r="N15" s="182">
        <v>0</v>
      </c>
      <c r="O15" s="185">
        <v>0</v>
      </c>
      <c r="P15" s="188">
        <v>0</v>
      </c>
      <c r="Q15" s="184">
        <v>2</v>
      </c>
      <c r="R15" s="184">
        <v>6</v>
      </c>
      <c r="S15" s="184">
        <v>6</v>
      </c>
      <c r="T15" s="182">
        <v>3</v>
      </c>
      <c r="U15" s="185">
        <v>17</v>
      </c>
      <c r="V15" s="189">
        <v>17</v>
      </c>
      <c r="W15" s="188">
        <v>0</v>
      </c>
      <c r="X15" s="182">
        <v>0</v>
      </c>
      <c r="Y15" s="182">
        <v>0</v>
      </c>
      <c r="Z15" s="183">
        <v>0</v>
      </c>
      <c r="AA15" s="184">
        <v>0</v>
      </c>
      <c r="AB15" s="184">
        <v>0</v>
      </c>
      <c r="AC15" s="184">
        <v>0</v>
      </c>
      <c r="AD15" s="182">
        <v>0</v>
      </c>
      <c r="AE15" s="185">
        <v>0</v>
      </c>
      <c r="AF15" s="186">
        <v>0</v>
      </c>
      <c r="AG15" s="181">
        <v>0</v>
      </c>
      <c r="AH15" s="182">
        <v>0</v>
      </c>
      <c r="AI15" s="182">
        <v>0</v>
      </c>
      <c r="AJ15" s="183">
        <v>0</v>
      </c>
      <c r="AK15" s="184">
        <v>0</v>
      </c>
      <c r="AL15" s="184">
        <v>0</v>
      </c>
      <c r="AM15" s="184">
        <v>1</v>
      </c>
      <c r="AN15" s="182">
        <v>0</v>
      </c>
      <c r="AO15" s="185">
        <v>1</v>
      </c>
      <c r="AP15" s="187">
        <v>1</v>
      </c>
      <c r="AQ15" s="32"/>
    </row>
    <row r="16" spans="2:43" ht="21" customHeight="1" x14ac:dyDescent="0.2">
      <c r="B16" s="472" t="s">
        <v>13</v>
      </c>
      <c r="C16" s="181">
        <v>0</v>
      </c>
      <c r="D16" s="182">
        <v>0</v>
      </c>
      <c r="E16" s="182">
        <v>0</v>
      </c>
      <c r="F16" s="183">
        <v>0</v>
      </c>
      <c r="G16" s="184">
        <v>0</v>
      </c>
      <c r="H16" s="184">
        <v>2</v>
      </c>
      <c r="I16" s="184">
        <v>6</v>
      </c>
      <c r="J16" s="182">
        <v>6</v>
      </c>
      <c r="K16" s="185">
        <v>14</v>
      </c>
      <c r="L16" s="186">
        <v>14</v>
      </c>
      <c r="M16" s="181">
        <v>0</v>
      </c>
      <c r="N16" s="182">
        <v>0</v>
      </c>
      <c r="O16" s="185">
        <v>0</v>
      </c>
      <c r="P16" s="188">
        <v>1</v>
      </c>
      <c r="Q16" s="184">
        <v>2</v>
      </c>
      <c r="R16" s="184">
        <v>2</v>
      </c>
      <c r="S16" s="184">
        <v>2</v>
      </c>
      <c r="T16" s="182">
        <v>3</v>
      </c>
      <c r="U16" s="185">
        <v>10</v>
      </c>
      <c r="V16" s="189">
        <v>10</v>
      </c>
      <c r="W16" s="188">
        <v>0</v>
      </c>
      <c r="X16" s="182">
        <v>0</v>
      </c>
      <c r="Y16" s="182">
        <v>0</v>
      </c>
      <c r="Z16" s="183">
        <v>0</v>
      </c>
      <c r="AA16" s="184">
        <v>0</v>
      </c>
      <c r="AB16" s="184">
        <v>0</v>
      </c>
      <c r="AC16" s="184">
        <v>0</v>
      </c>
      <c r="AD16" s="182">
        <v>0</v>
      </c>
      <c r="AE16" s="185">
        <v>0</v>
      </c>
      <c r="AF16" s="186">
        <v>0</v>
      </c>
      <c r="AG16" s="181">
        <v>0</v>
      </c>
      <c r="AH16" s="182">
        <v>0</v>
      </c>
      <c r="AI16" s="182">
        <v>0</v>
      </c>
      <c r="AJ16" s="183">
        <v>0</v>
      </c>
      <c r="AK16" s="184">
        <v>0</v>
      </c>
      <c r="AL16" s="184">
        <v>0</v>
      </c>
      <c r="AM16" s="184">
        <v>0</v>
      </c>
      <c r="AN16" s="182">
        <v>0</v>
      </c>
      <c r="AO16" s="185">
        <v>0</v>
      </c>
      <c r="AP16" s="187">
        <v>0</v>
      </c>
      <c r="AQ16" s="32"/>
    </row>
    <row r="17" spans="2:43" ht="21" customHeight="1" x14ac:dyDescent="0.2">
      <c r="B17" s="472" t="s">
        <v>15</v>
      </c>
      <c r="C17" s="181">
        <v>0</v>
      </c>
      <c r="D17" s="182">
        <v>0</v>
      </c>
      <c r="E17" s="182">
        <v>0</v>
      </c>
      <c r="F17" s="183">
        <v>0</v>
      </c>
      <c r="G17" s="184">
        <v>0</v>
      </c>
      <c r="H17" s="184">
        <v>1</v>
      </c>
      <c r="I17" s="184">
        <v>2</v>
      </c>
      <c r="J17" s="182">
        <v>1</v>
      </c>
      <c r="K17" s="185">
        <v>4</v>
      </c>
      <c r="L17" s="186">
        <v>4</v>
      </c>
      <c r="M17" s="181">
        <v>0</v>
      </c>
      <c r="N17" s="182">
        <v>0</v>
      </c>
      <c r="O17" s="185">
        <v>0</v>
      </c>
      <c r="P17" s="188">
        <v>0</v>
      </c>
      <c r="Q17" s="184">
        <v>0</v>
      </c>
      <c r="R17" s="184">
        <v>1</v>
      </c>
      <c r="S17" s="184">
        <v>3</v>
      </c>
      <c r="T17" s="182">
        <v>0</v>
      </c>
      <c r="U17" s="185">
        <v>4</v>
      </c>
      <c r="V17" s="189">
        <v>4</v>
      </c>
      <c r="W17" s="188">
        <v>0</v>
      </c>
      <c r="X17" s="182">
        <v>0</v>
      </c>
      <c r="Y17" s="182">
        <v>0</v>
      </c>
      <c r="Z17" s="183">
        <v>0</v>
      </c>
      <c r="AA17" s="184">
        <v>0</v>
      </c>
      <c r="AB17" s="184">
        <v>0</v>
      </c>
      <c r="AC17" s="184">
        <v>0</v>
      </c>
      <c r="AD17" s="182">
        <v>0</v>
      </c>
      <c r="AE17" s="185">
        <v>0</v>
      </c>
      <c r="AF17" s="186">
        <v>0</v>
      </c>
      <c r="AG17" s="181">
        <v>0</v>
      </c>
      <c r="AH17" s="182">
        <v>0</v>
      </c>
      <c r="AI17" s="182">
        <v>0</v>
      </c>
      <c r="AJ17" s="183">
        <v>0</v>
      </c>
      <c r="AK17" s="184">
        <v>0</v>
      </c>
      <c r="AL17" s="184">
        <v>0</v>
      </c>
      <c r="AM17" s="184">
        <v>0</v>
      </c>
      <c r="AN17" s="182">
        <v>0</v>
      </c>
      <c r="AO17" s="185">
        <v>0</v>
      </c>
      <c r="AP17" s="187">
        <v>0</v>
      </c>
      <c r="AQ17" s="32"/>
    </row>
    <row r="18" spans="2:43" ht="21" customHeight="1" x14ac:dyDescent="0.2">
      <c r="B18" s="472" t="s">
        <v>16</v>
      </c>
      <c r="C18" s="181">
        <v>0</v>
      </c>
      <c r="D18" s="182">
        <v>0</v>
      </c>
      <c r="E18" s="182">
        <v>0</v>
      </c>
      <c r="F18" s="183">
        <v>0</v>
      </c>
      <c r="G18" s="184">
        <v>0</v>
      </c>
      <c r="H18" s="184">
        <v>5</v>
      </c>
      <c r="I18" s="184">
        <v>9</v>
      </c>
      <c r="J18" s="182">
        <v>2</v>
      </c>
      <c r="K18" s="185">
        <v>16</v>
      </c>
      <c r="L18" s="186">
        <v>16</v>
      </c>
      <c r="M18" s="181">
        <v>0</v>
      </c>
      <c r="N18" s="182">
        <v>0</v>
      </c>
      <c r="O18" s="185">
        <v>0</v>
      </c>
      <c r="P18" s="188">
        <v>1</v>
      </c>
      <c r="Q18" s="184">
        <v>1</v>
      </c>
      <c r="R18" s="184">
        <v>4</v>
      </c>
      <c r="S18" s="184">
        <v>2</v>
      </c>
      <c r="T18" s="182">
        <v>3</v>
      </c>
      <c r="U18" s="185">
        <v>11</v>
      </c>
      <c r="V18" s="189">
        <v>11</v>
      </c>
      <c r="W18" s="188">
        <v>0</v>
      </c>
      <c r="X18" s="182">
        <v>0</v>
      </c>
      <c r="Y18" s="182">
        <v>0</v>
      </c>
      <c r="Z18" s="183">
        <v>0</v>
      </c>
      <c r="AA18" s="184">
        <v>0</v>
      </c>
      <c r="AB18" s="184">
        <v>0</v>
      </c>
      <c r="AC18" s="184">
        <v>0</v>
      </c>
      <c r="AD18" s="182">
        <v>0</v>
      </c>
      <c r="AE18" s="185">
        <v>0</v>
      </c>
      <c r="AF18" s="186">
        <v>0</v>
      </c>
      <c r="AG18" s="181">
        <v>0</v>
      </c>
      <c r="AH18" s="182">
        <v>0</v>
      </c>
      <c r="AI18" s="182">
        <v>0</v>
      </c>
      <c r="AJ18" s="183">
        <v>0</v>
      </c>
      <c r="AK18" s="184">
        <v>0</v>
      </c>
      <c r="AL18" s="184">
        <v>0</v>
      </c>
      <c r="AM18" s="184">
        <v>0</v>
      </c>
      <c r="AN18" s="182">
        <v>0</v>
      </c>
      <c r="AO18" s="185">
        <v>0</v>
      </c>
      <c r="AP18" s="187">
        <v>0</v>
      </c>
      <c r="AQ18" s="32"/>
    </row>
    <row r="19" spans="2:43" ht="21" customHeight="1" x14ac:dyDescent="0.2">
      <c r="B19" s="472" t="s">
        <v>17</v>
      </c>
      <c r="C19" s="181">
        <v>0</v>
      </c>
      <c r="D19" s="182">
        <v>0</v>
      </c>
      <c r="E19" s="182">
        <v>0</v>
      </c>
      <c r="F19" s="183">
        <v>0</v>
      </c>
      <c r="G19" s="184">
        <v>2</v>
      </c>
      <c r="H19" s="184">
        <v>8</v>
      </c>
      <c r="I19" s="184">
        <v>12</v>
      </c>
      <c r="J19" s="182">
        <v>5</v>
      </c>
      <c r="K19" s="185">
        <v>27</v>
      </c>
      <c r="L19" s="186">
        <v>27</v>
      </c>
      <c r="M19" s="181">
        <v>0</v>
      </c>
      <c r="N19" s="182">
        <v>0</v>
      </c>
      <c r="O19" s="185">
        <v>0</v>
      </c>
      <c r="P19" s="188">
        <v>1</v>
      </c>
      <c r="Q19" s="184">
        <v>5</v>
      </c>
      <c r="R19" s="184">
        <v>6</v>
      </c>
      <c r="S19" s="184">
        <v>7</v>
      </c>
      <c r="T19" s="182">
        <v>4</v>
      </c>
      <c r="U19" s="185">
        <v>23</v>
      </c>
      <c r="V19" s="189">
        <v>23</v>
      </c>
      <c r="W19" s="188">
        <v>0</v>
      </c>
      <c r="X19" s="182">
        <v>0</v>
      </c>
      <c r="Y19" s="182">
        <v>0</v>
      </c>
      <c r="Z19" s="183">
        <v>0</v>
      </c>
      <c r="AA19" s="184">
        <v>0</v>
      </c>
      <c r="AB19" s="184">
        <v>0</v>
      </c>
      <c r="AC19" s="184">
        <v>0</v>
      </c>
      <c r="AD19" s="182">
        <v>0</v>
      </c>
      <c r="AE19" s="185">
        <v>0</v>
      </c>
      <c r="AF19" s="186">
        <v>0</v>
      </c>
      <c r="AG19" s="181">
        <v>0</v>
      </c>
      <c r="AH19" s="182">
        <v>0</v>
      </c>
      <c r="AI19" s="182">
        <v>0</v>
      </c>
      <c r="AJ19" s="183">
        <v>0</v>
      </c>
      <c r="AK19" s="184">
        <v>0</v>
      </c>
      <c r="AL19" s="184">
        <v>0</v>
      </c>
      <c r="AM19" s="184">
        <v>0</v>
      </c>
      <c r="AN19" s="182">
        <v>1</v>
      </c>
      <c r="AO19" s="185">
        <v>1</v>
      </c>
      <c r="AP19" s="187">
        <v>1</v>
      </c>
      <c r="AQ19" s="32"/>
    </row>
    <row r="20" spans="2:43" ht="21" customHeight="1" x14ac:dyDescent="0.2">
      <c r="B20" s="472" t="s">
        <v>18</v>
      </c>
      <c r="C20" s="181">
        <v>0</v>
      </c>
      <c r="D20" s="182">
        <v>0</v>
      </c>
      <c r="E20" s="182">
        <v>0</v>
      </c>
      <c r="F20" s="183">
        <v>0</v>
      </c>
      <c r="G20" s="184">
        <v>1</v>
      </c>
      <c r="H20" s="184">
        <v>7</v>
      </c>
      <c r="I20" s="184">
        <v>13</v>
      </c>
      <c r="J20" s="182">
        <v>8</v>
      </c>
      <c r="K20" s="185">
        <v>29</v>
      </c>
      <c r="L20" s="186">
        <v>29</v>
      </c>
      <c r="M20" s="181">
        <v>0</v>
      </c>
      <c r="N20" s="182">
        <v>0</v>
      </c>
      <c r="O20" s="185">
        <v>0</v>
      </c>
      <c r="P20" s="188">
        <v>3</v>
      </c>
      <c r="Q20" s="184">
        <v>2</v>
      </c>
      <c r="R20" s="184">
        <v>4</v>
      </c>
      <c r="S20" s="184">
        <v>7</v>
      </c>
      <c r="T20" s="182">
        <v>4</v>
      </c>
      <c r="U20" s="185">
        <v>20</v>
      </c>
      <c r="V20" s="189">
        <v>20</v>
      </c>
      <c r="W20" s="188">
        <v>0</v>
      </c>
      <c r="X20" s="182">
        <v>0</v>
      </c>
      <c r="Y20" s="182">
        <v>0</v>
      </c>
      <c r="Z20" s="183">
        <v>0</v>
      </c>
      <c r="AA20" s="184">
        <v>0</v>
      </c>
      <c r="AB20" s="184">
        <v>0</v>
      </c>
      <c r="AC20" s="184">
        <v>0</v>
      </c>
      <c r="AD20" s="182">
        <v>1</v>
      </c>
      <c r="AE20" s="185">
        <v>1</v>
      </c>
      <c r="AF20" s="186">
        <v>1</v>
      </c>
      <c r="AG20" s="181">
        <v>0</v>
      </c>
      <c r="AH20" s="182">
        <v>0</v>
      </c>
      <c r="AI20" s="182">
        <v>0</v>
      </c>
      <c r="AJ20" s="183">
        <v>0</v>
      </c>
      <c r="AK20" s="184">
        <v>0</v>
      </c>
      <c r="AL20" s="184">
        <v>0</v>
      </c>
      <c r="AM20" s="184">
        <v>0</v>
      </c>
      <c r="AN20" s="182">
        <v>1</v>
      </c>
      <c r="AO20" s="185">
        <v>1</v>
      </c>
      <c r="AP20" s="187">
        <v>1</v>
      </c>
      <c r="AQ20" s="32"/>
    </row>
    <row r="21" spans="2:43" ht="21" customHeight="1" x14ac:dyDescent="0.2">
      <c r="B21" s="472" t="s">
        <v>19</v>
      </c>
      <c r="C21" s="181">
        <v>0</v>
      </c>
      <c r="D21" s="182">
        <v>0</v>
      </c>
      <c r="E21" s="182">
        <v>0</v>
      </c>
      <c r="F21" s="183">
        <v>0</v>
      </c>
      <c r="G21" s="184">
        <v>0</v>
      </c>
      <c r="H21" s="184">
        <v>2</v>
      </c>
      <c r="I21" s="184">
        <v>2</v>
      </c>
      <c r="J21" s="182">
        <v>2</v>
      </c>
      <c r="K21" s="185">
        <v>6</v>
      </c>
      <c r="L21" s="186">
        <v>6</v>
      </c>
      <c r="M21" s="181">
        <v>0</v>
      </c>
      <c r="N21" s="182">
        <v>0</v>
      </c>
      <c r="O21" s="185">
        <v>0</v>
      </c>
      <c r="P21" s="188">
        <v>0</v>
      </c>
      <c r="Q21" s="184">
        <v>3</v>
      </c>
      <c r="R21" s="184">
        <v>2</v>
      </c>
      <c r="S21" s="184">
        <v>3</v>
      </c>
      <c r="T21" s="182">
        <v>1</v>
      </c>
      <c r="U21" s="185">
        <v>9</v>
      </c>
      <c r="V21" s="189">
        <v>9</v>
      </c>
      <c r="W21" s="188">
        <v>0</v>
      </c>
      <c r="X21" s="182">
        <v>0</v>
      </c>
      <c r="Y21" s="182">
        <v>0</v>
      </c>
      <c r="Z21" s="183">
        <v>0</v>
      </c>
      <c r="AA21" s="184">
        <v>0</v>
      </c>
      <c r="AB21" s="184">
        <v>0</v>
      </c>
      <c r="AC21" s="184">
        <v>0</v>
      </c>
      <c r="AD21" s="182">
        <v>0</v>
      </c>
      <c r="AE21" s="185">
        <v>0</v>
      </c>
      <c r="AF21" s="186">
        <v>0</v>
      </c>
      <c r="AG21" s="181">
        <v>0</v>
      </c>
      <c r="AH21" s="182">
        <v>0</v>
      </c>
      <c r="AI21" s="182">
        <v>0</v>
      </c>
      <c r="AJ21" s="183">
        <v>0</v>
      </c>
      <c r="AK21" s="184">
        <v>0</v>
      </c>
      <c r="AL21" s="184">
        <v>0</v>
      </c>
      <c r="AM21" s="184">
        <v>0</v>
      </c>
      <c r="AN21" s="182">
        <v>0</v>
      </c>
      <c r="AO21" s="185">
        <v>0</v>
      </c>
      <c r="AP21" s="187">
        <v>0</v>
      </c>
      <c r="AQ21" s="32"/>
    </row>
    <row r="22" spans="2:43" ht="21" customHeight="1" x14ac:dyDescent="0.2">
      <c r="B22" s="472" t="s">
        <v>20</v>
      </c>
      <c r="C22" s="181">
        <v>0</v>
      </c>
      <c r="D22" s="182">
        <v>0</v>
      </c>
      <c r="E22" s="182">
        <v>0</v>
      </c>
      <c r="F22" s="183">
        <v>0</v>
      </c>
      <c r="G22" s="184">
        <v>1</v>
      </c>
      <c r="H22" s="184">
        <v>2</v>
      </c>
      <c r="I22" s="184">
        <v>10</v>
      </c>
      <c r="J22" s="182">
        <v>7</v>
      </c>
      <c r="K22" s="185">
        <v>20</v>
      </c>
      <c r="L22" s="186">
        <v>20</v>
      </c>
      <c r="M22" s="181">
        <v>0</v>
      </c>
      <c r="N22" s="182">
        <v>0</v>
      </c>
      <c r="O22" s="185">
        <v>0</v>
      </c>
      <c r="P22" s="188">
        <v>2</v>
      </c>
      <c r="Q22" s="184">
        <v>1</v>
      </c>
      <c r="R22" s="184">
        <v>0</v>
      </c>
      <c r="S22" s="184">
        <v>5</v>
      </c>
      <c r="T22" s="182">
        <v>1</v>
      </c>
      <c r="U22" s="185">
        <v>9</v>
      </c>
      <c r="V22" s="189">
        <v>9</v>
      </c>
      <c r="W22" s="188">
        <v>0</v>
      </c>
      <c r="X22" s="182">
        <v>0</v>
      </c>
      <c r="Y22" s="182">
        <v>0</v>
      </c>
      <c r="Z22" s="183">
        <v>0</v>
      </c>
      <c r="AA22" s="184">
        <v>0</v>
      </c>
      <c r="AB22" s="184">
        <v>0</v>
      </c>
      <c r="AC22" s="184">
        <v>0</v>
      </c>
      <c r="AD22" s="182">
        <v>0</v>
      </c>
      <c r="AE22" s="185">
        <v>0</v>
      </c>
      <c r="AF22" s="186">
        <v>0</v>
      </c>
      <c r="AG22" s="181">
        <v>0</v>
      </c>
      <c r="AH22" s="182">
        <v>0</v>
      </c>
      <c r="AI22" s="182">
        <v>0</v>
      </c>
      <c r="AJ22" s="183">
        <v>0</v>
      </c>
      <c r="AK22" s="184">
        <v>0</v>
      </c>
      <c r="AL22" s="184">
        <v>0</v>
      </c>
      <c r="AM22" s="184">
        <v>0</v>
      </c>
      <c r="AN22" s="182">
        <v>0</v>
      </c>
      <c r="AO22" s="185">
        <v>0</v>
      </c>
      <c r="AP22" s="187">
        <v>0</v>
      </c>
      <c r="AQ22" s="32"/>
    </row>
    <row r="23" spans="2:43" ht="21" customHeight="1" x14ac:dyDescent="0.2">
      <c r="B23" s="472" t="s">
        <v>21</v>
      </c>
      <c r="C23" s="181">
        <v>0</v>
      </c>
      <c r="D23" s="182">
        <v>0</v>
      </c>
      <c r="E23" s="182">
        <v>0</v>
      </c>
      <c r="F23" s="183">
        <v>0</v>
      </c>
      <c r="G23" s="184">
        <v>0</v>
      </c>
      <c r="H23" s="184">
        <v>4</v>
      </c>
      <c r="I23" s="184">
        <v>9</v>
      </c>
      <c r="J23" s="182">
        <v>3</v>
      </c>
      <c r="K23" s="185">
        <v>16</v>
      </c>
      <c r="L23" s="186">
        <v>16</v>
      </c>
      <c r="M23" s="181">
        <v>0</v>
      </c>
      <c r="N23" s="182">
        <v>0</v>
      </c>
      <c r="O23" s="185">
        <v>0</v>
      </c>
      <c r="P23" s="188">
        <v>0</v>
      </c>
      <c r="Q23" s="184">
        <v>5</v>
      </c>
      <c r="R23" s="184">
        <v>3</v>
      </c>
      <c r="S23" s="184">
        <v>0</v>
      </c>
      <c r="T23" s="182">
        <v>1</v>
      </c>
      <c r="U23" s="185">
        <v>9</v>
      </c>
      <c r="V23" s="189">
        <v>9</v>
      </c>
      <c r="W23" s="188">
        <v>0</v>
      </c>
      <c r="X23" s="182">
        <v>0</v>
      </c>
      <c r="Y23" s="182">
        <v>0</v>
      </c>
      <c r="Z23" s="183">
        <v>0</v>
      </c>
      <c r="AA23" s="184">
        <v>0</v>
      </c>
      <c r="AB23" s="184">
        <v>0</v>
      </c>
      <c r="AC23" s="184">
        <v>0</v>
      </c>
      <c r="AD23" s="182">
        <v>0</v>
      </c>
      <c r="AE23" s="185">
        <v>0</v>
      </c>
      <c r="AF23" s="186">
        <v>0</v>
      </c>
      <c r="AG23" s="181">
        <v>0</v>
      </c>
      <c r="AH23" s="182">
        <v>0</v>
      </c>
      <c r="AI23" s="182">
        <v>0</v>
      </c>
      <c r="AJ23" s="183">
        <v>0</v>
      </c>
      <c r="AK23" s="184">
        <v>0</v>
      </c>
      <c r="AL23" s="184">
        <v>0</v>
      </c>
      <c r="AM23" s="184">
        <v>0</v>
      </c>
      <c r="AN23" s="182">
        <v>2</v>
      </c>
      <c r="AO23" s="185">
        <v>2</v>
      </c>
      <c r="AP23" s="187">
        <v>2</v>
      </c>
      <c r="AQ23" s="32"/>
    </row>
    <row r="24" spans="2:43" ht="21" customHeight="1" x14ac:dyDescent="0.2">
      <c r="B24" s="472" t="s">
        <v>22</v>
      </c>
      <c r="C24" s="181">
        <v>0</v>
      </c>
      <c r="D24" s="182">
        <v>0</v>
      </c>
      <c r="E24" s="182">
        <v>0</v>
      </c>
      <c r="F24" s="183">
        <v>0</v>
      </c>
      <c r="G24" s="184">
        <v>1</v>
      </c>
      <c r="H24" s="184">
        <v>1</v>
      </c>
      <c r="I24" s="184">
        <v>1</v>
      </c>
      <c r="J24" s="182">
        <v>1</v>
      </c>
      <c r="K24" s="185">
        <v>4</v>
      </c>
      <c r="L24" s="186">
        <v>4</v>
      </c>
      <c r="M24" s="181">
        <v>0</v>
      </c>
      <c r="N24" s="182">
        <v>0</v>
      </c>
      <c r="O24" s="185">
        <v>0</v>
      </c>
      <c r="P24" s="188">
        <v>1</v>
      </c>
      <c r="Q24" s="184">
        <v>1</v>
      </c>
      <c r="R24" s="184">
        <v>3</v>
      </c>
      <c r="S24" s="184">
        <v>0</v>
      </c>
      <c r="T24" s="182">
        <v>0</v>
      </c>
      <c r="U24" s="185">
        <v>5</v>
      </c>
      <c r="V24" s="189">
        <v>5</v>
      </c>
      <c r="W24" s="188">
        <v>0</v>
      </c>
      <c r="X24" s="182">
        <v>0</v>
      </c>
      <c r="Y24" s="182">
        <v>0</v>
      </c>
      <c r="Z24" s="183">
        <v>0</v>
      </c>
      <c r="AA24" s="184">
        <v>0</v>
      </c>
      <c r="AB24" s="184">
        <v>0</v>
      </c>
      <c r="AC24" s="184">
        <v>0</v>
      </c>
      <c r="AD24" s="182">
        <v>0</v>
      </c>
      <c r="AE24" s="185">
        <v>0</v>
      </c>
      <c r="AF24" s="186">
        <v>0</v>
      </c>
      <c r="AG24" s="181">
        <v>0</v>
      </c>
      <c r="AH24" s="182">
        <v>0</v>
      </c>
      <c r="AI24" s="182">
        <v>0</v>
      </c>
      <c r="AJ24" s="183">
        <v>0</v>
      </c>
      <c r="AK24" s="184">
        <v>0</v>
      </c>
      <c r="AL24" s="184">
        <v>0</v>
      </c>
      <c r="AM24" s="184">
        <v>0</v>
      </c>
      <c r="AN24" s="182">
        <v>0</v>
      </c>
      <c r="AO24" s="185">
        <v>0</v>
      </c>
      <c r="AP24" s="187">
        <v>0</v>
      </c>
      <c r="AQ24" s="32"/>
    </row>
    <row r="25" spans="2:43" ht="21" customHeight="1" x14ac:dyDescent="0.2">
      <c r="B25" s="472" t="s">
        <v>23</v>
      </c>
      <c r="C25" s="181">
        <v>0</v>
      </c>
      <c r="D25" s="182">
        <v>0</v>
      </c>
      <c r="E25" s="182">
        <v>0</v>
      </c>
      <c r="F25" s="183">
        <v>0</v>
      </c>
      <c r="G25" s="184">
        <v>0</v>
      </c>
      <c r="H25" s="184">
        <v>2</v>
      </c>
      <c r="I25" s="184">
        <v>2</v>
      </c>
      <c r="J25" s="182">
        <v>2</v>
      </c>
      <c r="K25" s="185">
        <v>6</v>
      </c>
      <c r="L25" s="186">
        <v>6</v>
      </c>
      <c r="M25" s="181">
        <v>0</v>
      </c>
      <c r="N25" s="182">
        <v>0</v>
      </c>
      <c r="O25" s="185">
        <v>0</v>
      </c>
      <c r="P25" s="188">
        <v>0</v>
      </c>
      <c r="Q25" s="184">
        <v>1</v>
      </c>
      <c r="R25" s="184">
        <v>1</v>
      </c>
      <c r="S25" s="184">
        <v>1</v>
      </c>
      <c r="T25" s="182">
        <v>2</v>
      </c>
      <c r="U25" s="185">
        <v>5</v>
      </c>
      <c r="V25" s="189">
        <v>5</v>
      </c>
      <c r="W25" s="188">
        <v>0</v>
      </c>
      <c r="X25" s="182">
        <v>0</v>
      </c>
      <c r="Y25" s="182">
        <v>0</v>
      </c>
      <c r="Z25" s="183">
        <v>0</v>
      </c>
      <c r="AA25" s="184">
        <v>0</v>
      </c>
      <c r="AB25" s="184">
        <v>0</v>
      </c>
      <c r="AC25" s="184">
        <v>0</v>
      </c>
      <c r="AD25" s="182">
        <v>0</v>
      </c>
      <c r="AE25" s="185">
        <v>0</v>
      </c>
      <c r="AF25" s="186">
        <v>0</v>
      </c>
      <c r="AG25" s="181">
        <v>0</v>
      </c>
      <c r="AH25" s="182">
        <v>0</v>
      </c>
      <c r="AI25" s="182">
        <v>0</v>
      </c>
      <c r="AJ25" s="183">
        <v>0</v>
      </c>
      <c r="AK25" s="184">
        <v>0</v>
      </c>
      <c r="AL25" s="184">
        <v>0</v>
      </c>
      <c r="AM25" s="184">
        <v>0</v>
      </c>
      <c r="AN25" s="182">
        <v>1</v>
      </c>
      <c r="AO25" s="185">
        <v>1</v>
      </c>
      <c r="AP25" s="187">
        <v>1</v>
      </c>
      <c r="AQ25" s="32"/>
    </row>
    <row r="26" spans="2:43" ht="21" customHeight="1" x14ac:dyDescent="0.2">
      <c r="B26" s="472" t="s">
        <v>24</v>
      </c>
      <c r="C26" s="181">
        <v>0</v>
      </c>
      <c r="D26" s="182">
        <v>0</v>
      </c>
      <c r="E26" s="182">
        <v>0</v>
      </c>
      <c r="F26" s="183">
        <v>0</v>
      </c>
      <c r="G26" s="184">
        <v>0</v>
      </c>
      <c r="H26" s="184">
        <v>2</v>
      </c>
      <c r="I26" s="184">
        <v>3</v>
      </c>
      <c r="J26" s="182">
        <v>2</v>
      </c>
      <c r="K26" s="185">
        <v>7</v>
      </c>
      <c r="L26" s="186">
        <v>7</v>
      </c>
      <c r="M26" s="181">
        <v>0</v>
      </c>
      <c r="N26" s="182">
        <v>0</v>
      </c>
      <c r="O26" s="185">
        <v>0</v>
      </c>
      <c r="P26" s="188">
        <v>0</v>
      </c>
      <c r="Q26" s="184">
        <v>0</v>
      </c>
      <c r="R26" s="184">
        <v>0</v>
      </c>
      <c r="S26" s="184">
        <v>1</v>
      </c>
      <c r="T26" s="182">
        <v>0</v>
      </c>
      <c r="U26" s="185">
        <v>1</v>
      </c>
      <c r="V26" s="189">
        <v>1</v>
      </c>
      <c r="W26" s="188">
        <v>0</v>
      </c>
      <c r="X26" s="182">
        <v>0</v>
      </c>
      <c r="Y26" s="182">
        <v>0</v>
      </c>
      <c r="Z26" s="183">
        <v>0</v>
      </c>
      <c r="AA26" s="184">
        <v>0</v>
      </c>
      <c r="AB26" s="184">
        <v>0</v>
      </c>
      <c r="AC26" s="184">
        <v>0</v>
      </c>
      <c r="AD26" s="182">
        <v>0</v>
      </c>
      <c r="AE26" s="185">
        <v>0</v>
      </c>
      <c r="AF26" s="186">
        <v>0</v>
      </c>
      <c r="AG26" s="181">
        <v>0</v>
      </c>
      <c r="AH26" s="182">
        <v>0</v>
      </c>
      <c r="AI26" s="182">
        <v>0</v>
      </c>
      <c r="AJ26" s="183">
        <v>0</v>
      </c>
      <c r="AK26" s="184">
        <v>0</v>
      </c>
      <c r="AL26" s="184">
        <v>0</v>
      </c>
      <c r="AM26" s="184">
        <v>0</v>
      </c>
      <c r="AN26" s="182">
        <v>0</v>
      </c>
      <c r="AO26" s="185">
        <v>0</v>
      </c>
      <c r="AP26" s="187">
        <v>0</v>
      </c>
      <c r="AQ26" s="32"/>
    </row>
    <row r="27" spans="2:43" ht="21" customHeight="1" x14ac:dyDescent="0.2">
      <c r="B27" s="472" t="s">
        <v>25</v>
      </c>
      <c r="C27" s="181">
        <v>0</v>
      </c>
      <c r="D27" s="182">
        <v>0</v>
      </c>
      <c r="E27" s="182">
        <v>0</v>
      </c>
      <c r="F27" s="183">
        <v>0</v>
      </c>
      <c r="G27" s="184">
        <v>0</v>
      </c>
      <c r="H27" s="184">
        <v>3</v>
      </c>
      <c r="I27" s="184">
        <v>2</v>
      </c>
      <c r="J27" s="182">
        <v>2</v>
      </c>
      <c r="K27" s="185">
        <v>7</v>
      </c>
      <c r="L27" s="186">
        <v>7</v>
      </c>
      <c r="M27" s="181">
        <v>0</v>
      </c>
      <c r="N27" s="182">
        <v>0</v>
      </c>
      <c r="O27" s="185">
        <v>0</v>
      </c>
      <c r="P27" s="188">
        <v>1</v>
      </c>
      <c r="Q27" s="184">
        <v>2</v>
      </c>
      <c r="R27" s="184">
        <v>0</v>
      </c>
      <c r="S27" s="184">
        <v>1</v>
      </c>
      <c r="T27" s="182">
        <v>0</v>
      </c>
      <c r="U27" s="185">
        <v>4</v>
      </c>
      <c r="V27" s="189">
        <v>4</v>
      </c>
      <c r="W27" s="188">
        <v>0</v>
      </c>
      <c r="X27" s="182">
        <v>0</v>
      </c>
      <c r="Y27" s="182">
        <v>0</v>
      </c>
      <c r="Z27" s="183">
        <v>0</v>
      </c>
      <c r="AA27" s="184">
        <v>0</v>
      </c>
      <c r="AB27" s="184">
        <v>0</v>
      </c>
      <c r="AC27" s="184">
        <v>0</v>
      </c>
      <c r="AD27" s="182">
        <v>0</v>
      </c>
      <c r="AE27" s="185">
        <v>0</v>
      </c>
      <c r="AF27" s="186">
        <v>0</v>
      </c>
      <c r="AG27" s="181">
        <v>0</v>
      </c>
      <c r="AH27" s="182">
        <v>0</v>
      </c>
      <c r="AI27" s="182">
        <v>0</v>
      </c>
      <c r="AJ27" s="183">
        <v>0</v>
      </c>
      <c r="AK27" s="184">
        <v>0</v>
      </c>
      <c r="AL27" s="184">
        <v>0</v>
      </c>
      <c r="AM27" s="184">
        <v>0</v>
      </c>
      <c r="AN27" s="182">
        <v>0</v>
      </c>
      <c r="AO27" s="185">
        <v>0</v>
      </c>
      <c r="AP27" s="187">
        <v>0</v>
      </c>
      <c r="AQ27" s="32"/>
    </row>
    <row r="28" spans="2:43" ht="21" customHeight="1" x14ac:dyDescent="0.2">
      <c r="B28" s="472" t="s">
        <v>26</v>
      </c>
      <c r="C28" s="181">
        <v>0</v>
      </c>
      <c r="D28" s="182">
        <v>0</v>
      </c>
      <c r="E28" s="182">
        <v>0</v>
      </c>
      <c r="F28" s="183">
        <v>0</v>
      </c>
      <c r="G28" s="184">
        <v>0</v>
      </c>
      <c r="H28" s="184">
        <v>1</v>
      </c>
      <c r="I28" s="184">
        <v>1</v>
      </c>
      <c r="J28" s="182">
        <v>0</v>
      </c>
      <c r="K28" s="185">
        <v>2</v>
      </c>
      <c r="L28" s="186">
        <v>2</v>
      </c>
      <c r="M28" s="181">
        <v>0</v>
      </c>
      <c r="N28" s="182">
        <v>0</v>
      </c>
      <c r="O28" s="185">
        <v>0</v>
      </c>
      <c r="P28" s="188">
        <v>1</v>
      </c>
      <c r="Q28" s="184">
        <v>1</v>
      </c>
      <c r="R28" s="184">
        <v>0</v>
      </c>
      <c r="S28" s="184">
        <v>2</v>
      </c>
      <c r="T28" s="182">
        <v>0</v>
      </c>
      <c r="U28" s="185">
        <v>4</v>
      </c>
      <c r="V28" s="189">
        <v>4</v>
      </c>
      <c r="W28" s="188">
        <v>0</v>
      </c>
      <c r="X28" s="182">
        <v>0</v>
      </c>
      <c r="Y28" s="182">
        <v>0</v>
      </c>
      <c r="Z28" s="183">
        <v>0</v>
      </c>
      <c r="AA28" s="184">
        <v>0</v>
      </c>
      <c r="AB28" s="184">
        <v>0</v>
      </c>
      <c r="AC28" s="184">
        <v>0</v>
      </c>
      <c r="AD28" s="182">
        <v>0</v>
      </c>
      <c r="AE28" s="185">
        <v>0</v>
      </c>
      <c r="AF28" s="186">
        <v>0</v>
      </c>
      <c r="AG28" s="181">
        <v>0</v>
      </c>
      <c r="AH28" s="182">
        <v>0</v>
      </c>
      <c r="AI28" s="182">
        <v>0</v>
      </c>
      <c r="AJ28" s="183">
        <v>0</v>
      </c>
      <c r="AK28" s="184">
        <v>0</v>
      </c>
      <c r="AL28" s="184">
        <v>0</v>
      </c>
      <c r="AM28" s="184">
        <v>0</v>
      </c>
      <c r="AN28" s="182">
        <v>0</v>
      </c>
      <c r="AO28" s="185">
        <v>0</v>
      </c>
      <c r="AP28" s="187">
        <v>0</v>
      </c>
      <c r="AQ28" s="32"/>
    </row>
    <row r="29" spans="2:43" ht="21" customHeight="1" x14ac:dyDescent="0.2">
      <c r="B29" s="472" t="s">
        <v>27</v>
      </c>
      <c r="C29" s="181">
        <v>0</v>
      </c>
      <c r="D29" s="182">
        <v>0</v>
      </c>
      <c r="E29" s="182">
        <v>0</v>
      </c>
      <c r="F29" s="183">
        <v>0</v>
      </c>
      <c r="G29" s="184">
        <v>0</v>
      </c>
      <c r="H29" s="184">
        <v>1</v>
      </c>
      <c r="I29" s="184">
        <v>3</v>
      </c>
      <c r="J29" s="182">
        <v>0</v>
      </c>
      <c r="K29" s="185">
        <v>4</v>
      </c>
      <c r="L29" s="186">
        <v>4</v>
      </c>
      <c r="M29" s="181">
        <v>0</v>
      </c>
      <c r="N29" s="182">
        <v>0</v>
      </c>
      <c r="O29" s="185">
        <v>0</v>
      </c>
      <c r="P29" s="188">
        <v>1</v>
      </c>
      <c r="Q29" s="184">
        <v>0</v>
      </c>
      <c r="R29" s="184">
        <v>0</v>
      </c>
      <c r="S29" s="184">
        <v>0</v>
      </c>
      <c r="T29" s="182">
        <v>0</v>
      </c>
      <c r="U29" s="185">
        <v>1</v>
      </c>
      <c r="V29" s="189">
        <v>1</v>
      </c>
      <c r="W29" s="188">
        <v>0</v>
      </c>
      <c r="X29" s="182">
        <v>0</v>
      </c>
      <c r="Y29" s="182">
        <v>0</v>
      </c>
      <c r="Z29" s="183">
        <v>0</v>
      </c>
      <c r="AA29" s="184">
        <v>0</v>
      </c>
      <c r="AB29" s="184">
        <v>0</v>
      </c>
      <c r="AC29" s="184">
        <v>0</v>
      </c>
      <c r="AD29" s="182">
        <v>0</v>
      </c>
      <c r="AE29" s="185">
        <v>0</v>
      </c>
      <c r="AF29" s="186">
        <v>0</v>
      </c>
      <c r="AG29" s="181">
        <v>0</v>
      </c>
      <c r="AH29" s="182">
        <v>0</v>
      </c>
      <c r="AI29" s="182">
        <v>0</v>
      </c>
      <c r="AJ29" s="183">
        <v>0</v>
      </c>
      <c r="AK29" s="184">
        <v>0</v>
      </c>
      <c r="AL29" s="184">
        <v>0</v>
      </c>
      <c r="AM29" s="184">
        <v>0</v>
      </c>
      <c r="AN29" s="182">
        <v>0</v>
      </c>
      <c r="AO29" s="185">
        <v>0</v>
      </c>
      <c r="AP29" s="187">
        <v>0</v>
      </c>
      <c r="AQ29" s="32"/>
    </row>
    <row r="30" spans="2:43" ht="21" customHeight="1" x14ac:dyDescent="0.2">
      <c r="B30" s="472" t="s">
        <v>28</v>
      </c>
      <c r="C30" s="181">
        <v>0</v>
      </c>
      <c r="D30" s="182">
        <v>0</v>
      </c>
      <c r="E30" s="182">
        <v>0</v>
      </c>
      <c r="F30" s="183">
        <v>0</v>
      </c>
      <c r="G30" s="184">
        <v>0</v>
      </c>
      <c r="H30" s="184">
        <v>0</v>
      </c>
      <c r="I30" s="184">
        <v>0</v>
      </c>
      <c r="J30" s="182">
        <v>0</v>
      </c>
      <c r="K30" s="185">
        <v>0</v>
      </c>
      <c r="L30" s="186">
        <v>0</v>
      </c>
      <c r="M30" s="181">
        <v>0</v>
      </c>
      <c r="N30" s="182">
        <v>0</v>
      </c>
      <c r="O30" s="185">
        <v>0</v>
      </c>
      <c r="P30" s="188">
        <v>0</v>
      </c>
      <c r="Q30" s="184">
        <v>0</v>
      </c>
      <c r="R30" s="184">
        <v>0</v>
      </c>
      <c r="S30" s="184">
        <v>0</v>
      </c>
      <c r="T30" s="182">
        <v>0</v>
      </c>
      <c r="U30" s="185">
        <v>0</v>
      </c>
      <c r="V30" s="189">
        <v>0</v>
      </c>
      <c r="W30" s="188">
        <v>0</v>
      </c>
      <c r="X30" s="182">
        <v>0</v>
      </c>
      <c r="Y30" s="182">
        <v>0</v>
      </c>
      <c r="Z30" s="183">
        <v>0</v>
      </c>
      <c r="AA30" s="184">
        <v>0</v>
      </c>
      <c r="AB30" s="184">
        <v>0</v>
      </c>
      <c r="AC30" s="184">
        <v>0</v>
      </c>
      <c r="AD30" s="182">
        <v>0</v>
      </c>
      <c r="AE30" s="185">
        <v>0</v>
      </c>
      <c r="AF30" s="186">
        <v>0</v>
      </c>
      <c r="AG30" s="181">
        <v>0</v>
      </c>
      <c r="AH30" s="182">
        <v>0</v>
      </c>
      <c r="AI30" s="182">
        <v>0</v>
      </c>
      <c r="AJ30" s="183">
        <v>0</v>
      </c>
      <c r="AK30" s="184">
        <v>0</v>
      </c>
      <c r="AL30" s="184">
        <v>0</v>
      </c>
      <c r="AM30" s="184">
        <v>0</v>
      </c>
      <c r="AN30" s="182">
        <v>0</v>
      </c>
      <c r="AO30" s="185">
        <v>0</v>
      </c>
      <c r="AP30" s="187">
        <v>0</v>
      </c>
      <c r="AQ30" s="32"/>
    </row>
    <row r="31" spans="2:43" ht="21" customHeight="1" x14ac:dyDescent="0.2">
      <c r="B31" s="472" t="s">
        <v>29</v>
      </c>
      <c r="C31" s="181">
        <v>0</v>
      </c>
      <c r="D31" s="182">
        <v>0</v>
      </c>
      <c r="E31" s="182">
        <v>0</v>
      </c>
      <c r="F31" s="183">
        <v>0</v>
      </c>
      <c r="G31" s="184">
        <v>0</v>
      </c>
      <c r="H31" s="184">
        <v>0</v>
      </c>
      <c r="I31" s="184">
        <v>0</v>
      </c>
      <c r="J31" s="182">
        <v>0</v>
      </c>
      <c r="K31" s="185">
        <v>0</v>
      </c>
      <c r="L31" s="186">
        <v>0</v>
      </c>
      <c r="M31" s="181">
        <v>0</v>
      </c>
      <c r="N31" s="182">
        <v>0</v>
      </c>
      <c r="O31" s="185">
        <v>0</v>
      </c>
      <c r="P31" s="188">
        <v>0</v>
      </c>
      <c r="Q31" s="184">
        <v>0</v>
      </c>
      <c r="R31" s="184">
        <v>0</v>
      </c>
      <c r="S31" s="184">
        <v>1</v>
      </c>
      <c r="T31" s="182">
        <v>0</v>
      </c>
      <c r="U31" s="185">
        <v>1</v>
      </c>
      <c r="V31" s="189">
        <v>1</v>
      </c>
      <c r="W31" s="188">
        <v>0</v>
      </c>
      <c r="X31" s="182">
        <v>0</v>
      </c>
      <c r="Y31" s="182">
        <v>0</v>
      </c>
      <c r="Z31" s="183">
        <v>0</v>
      </c>
      <c r="AA31" s="184">
        <v>0</v>
      </c>
      <c r="AB31" s="184">
        <v>0</v>
      </c>
      <c r="AC31" s="184">
        <v>0</v>
      </c>
      <c r="AD31" s="182">
        <v>0</v>
      </c>
      <c r="AE31" s="185">
        <v>0</v>
      </c>
      <c r="AF31" s="186">
        <v>0</v>
      </c>
      <c r="AG31" s="181">
        <v>0</v>
      </c>
      <c r="AH31" s="182">
        <v>0</v>
      </c>
      <c r="AI31" s="182">
        <v>0</v>
      </c>
      <c r="AJ31" s="183">
        <v>0</v>
      </c>
      <c r="AK31" s="184">
        <v>0</v>
      </c>
      <c r="AL31" s="184">
        <v>0</v>
      </c>
      <c r="AM31" s="184">
        <v>0</v>
      </c>
      <c r="AN31" s="182">
        <v>0</v>
      </c>
      <c r="AO31" s="185">
        <v>0</v>
      </c>
      <c r="AP31" s="187">
        <v>0</v>
      </c>
      <c r="AQ31" s="32"/>
    </row>
    <row r="32" spans="2:43" ht="21" customHeight="1" x14ac:dyDescent="0.2">
      <c r="B32" s="472" t="s">
        <v>30</v>
      </c>
      <c r="C32" s="181">
        <v>0</v>
      </c>
      <c r="D32" s="182">
        <v>0</v>
      </c>
      <c r="E32" s="182">
        <v>0</v>
      </c>
      <c r="F32" s="183">
        <v>0</v>
      </c>
      <c r="G32" s="184">
        <v>0</v>
      </c>
      <c r="H32" s="184">
        <v>1</v>
      </c>
      <c r="I32" s="184">
        <v>3</v>
      </c>
      <c r="J32" s="182">
        <v>0</v>
      </c>
      <c r="K32" s="185">
        <v>4</v>
      </c>
      <c r="L32" s="186">
        <v>4</v>
      </c>
      <c r="M32" s="181">
        <v>0</v>
      </c>
      <c r="N32" s="182">
        <v>0</v>
      </c>
      <c r="O32" s="185">
        <v>0</v>
      </c>
      <c r="P32" s="188">
        <v>1</v>
      </c>
      <c r="Q32" s="184">
        <v>0</v>
      </c>
      <c r="R32" s="184">
        <v>0</v>
      </c>
      <c r="S32" s="184">
        <v>0</v>
      </c>
      <c r="T32" s="182">
        <v>1</v>
      </c>
      <c r="U32" s="185">
        <v>2</v>
      </c>
      <c r="V32" s="189">
        <v>2</v>
      </c>
      <c r="W32" s="188">
        <v>0</v>
      </c>
      <c r="X32" s="182">
        <v>0</v>
      </c>
      <c r="Y32" s="182">
        <v>0</v>
      </c>
      <c r="Z32" s="183">
        <v>0</v>
      </c>
      <c r="AA32" s="184">
        <v>0</v>
      </c>
      <c r="AB32" s="184">
        <v>0</v>
      </c>
      <c r="AC32" s="184">
        <v>0</v>
      </c>
      <c r="AD32" s="182">
        <v>0</v>
      </c>
      <c r="AE32" s="185">
        <v>0</v>
      </c>
      <c r="AF32" s="186">
        <v>0</v>
      </c>
      <c r="AG32" s="181">
        <v>0</v>
      </c>
      <c r="AH32" s="182">
        <v>0</v>
      </c>
      <c r="AI32" s="182">
        <v>0</v>
      </c>
      <c r="AJ32" s="183">
        <v>0</v>
      </c>
      <c r="AK32" s="184">
        <v>0</v>
      </c>
      <c r="AL32" s="184">
        <v>0</v>
      </c>
      <c r="AM32" s="184">
        <v>0</v>
      </c>
      <c r="AN32" s="182">
        <v>0</v>
      </c>
      <c r="AO32" s="185">
        <v>0</v>
      </c>
      <c r="AP32" s="187">
        <v>0</v>
      </c>
      <c r="AQ32" s="32"/>
    </row>
    <row r="33" spans="2:43" ht="21" customHeight="1" x14ac:dyDescent="0.2">
      <c r="B33" s="472" t="s">
        <v>31</v>
      </c>
      <c r="C33" s="181">
        <v>0</v>
      </c>
      <c r="D33" s="182">
        <v>0</v>
      </c>
      <c r="E33" s="182">
        <v>0</v>
      </c>
      <c r="F33" s="183">
        <v>0</v>
      </c>
      <c r="G33" s="184">
        <v>0</v>
      </c>
      <c r="H33" s="184">
        <v>0</v>
      </c>
      <c r="I33" s="184">
        <v>0</v>
      </c>
      <c r="J33" s="182">
        <v>1</v>
      </c>
      <c r="K33" s="185">
        <v>1</v>
      </c>
      <c r="L33" s="186">
        <v>1</v>
      </c>
      <c r="M33" s="181">
        <v>0</v>
      </c>
      <c r="N33" s="182">
        <v>0</v>
      </c>
      <c r="O33" s="185">
        <v>0</v>
      </c>
      <c r="P33" s="188">
        <v>0</v>
      </c>
      <c r="Q33" s="184">
        <v>1</v>
      </c>
      <c r="R33" s="184">
        <v>0</v>
      </c>
      <c r="S33" s="184">
        <v>0</v>
      </c>
      <c r="T33" s="182">
        <v>0</v>
      </c>
      <c r="U33" s="185">
        <v>1</v>
      </c>
      <c r="V33" s="189">
        <v>1</v>
      </c>
      <c r="W33" s="188">
        <v>0</v>
      </c>
      <c r="X33" s="182">
        <v>0</v>
      </c>
      <c r="Y33" s="182">
        <v>0</v>
      </c>
      <c r="Z33" s="183">
        <v>0</v>
      </c>
      <c r="AA33" s="184">
        <v>0</v>
      </c>
      <c r="AB33" s="184">
        <v>0</v>
      </c>
      <c r="AC33" s="184">
        <v>0</v>
      </c>
      <c r="AD33" s="182">
        <v>0</v>
      </c>
      <c r="AE33" s="185">
        <v>0</v>
      </c>
      <c r="AF33" s="186">
        <v>0</v>
      </c>
      <c r="AG33" s="181">
        <v>0</v>
      </c>
      <c r="AH33" s="182">
        <v>0</v>
      </c>
      <c r="AI33" s="182">
        <v>0</v>
      </c>
      <c r="AJ33" s="183">
        <v>0</v>
      </c>
      <c r="AK33" s="184">
        <v>0</v>
      </c>
      <c r="AL33" s="184">
        <v>0</v>
      </c>
      <c r="AM33" s="184">
        <v>0</v>
      </c>
      <c r="AN33" s="182">
        <v>0</v>
      </c>
      <c r="AO33" s="185">
        <v>0</v>
      </c>
      <c r="AP33" s="187">
        <v>0</v>
      </c>
      <c r="AQ33" s="32"/>
    </row>
    <row r="34" spans="2:43" ht="21" customHeight="1" x14ac:dyDescent="0.2">
      <c r="B34" s="472" t="s">
        <v>32</v>
      </c>
      <c r="C34" s="181">
        <v>0</v>
      </c>
      <c r="D34" s="182">
        <v>0</v>
      </c>
      <c r="E34" s="182">
        <v>0</v>
      </c>
      <c r="F34" s="183">
        <v>0</v>
      </c>
      <c r="G34" s="184">
        <v>0</v>
      </c>
      <c r="H34" s="184">
        <v>1</v>
      </c>
      <c r="I34" s="184">
        <v>0</v>
      </c>
      <c r="J34" s="182">
        <v>1</v>
      </c>
      <c r="K34" s="185">
        <v>2</v>
      </c>
      <c r="L34" s="186">
        <v>2</v>
      </c>
      <c r="M34" s="181">
        <v>0</v>
      </c>
      <c r="N34" s="182">
        <v>0</v>
      </c>
      <c r="O34" s="185">
        <v>0</v>
      </c>
      <c r="P34" s="188">
        <v>0</v>
      </c>
      <c r="Q34" s="184">
        <v>0</v>
      </c>
      <c r="R34" s="184">
        <v>0</v>
      </c>
      <c r="S34" s="184">
        <v>1</v>
      </c>
      <c r="T34" s="182">
        <v>1</v>
      </c>
      <c r="U34" s="185">
        <v>2</v>
      </c>
      <c r="V34" s="189">
        <v>2</v>
      </c>
      <c r="W34" s="188">
        <v>0</v>
      </c>
      <c r="X34" s="182">
        <v>0</v>
      </c>
      <c r="Y34" s="182">
        <v>0</v>
      </c>
      <c r="Z34" s="183">
        <v>0</v>
      </c>
      <c r="AA34" s="184">
        <v>0</v>
      </c>
      <c r="AB34" s="184">
        <v>0</v>
      </c>
      <c r="AC34" s="184">
        <v>0</v>
      </c>
      <c r="AD34" s="182">
        <v>0</v>
      </c>
      <c r="AE34" s="185">
        <v>0</v>
      </c>
      <c r="AF34" s="186">
        <v>0</v>
      </c>
      <c r="AG34" s="181">
        <v>0</v>
      </c>
      <c r="AH34" s="182">
        <v>0</v>
      </c>
      <c r="AI34" s="182">
        <v>0</v>
      </c>
      <c r="AJ34" s="183">
        <v>0</v>
      </c>
      <c r="AK34" s="184">
        <v>0</v>
      </c>
      <c r="AL34" s="184">
        <v>0</v>
      </c>
      <c r="AM34" s="184">
        <v>0</v>
      </c>
      <c r="AN34" s="182">
        <v>0</v>
      </c>
      <c r="AO34" s="185">
        <v>0</v>
      </c>
      <c r="AP34" s="187">
        <v>0</v>
      </c>
      <c r="AQ34" s="32"/>
    </row>
    <row r="35" spans="2:43" ht="21" customHeight="1" x14ac:dyDescent="0.2">
      <c r="B35" s="472" t="s">
        <v>33</v>
      </c>
      <c r="C35" s="181">
        <v>0</v>
      </c>
      <c r="D35" s="182">
        <v>0</v>
      </c>
      <c r="E35" s="182">
        <v>0</v>
      </c>
      <c r="F35" s="183">
        <v>0</v>
      </c>
      <c r="G35" s="184">
        <v>0</v>
      </c>
      <c r="H35" s="184">
        <v>0</v>
      </c>
      <c r="I35" s="184">
        <v>0</v>
      </c>
      <c r="J35" s="182">
        <v>0</v>
      </c>
      <c r="K35" s="185">
        <v>0</v>
      </c>
      <c r="L35" s="186">
        <v>0</v>
      </c>
      <c r="M35" s="181">
        <v>0</v>
      </c>
      <c r="N35" s="182">
        <v>0</v>
      </c>
      <c r="O35" s="185">
        <v>0</v>
      </c>
      <c r="P35" s="188">
        <v>0</v>
      </c>
      <c r="Q35" s="184">
        <v>0</v>
      </c>
      <c r="R35" s="184">
        <v>1</v>
      </c>
      <c r="S35" s="184">
        <v>2</v>
      </c>
      <c r="T35" s="182">
        <v>0</v>
      </c>
      <c r="U35" s="185">
        <v>3</v>
      </c>
      <c r="V35" s="189">
        <v>3</v>
      </c>
      <c r="W35" s="188">
        <v>0</v>
      </c>
      <c r="X35" s="182">
        <v>0</v>
      </c>
      <c r="Y35" s="182">
        <v>0</v>
      </c>
      <c r="Z35" s="183">
        <v>0</v>
      </c>
      <c r="AA35" s="184">
        <v>0</v>
      </c>
      <c r="AB35" s="184">
        <v>0</v>
      </c>
      <c r="AC35" s="184">
        <v>0</v>
      </c>
      <c r="AD35" s="182">
        <v>0</v>
      </c>
      <c r="AE35" s="185">
        <v>0</v>
      </c>
      <c r="AF35" s="186">
        <v>0</v>
      </c>
      <c r="AG35" s="181">
        <v>0</v>
      </c>
      <c r="AH35" s="182">
        <v>0</v>
      </c>
      <c r="AI35" s="182">
        <v>0</v>
      </c>
      <c r="AJ35" s="183">
        <v>0</v>
      </c>
      <c r="AK35" s="184">
        <v>0</v>
      </c>
      <c r="AL35" s="184">
        <v>0</v>
      </c>
      <c r="AM35" s="184">
        <v>1</v>
      </c>
      <c r="AN35" s="182">
        <v>3</v>
      </c>
      <c r="AO35" s="185">
        <v>4</v>
      </c>
      <c r="AP35" s="187">
        <v>4</v>
      </c>
      <c r="AQ35" s="32"/>
    </row>
    <row r="36" spans="2:43" ht="21" customHeight="1" x14ac:dyDescent="0.2">
      <c r="B36" s="472" t="s">
        <v>34</v>
      </c>
      <c r="C36" s="181">
        <v>0</v>
      </c>
      <c r="D36" s="182">
        <v>0</v>
      </c>
      <c r="E36" s="182">
        <v>0</v>
      </c>
      <c r="F36" s="183">
        <v>0</v>
      </c>
      <c r="G36" s="184">
        <v>0</v>
      </c>
      <c r="H36" s="184">
        <v>0</v>
      </c>
      <c r="I36" s="184">
        <v>0</v>
      </c>
      <c r="J36" s="182">
        <v>0</v>
      </c>
      <c r="K36" s="185">
        <v>0</v>
      </c>
      <c r="L36" s="186">
        <v>0</v>
      </c>
      <c r="M36" s="181">
        <v>0</v>
      </c>
      <c r="N36" s="182">
        <v>0</v>
      </c>
      <c r="O36" s="185">
        <v>0</v>
      </c>
      <c r="P36" s="188">
        <v>0</v>
      </c>
      <c r="Q36" s="184">
        <v>1</v>
      </c>
      <c r="R36" s="184">
        <v>0</v>
      </c>
      <c r="S36" s="184">
        <v>0</v>
      </c>
      <c r="T36" s="182">
        <v>0</v>
      </c>
      <c r="U36" s="185">
        <v>1</v>
      </c>
      <c r="V36" s="189">
        <v>1</v>
      </c>
      <c r="W36" s="188">
        <v>0</v>
      </c>
      <c r="X36" s="182">
        <v>0</v>
      </c>
      <c r="Y36" s="182">
        <v>0</v>
      </c>
      <c r="Z36" s="183">
        <v>0</v>
      </c>
      <c r="AA36" s="184">
        <v>0</v>
      </c>
      <c r="AB36" s="184">
        <v>0</v>
      </c>
      <c r="AC36" s="184">
        <v>0</v>
      </c>
      <c r="AD36" s="182">
        <v>0</v>
      </c>
      <c r="AE36" s="185">
        <v>0</v>
      </c>
      <c r="AF36" s="186">
        <v>0</v>
      </c>
      <c r="AG36" s="181">
        <v>0</v>
      </c>
      <c r="AH36" s="182">
        <v>0</v>
      </c>
      <c r="AI36" s="182">
        <v>0</v>
      </c>
      <c r="AJ36" s="183">
        <v>0</v>
      </c>
      <c r="AK36" s="184">
        <v>0</v>
      </c>
      <c r="AL36" s="184">
        <v>0</v>
      </c>
      <c r="AM36" s="184">
        <v>0</v>
      </c>
      <c r="AN36" s="182">
        <v>0</v>
      </c>
      <c r="AO36" s="185">
        <v>0</v>
      </c>
      <c r="AP36" s="187">
        <v>0</v>
      </c>
      <c r="AQ36" s="32"/>
    </row>
    <row r="37" spans="2:43" ht="21" customHeight="1" x14ac:dyDescent="0.2">
      <c r="B37" s="472" t="s">
        <v>35</v>
      </c>
      <c r="C37" s="181">
        <v>0</v>
      </c>
      <c r="D37" s="182">
        <v>0</v>
      </c>
      <c r="E37" s="182">
        <v>0</v>
      </c>
      <c r="F37" s="183">
        <v>0</v>
      </c>
      <c r="G37" s="184">
        <v>0</v>
      </c>
      <c r="H37" s="184">
        <v>0</v>
      </c>
      <c r="I37" s="184">
        <v>1</v>
      </c>
      <c r="J37" s="182">
        <v>0</v>
      </c>
      <c r="K37" s="185">
        <v>1</v>
      </c>
      <c r="L37" s="186">
        <v>1</v>
      </c>
      <c r="M37" s="181">
        <v>0</v>
      </c>
      <c r="N37" s="182">
        <v>0</v>
      </c>
      <c r="O37" s="185">
        <v>0</v>
      </c>
      <c r="P37" s="188">
        <v>0</v>
      </c>
      <c r="Q37" s="184">
        <v>0</v>
      </c>
      <c r="R37" s="184">
        <v>0</v>
      </c>
      <c r="S37" s="184">
        <v>0</v>
      </c>
      <c r="T37" s="182">
        <v>0</v>
      </c>
      <c r="U37" s="185">
        <v>0</v>
      </c>
      <c r="V37" s="189">
        <v>0</v>
      </c>
      <c r="W37" s="188">
        <v>0</v>
      </c>
      <c r="X37" s="182">
        <v>0</v>
      </c>
      <c r="Y37" s="182">
        <v>0</v>
      </c>
      <c r="Z37" s="183">
        <v>0</v>
      </c>
      <c r="AA37" s="184">
        <v>0</v>
      </c>
      <c r="AB37" s="184">
        <v>0</v>
      </c>
      <c r="AC37" s="184">
        <v>0</v>
      </c>
      <c r="AD37" s="182">
        <v>0</v>
      </c>
      <c r="AE37" s="185">
        <v>0</v>
      </c>
      <c r="AF37" s="186">
        <v>0</v>
      </c>
      <c r="AG37" s="181">
        <v>0</v>
      </c>
      <c r="AH37" s="182">
        <v>0</v>
      </c>
      <c r="AI37" s="182">
        <v>0</v>
      </c>
      <c r="AJ37" s="183">
        <v>0</v>
      </c>
      <c r="AK37" s="184">
        <v>0</v>
      </c>
      <c r="AL37" s="184">
        <v>0</v>
      </c>
      <c r="AM37" s="184">
        <v>0</v>
      </c>
      <c r="AN37" s="182">
        <v>0</v>
      </c>
      <c r="AO37" s="185">
        <v>0</v>
      </c>
      <c r="AP37" s="187">
        <v>0</v>
      </c>
      <c r="AQ37" s="32"/>
    </row>
    <row r="38" spans="2:43" ht="21" customHeight="1" x14ac:dyDescent="0.2">
      <c r="B38" s="472" t="s">
        <v>36</v>
      </c>
      <c r="C38" s="181">
        <v>0</v>
      </c>
      <c r="D38" s="182">
        <v>0</v>
      </c>
      <c r="E38" s="182">
        <v>0</v>
      </c>
      <c r="F38" s="183">
        <v>0</v>
      </c>
      <c r="G38" s="184">
        <v>0</v>
      </c>
      <c r="H38" s="184">
        <v>1</v>
      </c>
      <c r="I38" s="184">
        <v>1</v>
      </c>
      <c r="J38" s="182">
        <v>2</v>
      </c>
      <c r="K38" s="185">
        <v>4</v>
      </c>
      <c r="L38" s="186">
        <v>4</v>
      </c>
      <c r="M38" s="181">
        <v>0</v>
      </c>
      <c r="N38" s="182">
        <v>0</v>
      </c>
      <c r="O38" s="185">
        <v>0</v>
      </c>
      <c r="P38" s="188">
        <v>1</v>
      </c>
      <c r="Q38" s="184">
        <v>0</v>
      </c>
      <c r="R38" s="184">
        <v>1</v>
      </c>
      <c r="S38" s="184">
        <v>3</v>
      </c>
      <c r="T38" s="182">
        <v>0</v>
      </c>
      <c r="U38" s="185">
        <v>5</v>
      </c>
      <c r="V38" s="189">
        <v>5</v>
      </c>
      <c r="W38" s="188">
        <v>0</v>
      </c>
      <c r="X38" s="182">
        <v>0</v>
      </c>
      <c r="Y38" s="182">
        <v>0</v>
      </c>
      <c r="Z38" s="183">
        <v>0</v>
      </c>
      <c r="AA38" s="184">
        <v>0</v>
      </c>
      <c r="AB38" s="184">
        <v>0</v>
      </c>
      <c r="AC38" s="184">
        <v>0</v>
      </c>
      <c r="AD38" s="182">
        <v>0</v>
      </c>
      <c r="AE38" s="185">
        <v>0</v>
      </c>
      <c r="AF38" s="186">
        <v>0</v>
      </c>
      <c r="AG38" s="181">
        <v>0</v>
      </c>
      <c r="AH38" s="182">
        <v>0</v>
      </c>
      <c r="AI38" s="182">
        <v>0</v>
      </c>
      <c r="AJ38" s="183">
        <v>0</v>
      </c>
      <c r="AK38" s="184">
        <v>0</v>
      </c>
      <c r="AL38" s="184">
        <v>0</v>
      </c>
      <c r="AM38" s="184">
        <v>0</v>
      </c>
      <c r="AN38" s="182">
        <v>0</v>
      </c>
      <c r="AO38" s="185">
        <v>0</v>
      </c>
      <c r="AP38" s="187">
        <v>0</v>
      </c>
      <c r="AQ38" s="32"/>
    </row>
    <row r="39" spans="2:43" ht="21" customHeight="1" thickBot="1" x14ac:dyDescent="0.25">
      <c r="B39" s="473" t="s">
        <v>37</v>
      </c>
      <c r="C39" s="190">
        <v>0</v>
      </c>
      <c r="D39" s="191">
        <v>0</v>
      </c>
      <c r="E39" s="191">
        <v>0</v>
      </c>
      <c r="F39" s="192">
        <v>0</v>
      </c>
      <c r="G39" s="193">
        <v>0</v>
      </c>
      <c r="H39" s="193">
        <v>0</v>
      </c>
      <c r="I39" s="193">
        <v>0</v>
      </c>
      <c r="J39" s="191">
        <v>0</v>
      </c>
      <c r="K39" s="194">
        <v>0</v>
      </c>
      <c r="L39" s="195">
        <v>0</v>
      </c>
      <c r="M39" s="190">
        <v>0</v>
      </c>
      <c r="N39" s="191">
        <v>0</v>
      </c>
      <c r="O39" s="194">
        <v>0</v>
      </c>
      <c r="P39" s="197">
        <v>0</v>
      </c>
      <c r="Q39" s="193">
        <v>0</v>
      </c>
      <c r="R39" s="193">
        <v>0</v>
      </c>
      <c r="S39" s="193">
        <v>0</v>
      </c>
      <c r="T39" s="191">
        <v>0</v>
      </c>
      <c r="U39" s="194">
        <v>0</v>
      </c>
      <c r="V39" s="198">
        <v>0</v>
      </c>
      <c r="W39" s="197">
        <v>0</v>
      </c>
      <c r="X39" s="191">
        <v>0</v>
      </c>
      <c r="Y39" s="191">
        <v>0</v>
      </c>
      <c r="Z39" s="192">
        <v>0</v>
      </c>
      <c r="AA39" s="193">
        <v>0</v>
      </c>
      <c r="AB39" s="193">
        <v>0</v>
      </c>
      <c r="AC39" s="193">
        <v>0</v>
      </c>
      <c r="AD39" s="191">
        <v>0</v>
      </c>
      <c r="AE39" s="194">
        <v>0</v>
      </c>
      <c r="AF39" s="195">
        <v>0</v>
      </c>
      <c r="AG39" s="190">
        <v>0</v>
      </c>
      <c r="AH39" s="191">
        <v>0</v>
      </c>
      <c r="AI39" s="191">
        <v>0</v>
      </c>
      <c r="AJ39" s="192">
        <v>0</v>
      </c>
      <c r="AK39" s="193">
        <v>0</v>
      </c>
      <c r="AL39" s="193">
        <v>0</v>
      </c>
      <c r="AM39" s="193">
        <v>0</v>
      </c>
      <c r="AN39" s="191">
        <v>0</v>
      </c>
      <c r="AO39" s="194">
        <v>0</v>
      </c>
      <c r="AP39" s="196">
        <v>0</v>
      </c>
      <c r="AQ39" s="32"/>
    </row>
    <row r="40" spans="2:43" x14ac:dyDescent="0.2">
      <c r="C40" s="33"/>
      <c r="D40" s="33"/>
      <c r="E40" s="33"/>
      <c r="F40" s="33"/>
      <c r="G40" s="33"/>
      <c r="H40" s="33"/>
      <c r="I40" s="33"/>
      <c r="J40" s="33"/>
      <c r="K40" s="33"/>
      <c r="L40" s="33"/>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2"/>
      <c r="AM40" s="32"/>
      <c r="AN40" s="32"/>
      <c r="AO40" s="32"/>
      <c r="AP40" s="32"/>
      <c r="AQ40" s="32"/>
    </row>
    <row r="41" spans="2:43" x14ac:dyDescent="0.2">
      <c r="C41" s="33"/>
      <c r="D41" s="33"/>
      <c r="E41" s="33"/>
      <c r="F41" s="33"/>
      <c r="G41" s="33"/>
      <c r="H41" s="33"/>
      <c r="I41" s="33"/>
      <c r="J41" s="33"/>
      <c r="K41" s="33"/>
      <c r="L41" s="33"/>
      <c r="M41" s="32"/>
      <c r="N41" s="32"/>
      <c r="O41" s="32"/>
      <c r="P41" s="32"/>
      <c r="Q41" s="32"/>
      <c r="R41" s="32"/>
      <c r="S41" s="32"/>
      <c r="T41" s="32"/>
      <c r="U41" s="32"/>
      <c r="V41" s="32"/>
      <c r="W41" s="32"/>
      <c r="X41" s="32"/>
      <c r="Y41" s="32"/>
      <c r="Z41" s="32"/>
      <c r="AA41" s="32"/>
      <c r="AB41" s="32"/>
      <c r="AC41" s="32"/>
      <c r="AD41" s="32"/>
      <c r="AE41" s="32"/>
      <c r="AF41" s="32"/>
      <c r="AG41" s="32"/>
      <c r="AH41" s="32"/>
      <c r="AI41" s="32"/>
      <c r="AJ41" s="32"/>
      <c r="AK41" s="32"/>
      <c r="AL41" s="32"/>
      <c r="AM41" s="32"/>
      <c r="AN41" s="32"/>
      <c r="AO41" s="32"/>
      <c r="AP41" s="32"/>
      <c r="AQ41" s="32"/>
    </row>
    <row r="42" spans="2:43" x14ac:dyDescent="0.2">
      <c r="C42" s="33"/>
      <c r="D42" s="33"/>
      <c r="E42" s="33"/>
      <c r="F42" s="33"/>
      <c r="G42" s="33"/>
      <c r="H42" s="33"/>
      <c r="I42" s="33"/>
      <c r="J42" s="33"/>
      <c r="K42" s="33"/>
      <c r="L42" s="33"/>
      <c r="M42" s="32"/>
      <c r="N42" s="32"/>
      <c r="O42" s="32"/>
      <c r="P42" s="32"/>
      <c r="Q42" s="32"/>
      <c r="R42" s="32"/>
      <c r="S42" s="32"/>
      <c r="T42" s="32"/>
      <c r="U42" s="32"/>
      <c r="V42" s="32"/>
      <c r="W42" s="32"/>
      <c r="X42" s="32"/>
      <c r="Y42" s="32"/>
      <c r="Z42" s="32"/>
      <c r="AA42" s="32"/>
      <c r="AB42" s="32"/>
      <c r="AC42" s="32"/>
      <c r="AD42" s="32"/>
      <c r="AE42" s="32"/>
      <c r="AF42" s="32"/>
      <c r="AG42" s="32"/>
      <c r="AH42" s="32"/>
      <c r="AI42" s="32"/>
      <c r="AJ42" s="32"/>
      <c r="AK42" s="32"/>
      <c r="AL42" s="32"/>
      <c r="AM42" s="32"/>
      <c r="AN42" s="32"/>
      <c r="AO42" s="32"/>
      <c r="AP42" s="32"/>
      <c r="AQ42" s="32"/>
    </row>
    <row r="43" spans="2:43" x14ac:dyDescent="0.2">
      <c r="C43" s="33"/>
      <c r="D43" s="33"/>
      <c r="E43" s="33"/>
      <c r="F43" s="33"/>
      <c r="G43" s="33"/>
      <c r="H43" s="33"/>
      <c r="I43" s="33"/>
      <c r="J43" s="33"/>
      <c r="K43" s="33"/>
      <c r="L43" s="33"/>
      <c r="M43" s="32"/>
      <c r="N43" s="32"/>
      <c r="O43" s="32"/>
      <c r="P43" s="32"/>
      <c r="Q43" s="32"/>
      <c r="R43" s="32"/>
      <c r="S43" s="32"/>
      <c r="T43" s="32"/>
      <c r="U43" s="32"/>
      <c r="V43" s="32"/>
      <c r="W43" s="32"/>
      <c r="X43" s="32"/>
      <c r="Y43" s="32"/>
      <c r="Z43" s="32"/>
      <c r="AA43" s="32"/>
      <c r="AB43" s="32"/>
      <c r="AC43" s="32"/>
      <c r="AD43" s="32"/>
      <c r="AE43" s="32"/>
      <c r="AF43" s="32"/>
      <c r="AG43" s="32"/>
      <c r="AH43" s="32"/>
      <c r="AI43" s="32"/>
      <c r="AJ43" s="32"/>
      <c r="AK43" s="32"/>
      <c r="AL43" s="32"/>
      <c r="AM43" s="32"/>
      <c r="AN43" s="32"/>
      <c r="AO43" s="32"/>
      <c r="AP43" s="32"/>
      <c r="AQ43" s="32"/>
    </row>
    <row r="44" spans="2:43" x14ac:dyDescent="0.2">
      <c r="C44" s="33"/>
      <c r="D44" s="33"/>
      <c r="E44" s="33"/>
      <c r="F44" s="33"/>
      <c r="G44" s="33"/>
      <c r="H44" s="33"/>
      <c r="I44" s="33"/>
      <c r="J44" s="33"/>
      <c r="K44" s="33"/>
      <c r="L44" s="33"/>
      <c r="M44" s="32"/>
      <c r="N44" s="32"/>
      <c r="O44" s="32"/>
      <c r="P44" s="32"/>
      <c r="Q44" s="32"/>
      <c r="R44" s="32"/>
      <c r="S44" s="32"/>
      <c r="T44" s="32"/>
      <c r="U44" s="32"/>
      <c r="V44" s="32"/>
      <c r="W44" s="32"/>
      <c r="X44" s="32"/>
      <c r="Y44" s="32"/>
      <c r="Z44" s="32"/>
      <c r="AA44" s="32"/>
      <c r="AB44" s="32"/>
      <c r="AC44" s="32"/>
      <c r="AD44" s="32"/>
      <c r="AE44" s="32"/>
      <c r="AF44" s="32"/>
      <c r="AG44" s="32"/>
      <c r="AH44" s="32"/>
      <c r="AI44" s="32"/>
      <c r="AJ44" s="32"/>
      <c r="AK44" s="32"/>
      <c r="AL44" s="32"/>
      <c r="AM44" s="32"/>
      <c r="AN44" s="32"/>
      <c r="AO44" s="32"/>
      <c r="AP44" s="32"/>
      <c r="AQ44" s="32"/>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H1:I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39370078740157483" right="0.39370078740157483" top="0.27559055118110237" bottom="0.39370078740157483" header="0.19685039370078741" footer="0.19685039370078741"/>
  <pageSetup paperSize="9" scale="35" orientation="landscape" r:id="rId1"/>
  <headerFooter alignWithMargins="0">
    <oddFooter>&amp;L&amp;20&amp;A&amp;C&amp;P/&amp;N</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4" customWidth="1"/>
    <col min="83" max="83" width="7.77734375" style="34" customWidth="1"/>
    <col min="84" max="90" width="9" style="34"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4" customWidth="1"/>
    <col min="116" max="116" width="7.33203125" style="34" customWidth="1"/>
    <col min="117" max="121" width="8.88671875" style="34" customWidth="1"/>
    <col min="122" max="123" width="9.6640625" style="34"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4" customWidth="1"/>
    <col min="171" max="171" width="7.33203125" style="34" customWidth="1"/>
    <col min="172" max="176" width="8.88671875" style="34" customWidth="1"/>
    <col min="177" max="178" width="9.6640625" style="34"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15" t="s">
        <v>145</v>
      </c>
      <c r="E1" s="468">
        <f>第１表!F2</f>
        <v>5</v>
      </c>
      <c r="F1" s="233">
        <f>第１表!G2</f>
        <v>9</v>
      </c>
      <c r="G1" s="583">
        <f>IF(F1&lt;3,F1-2+12,F1-2)</f>
        <v>7</v>
      </c>
      <c r="H1" s="583"/>
      <c r="IB1" s="341"/>
      <c r="IC1" s="239"/>
      <c r="ID1" s="624"/>
      <c r="IE1" s="624"/>
    </row>
    <row r="2" spans="1:409" s="39" customFormat="1" ht="24" customHeight="1" x14ac:dyDescent="0.2">
      <c r="B2" s="15" t="s">
        <v>146</v>
      </c>
      <c r="E2" s="236"/>
      <c r="F2" s="237"/>
      <c r="G2" s="598"/>
      <c r="H2" s="598"/>
      <c r="CB2" s="302"/>
      <c r="CC2" s="302"/>
      <c r="CD2" s="302"/>
      <c r="CE2" s="302"/>
      <c r="CF2" s="302"/>
      <c r="CG2" s="302"/>
      <c r="CH2" s="302"/>
      <c r="CI2" s="302"/>
      <c r="CJ2" s="302"/>
      <c r="CK2" s="302"/>
      <c r="CL2" s="302"/>
      <c r="DI2" s="302"/>
      <c r="DJ2" s="302"/>
      <c r="DK2" s="302"/>
      <c r="DL2" s="302"/>
      <c r="DM2" s="302"/>
      <c r="DN2" s="302"/>
      <c r="DO2" s="302"/>
      <c r="DP2" s="302"/>
      <c r="DQ2" s="302"/>
      <c r="DR2" s="302"/>
      <c r="DS2" s="302"/>
      <c r="FL2" s="302"/>
      <c r="FM2" s="302"/>
      <c r="FN2" s="302"/>
      <c r="FO2" s="302"/>
      <c r="FP2" s="302"/>
      <c r="FQ2" s="302"/>
      <c r="FR2" s="302"/>
      <c r="FS2" s="302"/>
      <c r="FT2" s="302"/>
      <c r="FU2" s="302"/>
      <c r="FV2" s="302"/>
      <c r="HZ2" s="34"/>
      <c r="IA2" s="34"/>
      <c r="IB2" s="238"/>
      <c r="IC2" s="239"/>
      <c r="ID2" s="344"/>
      <c r="IE2" s="344"/>
      <c r="IF2" s="34"/>
      <c r="IG2" s="34"/>
      <c r="IH2" s="34"/>
      <c r="II2" s="34"/>
      <c r="IJ2" s="34"/>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4"/>
      <c r="KZ2" s="34"/>
      <c r="LA2" s="34"/>
      <c r="LB2" s="34"/>
      <c r="LC2" s="34"/>
      <c r="LD2" s="34"/>
      <c r="LE2" s="34"/>
      <c r="LF2" s="34"/>
      <c r="LG2" s="34"/>
      <c r="LH2" s="34"/>
      <c r="LI2" s="34"/>
      <c r="LJ2" s="34"/>
      <c r="LK2" s="34"/>
      <c r="LL2" s="34"/>
      <c r="LM2" s="34"/>
      <c r="LN2" s="34"/>
      <c r="LO2" s="34"/>
      <c r="LP2" s="34"/>
      <c r="LQ2" s="34"/>
      <c r="LR2" s="34"/>
      <c r="LS2" s="34"/>
      <c r="LT2" s="34"/>
      <c r="LU2" s="34"/>
      <c r="LV2" s="34"/>
      <c r="LW2" s="34"/>
      <c r="LX2" s="34"/>
      <c r="LY2" s="34"/>
      <c r="LZ2" s="34"/>
      <c r="MA2" s="34"/>
      <c r="MB2" s="34"/>
      <c r="MC2" s="34"/>
      <c r="MD2" s="34"/>
      <c r="ME2" s="34"/>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39" customFormat="1" ht="24" customHeight="1" thickBot="1" x14ac:dyDescent="0.25">
      <c r="B3" s="15" t="s">
        <v>147</v>
      </c>
      <c r="CB3" s="302"/>
      <c r="CC3" s="302"/>
      <c r="CD3" s="302"/>
      <c r="CE3" s="302"/>
      <c r="CF3" s="302"/>
      <c r="CG3" s="302"/>
      <c r="CH3" s="302"/>
      <c r="CI3" s="302"/>
      <c r="CJ3" s="302"/>
      <c r="CK3" s="302"/>
      <c r="CL3" s="302"/>
      <c r="DI3" s="302"/>
      <c r="DJ3" s="302"/>
      <c r="DK3" s="302"/>
      <c r="DL3" s="302"/>
      <c r="DM3" s="302"/>
      <c r="DN3" s="302"/>
      <c r="DO3" s="302"/>
      <c r="DP3" s="302"/>
      <c r="DQ3" s="302"/>
      <c r="DR3" s="302"/>
      <c r="DS3" s="302"/>
      <c r="FL3" s="302"/>
      <c r="FM3" s="302"/>
      <c r="FN3" s="302"/>
      <c r="FO3" s="302"/>
      <c r="FP3" s="302"/>
      <c r="FQ3" s="302"/>
      <c r="FR3" s="302"/>
      <c r="FS3" s="302"/>
      <c r="FT3" s="302"/>
      <c r="FU3" s="302"/>
      <c r="FV3" s="302"/>
      <c r="HZ3" s="34"/>
      <c r="IA3" s="34"/>
      <c r="IB3" s="34"/>
      <c r="IC3" s="34"/>
      <c r="ID3" s="34"/>
      <c r="IE3" s="34"/>
      <c r="IF3" s="34"/>
      <c r="IG3" s="34"/>
      <c r="IH3" s="34"/>
      <c r="II3" s="34"/>
      <c r="IJ3" s="34"/>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4"/>
      <c r="KZ3" s="34"/>
      <c r="LA3" s="34"/>
      <c r="LB3" s="34"/>
      <c r="LC3" s="34"/>
      <c r="LD3" s="34"/>
      <c r="LE3" s="34"/>
      <c r="LF3" s="34"/>
      <c r="LG3" s="34"/>
      <c r="LH3" s="34"/>
      <c r="LI3" s="34"/>
      <c r="LJ3" s="34"/>
      <c r="LK3" s="34"/>
      <c r="LL3" s="34"/>
      <c r="LM3" s="34"/>
      <c r="LN3" s="34"/>
      <c r="LO3" s="34"/>
      <c r="LP3" s="34"/>
      <c r="LQ3" s="34"/>
      <c r="LR3" s="34"/>
      <c r="LS3" s="34"/>
      <c r="LT3" s="34"/>
      <c r="LU3" s="34"/>
      <c r="LV3" s="34"/>
      <c r="LW3" s="34"/>
      <c r="LX3" s="34"/>
      <c r="LY3" s="34"/>
      <c r="LZ3" s="34"/>
      <c r="MA3" s="34"/>
      <c r="MB3" s="34"/>
      <c r="MC3" s="34"/>
      <c r="MD3" s="34"/>
      <c r="ME3" s="34"/>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03" t="s">
        <v>42</v>
      </c>
      <c r="C4" s="606" t="s">
        <v>63</v>
      </c>
      <c r="D4" s="606"/>
      <c r="E4" s="606"/>
      <c r="F4" s="606"/>
      <c r="G4" s="606"/>
      <c r="H4" s="606"/>
      <c r="I4" s="606"/>
      <c r="J4" s="606"/>
      <c r="K4" s="606"/>
      <c r="L4" s="606"/>
      <c r="M4" s="606"/>
      <c r="N4" s="552"/>
      <c r="O4" s="552"/>
      <c r="P4" s="552"/>
      <c r="Q4" s="552"/>
      <c r="R4" s="552"/>
      <c r="S4" s="552"/>
      <c r="T4" s="552"/>
      <c r="U4" s="552"/>
      <c r="V4" s="552"/>
      <c r="W4" s="552"/>
      <c r="X4" s="552"/>
      <c r="Y4" s="552"/>
      <c r="Z4" s="552"/>
      <c r="AA4" s="552"/>
      <c r="AB4" s="552"/>
      <c r="AC4" s="552"/>
      <c r="AD4" s="552"/>
      <c r="AE4" s="552"/>
      <c r="AF4" s="552"/>
      <c r="AG4" s="552"/>
      <c r="AH4" s="552"/>
      <c r="AI4" s="552"/>
      <c r="AJ4" s="552"/>
      <c r="AK4" s="552"/>
      <c r="AL4" s="552"/>
      <c r="AM4" s="552"/>
      <c r="AN4" s="552"/>
      <c r="AO4" s="552"/>
      <c r="AP4" s="552"/>
      <c r="AQ4" s="552"/>
      <c r="AR4" s="552"/>
      <c r="AS4" s="552"/>
      <c r="AT4" s="552"/>
      <c r="AU4" s="552"/>
      <c r="AV4" s="552"/>
      <c r="AW4" s="552"/>
      <c r="AX4" s="552"/>
      <c r="AY4" s="552"/>
      <c r="AZ4" s="552"/>
      <c r="BA4" s="552"/>
      <c r="BB4" s="552"/>
      <c r="BC4" s="552"/>
      <c r="BD4" s="552"/>
      <c r="BE4" s="552"/>
      <c r="BF4" s="552"/>
      <c r="BG4" s="552"/>
      <c r="BH4" s="552"/>
      <c r="BI4" s="552"/>
      <c r="BJ4" s="552"/>
      <c r="BK4" s="552"/>
      <c r="BL4" s="552"/>
      <c r="BM4" s="552"/>
      <c r="BN4" s="552"/>
      <c r="BO4" s="552"/>
      <c r="BP4" s="552"/>
      <c r="BQ4" s="552"/>
      <c r="BR4" s="552"/>
      <c r="BS4" s="552"/>
      <c r="BT4" s="552"/>
      <c r="BU4" s="552"/>
      <c r="BV4" s="552"/>
      <c r="BW4" s="552"/>
      <c r="BX4" s="552"/>
      <c r="BY4" s="552"/>
      <c r="BZ4" s="552"/>
      <c r="CA4" s="552"/>
      <c r="CB4" s="552"/>
      <c r="CC4" s="552"/>
      <c r="CD4" s="552"/>
      <c r="CE4" s="552"/>
      <c r="CF4" s="552"/>
      <c r="CG4" s="552"/>
      <c r="CH4" s="552"/>
      <c r="CI4" s="552"/>
      <c r="CJ4" s="552"/>
      <c r="CK4" s="552"/>
      <c r="CL4" s="552"/>
      <c r="CM4" s="552"/>
      <c r="CN4" s="552"/>
      <c r="CO4" s="552"/>
      <c r="CP4" s="552"/>
      <c r="CQ4" s="552"/>
      <c r="CR4" s="552"/>
      <c r="CS4" s="552"/>
      <c r="CT4" s="552"/>
      <c r="CU4" s="552"/>
      <c r="CV4" s="552"/>
      <c r="CW4" s="552"/>
      <c r="CX4" s="552"/>
      <c r="CY4" s="552"/>
      <c r="CZ4" s="552"/>
      <c r="DA4" s="552"/>
      <c r="DB4" s="552"/>
      <c r="DC4" s="552"/>
      <c r="DD4" s="552"/>
      <c r="DE4" s="552"/>
      <c r="DF4" s="552"/>
      <c r="DG4" s="552"/>
      <c r="DH4" s="552"/>
      <c r="DI4" s="552"/>
      <c r="DJ4" s="552"/>
      <c r="DK4" s="552"/>
      <c r="DL4" s="552"/>
      <c r="DM4" s="552"/>
      <c r="DN4" s="552"/>
      <c r="DO4" s="552"/>
      <c r="DP4" s="552"/>
      <c r="DQ4" s="552"/>
      <c r="DR4" s="552"/>
      <c r="DS4" s="552"/>
      <c r="DT4" s="552"/>
      <c r="DU4" s="552"/>
      <c r="DV4" s="552"/>
      <c r="DW4" s="552"/>
      <c r="DX4" s="552"/>
      <c r="DY4" s="552"/>
      <c r="DZ4" s="552"/>
      <c r="EA4" s="552"/>
      <c r="EB4" s="552"/>
      <c r="EC4" s="552"/>
      <c r="ED4" s="552"/>
      <c r="EE4" s="552"/>
      <c r="EF4" s="552"/>
      <c r="EG4" s="552"/>
      <c r="EH4" s="552"/>
      <c r="EI4" s="552"/>
      <c r="EJ4" s="552"/>
      <c r="EK4" s="552"/>
      <c r="EL4" s="552"/>
      <c r="EM4" s="552"/>
      <c r="EN4" s="552"/>
      <c r="EO4" s="552"/>
      <c r="EP4" s="552"/>
      <c r="EQ4" s="552"/>
      <c r="ER4" s="552"/>
      <c r="ES4" s="552"/>
      <c r="ET4" s="552"/>
      <c r="EU4" s="552"/>
      <c r="EV4" s="552"/>
      <c r="EW4" s="552"/>
      <c r="EX4" s="552"/>
      <c r="EY4" s="552"/>
      <c r="EZ4" s="552"/>
      <c r="FA4" s="552"/>
      <c r="FB4" s="552"/>
      <c r="FC4" s="552"/>
      <c r="FD4" s="552"/>
      <c r="FE4" s="552"/>
      <c r="FF4" s="552"/>
      <c r="FG4" s="552"/>
      <c r="FH4" s="552"/>
      <c r="FI4" s="552"/>
      <c r="FJ4" s="552"/>
      <c r="FK4" s="552"/>
      <c r="FL4" s="552"/>
      <c r="FM4" s="552"/>
      <c r="FN4" s="552"/>
      <c r="FO4" s="552"/>
      <c r="FP4" s="552"/>
      <c r="FQ4" s="552"/>
      <c r="FR4" s="552"/>
      <c r="FS4" s="552"/>
      <c r="FT4" s="552"/>
      <c r="FU4" s="552"/>
      <c r="FV4" s="552"/>
      <c r="FW4" s="552"/>
      <c r="FX4" s="552"/>
      <c r="FY4" s="552"/>
      <c r="FZ4" s="552"/>
      <c r="GA4" s="552"/>
      <c r="GB4" s="552"/>
      <c r="GC4" s="552"/>
      <c r="GD4" s="552"/>
      <c r="GE4" s="552"/>
      <c r="GF4" s="552"/>
      <c r="GG4" s="552"/>
      <c r="GH4" s="552"/>
      <c r="GI4" s="552"/>
      <c r="GJ4" s="552"/>
      <c r="GK4" s="552"/>
      <c r="GL4" s="552"/>
      <c r="GM4" s="552"/>
      <c r="GN4" s="552"/>
      <c r="GO4" s="552"/>
      <c r="GP4" s="552"/>
      <c r="GQ4" s="552"/>
      <c r="GR4" s="552"/>
      <c r="GS4" s="552"/>
      <c r="GT4" s="552"/>
      <c r="GU4" s="552"/>
      <c r="GV4" s="552"/>
      <c r="GW4" s="552"/>
      <c r="GX4" s="552"/>
      <c r="GY4" s="552"/>
      <c r="GZ4" s="552"/>
      <c r="HA4" s="552"/>
      <c r="HB4" s="552"/>
      <c r="HC4" s="552"/>
      <c r="HD4" s="552"/>
      <c r="HE4" s="552"/>
      <c r="HF4" s="552"/>
      <c r="HG4" s="552"/>
      <c r="HH4" s="552"/>
      <c r="HI4" s="552"/>
      <c r="HJ4" s="552"/>
      <c r="HK4" s="552"/>
      <c r="HL4" s="552"/>
      <c r="HM4" s="552"/>
      <c r="HN4" s="552"/>
      <c r="HO4" s="552"/>
      <c r="HP4" s="552"/>
      <c r="HQ4" s="552"/>
      <c r="HR4" s="552"/>
      <c r="HS4" s="552"/>
      <c r="HT4" s="552"/>
      <c r="HU4" s="552"/>
      <c r="HV4" s="552"/>
      <c r="HW4" s="552"/>
      <c r="HX4" s="552"/>
      <c r="HY4" s="553"/>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1:409" ht="21" customHeight="1" thickBot="1" x14ac:dyDescent="0.25">
      <c r="B5" s="604"/>
      <c r="C5" s="607"/>
      <c r="D5" s="607"/>
      <c r="E5" s="607"/>
      <c r="F5" s="607"/>
      <c r="G5" s="607"/>
      <c r="H5" s="607"/>
      <c r="I5" s="607"/>
      <c r="J5" s="607"/>
      <c r="K5" s="607"/>
      <c r="L5" s="607"/>
      <c r="M5" s="607"/>
      <c r="N5" s="609" t="s">
        <v>64</v>
      </c>
      <c r="O5" s="610"/>
      <c r="P5" s="610"/>
      <c r="Q5" s="610"/>
      <c r="R5" s="610"/>
      <c r="S5" s="610"/>
      <c r="T5" s="610"/>
      <c r="U5" s="610"/>
      <c r="V5" s="610"/>
      <c r="W5" s="610"/>
      <c r="X5" s="610"/>
      <c r="Y5" s="610"/>
      <c r="Z5" s="610"/>
      <c r="AA5" s="610"/>
      <c r="AB5" s="610"/>
      <c r="AC5" s="610"/>
      <c r="AD5" s="610"/>
      <c r="AE5" s="610"/>
      <c r="AF5" s="610"/>
      <c r="AG5" s="610"/>
      <c r="AH5" s="610"/>
      <c r="AI5" s="610"/>
      <c r="AJ5" s="610"/>
      <c r="AK5" s="610"/>
      <c r="AL5" s="610"/>
      <c r="AM5" s="610"/>
      <c r="AN5" s="610"/>
      <c r="AO5" s="610"/>
      <c r="AP5" s="610"/>
      <c r="AQ5" s="610"/>
      <c r="AR5" s="610"/>
      <c r="AS5" s="610"/>
      <c r="AT5" s="610"/>
      <c r="AU5" s="610"/>
      <c r="AV5" s="610"/>
      <c r="AW5" s="610"/>
      <c r="AX5" s="610"/>
      <c r="AY5" s="610"/>
      <c r="AZ5" s="610"/>
      <c r="BA5" s="610"/>
      <c r="BB5" s="610"/>
      <c r="BC5" s="610"/>
      <c r="BD5" s="610"/>
      <c r="BE5" s="610"/>
      <c r="BF5" s="610"/>
      <c r="BG5" s="610"/>
      <c r="BH5" s="610"/>
      <c r="BI5" s="610"/>
      <c r="BJ5" s="610"/>
      <c r="BK5" s="610"/>
      <c r="BL5" s="610"/>
      <c r="BM5" s="610"/>
      <c r="BN5" s="610"/>
      <c r="BO5" s="610"/>
      <c r="BP5" s="610"/>
      <c r="BQ5" s="610"/>
      <c r="BR5" s="610"/>
      <c r="BS5" s="610"/>
      <c r="BT5" s="610"/>
      <c r="BU5" s="610"/>
      <c r="BV5" s="610"/>
      <c r="BW5" s="610"/>
      <c r="BX5" s="610"/>
      <c r="BY5" s="610"/>
      <c r="BZ5" s="610"/>
      <c r="CA5" s="611"/>
      <c r="CB5" s="609" t="s">
        <v>65</v>
      </c>
      <c r="CC5" s="610"/>
      <c r="CD5" s="610"/>
      <c r="CE5" s="610"/>
      <c r="CF5" s="610"/>
      <c r="CG5" s="610"/>
      <c r="CH5" s="610"/>
      <c r="CI5" s="610"/>
      <c r="CJ5" s="610"/>
      <c r="CK5" s="610"/>
      <c r="CL5" s="610"/>
      <c r="CM5" s="610"/>
      <c r="CN5" s="610"/>
      <c r="CO5" s="610"/>
      <c r="CP5" s="610"/>
      <c r="CQ5" s="610"/>
      <c r="CR5" s="610"/>
      <c r="CS5" s="610"/>
      <c r="CT5" s="610"/>
      <c r="CU5" s="610"/>
      <c r="CV5" s="610"/>
      <c r="CW5" s="610"/>
      <c r="CX5" s="610"/>
      <c r="CY5" s="610"/>
      <c r="CZ5" s="610"/>
      <c r="DA5" s="610"/>
      <c r="DB5" s="610"/>
      <c r="DC5" s="610"/>
      <c r="DD5" s="610"/>
      <c r="DE5" s="610"/>
      <c r="DF5" s="610"/>
      <c r="DG5" s="610"/>
      <c r="DH5" s="611"/>
      <c r="DI5" s="585" t="s">
        <v>66</v>
      </c>
      <c r="DJ5" s="586"/>
      <c r="DK5" s="586"/>
      <c r="DL5" s="586"/>
      <c r="DM5" s="586"/>
      <c r="DN5" s="586"/>
      <c r="DO5" s="586"/>
      <c r="DP5" s="586"/>
      <c r="DQ5" s="586"/>
      <c r="DR5" s="586"/>
      <c r="DS5" s="586"/>
      <c r="DT5" s="586"/>
      <c r="DU5" s="586"/>
      <c r="DV5" s="586"/>
      <c r="DW5" s="586"/>
      <c r="DX5" s="586"/>
      <c r="DY5" s="586"/>
      <c r="DZ5" s="586"/>
      <c r="EA5" s="586"/>
      <c r="EB5" s="586"/>
      <c r="EC5" s="586"/>
      <c r="ED5" s="586"/>
      <c r="EE5" s="586"/>
      <c r="EF5" s="586"/>
      <c r="EG5" s="586"/>
      <c r="EH5" s="586"/>
      <c r="EI5" s="586"/>
      <c r="EJ5" s="586"/>
      <c r="EK5" s="586"/>
      <c r="EL5" s="586"/>
      <c r="EM5" s="586"/>
      <c r="EN5" s="586"/>
      <c r="EO5" s="586"/>
      <c r="EP5" s="586"/>
      <c r="EQ5" s="586"/>
      <c r="ER5" s="586"/>
      <c r="ES5" s="586"/>
      <c r="ET5" s="586"/>
      <c r="EU5" s="586"/>
      <c r="EV5" s="586"/>
      <c r="EW5" s="586"/>
      <c r="EX5" s="586"/>
      <c r="EY5" s="586"/>
      <c r="EZ5" s="586"/>
      <c r="FA5" s="586"/>
      <c r="FB5" s="586"/>
      <c r="FC5" s="586"/>
      <c r="FD5" s="586"/>
      <c r="FE5" s="586"/>
      <c r="FF5" s="586"/>
      <c r="FG5" s="586"/>
      <c r="FH5" s="586"/>
      <c r="FI5" s="586"/>
      <c r="FJ5" s="586"/>
      <c r="FK5" s="587"/>
      <c r="FL5" s="609" t="s">
        <v>67</v>
      </c>
      <c r="FM5" s="610"/>
      <c r="FN5" s="610"/>
      <c r="FO5" s="610"/>
      <c r="FP5" s="610"/>
      <c r="FQ5" s="610"/>
      <c r="FR5" s="610"/>
      <c r="FS5" s="610"/>
      <c r="FT5" s="610"/>
      <c r="FU5" s="610"/>
      <c r="FV5" s="610"/>
      <c r="FW5" s="610"/>
      <c r="FX5" s="610"/>
      <c r="FY5" s="610"/>
      <c r="FZ5" s="610"/>
      <c r="GA5" s="610"/>
      <c r="GB5" s="610"/>
      <c r="GC5" s="610"/>
      <c r="GD5" s="610"/>
      <c r="GE5" s="610"/>
      <c r="GF5" s="610"/>
      <c r="GG5" s="610"/>
      <c r="GH5" s="610"/>
      <c r="GI5" s="610"/>
      <c r="GJ5" s="610"/>
      <c r="GK5" s="610"/>
      <c r="GL5" s="610"/>
      <c r="GM5" s="610"/>
      <c r="GN5" s="610"/>
      <c r="GO5" s="610"/>
      <c r="GP5" s="610"/>
      <c r="GQ5" s="610"/>
      <c r="GR5" s="610"/>
      <c r="GS5" s="610"/>
      <c r="GT5" s="610"/>
      <c r="GU5" s="610"/>
      <c r="GV5" s="610"/>
      <c r="GW5" s="610"/>
      <c r="GX5" s="610"/>
      <c r="GY5" s="610"/>
      <c r="GZ5" s="610"/>
      <c r="HA5" s="610"/>
      <c r="HB5" s="610"/>
      <c r="HC5" s="611"/>
      <c r="HD5" s="595" t="s">
        <v>68</v>
      </c>
      <c r="HE5" s="596"/>
      <c r="HF5" s="596"/>
      <c r="HG5" s="596"/>
      <c r="HH5" s="596"/>
      <c r="HI5" s="596"/>
      <c r="HJ5" s="596"/>
      <c r="HK5" s="596"/>
      <c r="HL5" s="596"/>
      <c r="HM5" s="596"/>
      <c r="HN5" s="597"/>
      <c r="HO5" s="595" t="s">
        <v>69</v>
      </c>
      <c r="HP5" s="596"/>
      <c r="HQ5" s="596"/>
      <c r="HR5" s="596"/>
      <c r="HS5" s="596"/>
      <c r="HT5" s="596"/>
      <c r="HU5" s="596"/>
      <c r="HV5" s="596"/>
      <c r="HW5" s="596"/>
      <c r="HX5" s="596"/>
      <c r="HY5" s="5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1:409" ht="21" customHeight="1" thickBot="1" x14ac:dyDescent="0.25">
      <c r="B6" s="604"/>
      <c r="C6" s="608"/>
      <c r="D6" s="608"/>
      <c r="E6" s="608"/>
      <c r="F6" s="608"/>
      <c r="G6" s="608"/>
      <c r="H6" s="608"/>
      <c r="I6" s="608"/>
      <c r="J6" s="608"/>
      <c r="K6" s="608"/>
      <c r="L6" s="608"/>
      <c r="M6" s="608"/>
      <c r="N6" s="575"/>
      <c r="O6" s="568"/>
      <c r="P6" s="568"/>
      <c r="Q6" s="568"/>
      <c r="R6" s="568"/>
      <c r="S6" s="568"/>
      <c r="T6" s="568"/>
      <c r="U6" s="568"/>
      <c r="V6" s="568"/>
      <c r="W6" s="568"/>
      <c r="X6" s="576"/>
      <c r="Y6" s="577" t="s">
        <v>70</v>
      </c>
      <c r="Z6" s="578"/>
      <c r="AA6" s="578"/>
      <c r="AB6" s="578"/>
      <c r="AC6" s="578"/>
      <c r="AD6" s="578"/>
      <c r="AE6" s="578"/>
      <c r="AF6" s="578"/>
      <c r="AG6" s="578"/>
      <c r="AH6" s="578"/>
      <c r="AI6" s="579"/>
      <c r="AJ6" s="595" t="s">
        <v>71</v>
      </c>
      <c r="AK6" s="596"/>
      <c r="AL6" s="596"/>
      <c r="AM6" s="596"/>
      <c r="AN6" s="596"/>
      <c r="AO6" s="596"/>
      <c r="AP6" s="596"/>
      <c r="AQ6" s="596"/>
      <c r="AR6" s="596"/>
      <c r="AS6" s="596"/>
      <c r="AT6" s="597"/>
      <c r="AU6" s="591" t="s">
        <v>72</v>
      </c>
      <c r="AV6" s="592"/>
      <c r="AW6" s="592"/>
      <c r="AX6" s="592"/>
      <c r="AY6" s="592"/>
      <c r="AZ6" s="592"/>
      <c r="BA6" s="592"/>
      <c r="BB6" s="592"/>
      <c r="BC6" s="592"/>
      <c r="BD6" s="592"/>
      <c r="BE6" s="593"/>
      <c r="BF6" s="591" t="s">
        <v>73</v>
      </c>
      <c r="BG6" s="592"/>
      <c r="BH6" s="592"/>
      <c r="BI6" s="592"/>
      <c r="BJ6" s="592"/>
      <c r="BK6" s="592"/>
      <c r="BL6" s="592"/>
      <c r="BM6" s="592"/>
      <c r="BN6" s="592"/>
      <c r="BO6" s="592"/>
      <c r="BP6" s="593"/>
      <c r="BQ6" s="591" t="s">
        <v>74</v>
      </c>
      <c r="BR6" s="592"/>
      <c r="BS6" s="592"/>
      <c r="BT6" s="592"/>
      <c r="BU6" s="592"/>
      <c r="BV6" s="592"/>
      <c r="BW6" s="592"/>
      <c r="BX6" s="592"/>
      <c r="BY6" s="592"/>
      <c r="BZ6" s="592"/>
      <c r="CA6" s="593"/>
      <c r="CB6" s="588"/>
      <c r="CC6" s="589"/>
      <c r="CD6" s="589"/>
      <c r="CE6" s="589"/>
      <c r="CF6" s="589"/>
      <c r="CG6" s="589"/>
      <c r="CH6" s="589"/>
      <c r="CI6" s="589"/>
      <c r="CJ6" s="589"/>
      <c r="CK6" s="589"/>
      <c r="CL6" s="590"/>
      <c r="CM6" s="591" t="s">
        <v>75</v>
      </c>
      <c r="CN6" s="592"/>
      <c r="CO6" s="592"/>
      <c r="CP6" s="592"/>
      <c r="CQ6" s="592"/>
      <c r="CR6" s="592"/>
      <c r="CS6" s="592"/>
      <c r="CT6" s="592"/>
      <c r="CU6" s="592"/>
      <c r="CV6" s="592"/>
      <c r="CW6" s="593"/>
      <c r="CX6" s="591" t="s">
        <v>76</v>
      </c>
      <c r="CY6" s="592"/>
      <c r="CZ6" s="592"/>
      <c r="DA6" s="592"/>
      <c r="DB6" s="592"/>
      <c r="DC6" s="592"/>
      <c r="DD6" s="592"/>
      <c r="DE6" s="592"/>
      <c r="DF6" s="592"/>
      <c r="DG6" s="592"/>
      <c r="DH6" s="593"/>
      <c r="DI6" s="588"/>
      <c r="DJ6" s="589"/>
      <c r="DK6" s="589"/>
      <c r="DL6" s="589"/>
      <c r="DM6" s="589"/>
      <c r="DN6" s="589"/>
      <c r="DO6" s="589"/>
      <c r="DP6" s="589"/>
      <c r="DQ6" s="589"/>
      <c r="DR6" s="589"/>
      <c r="DS6" s="589"/>
      <c r="DT6" s="591" t="s">
        <v>77</v>
      </c>
      <c r="DU6" s="592"/>
      <c r="DV6" s="592"/>
      <c r="DW6" s="592"/>
      <c r="DX6" s="592"/>
      <c r="DY6" s="592"/>
      <c r="DZ6" s="592"/>
      <c r="EA6" s="592"/>
      <c r="EB6" s="592"/>
      <c r="EC6" s="592"/>
      <c r="ED6" s="593"/>
      <c r="EE6" s="591" t="s">
        <v>78</v>
      </c>
      <c r="EF6" s="592"/>
      <c r="EG6" s="592"/>
      <c r="EH6" s="592"/>
      <c r="EI6" s="592"/>
      <c r="EJ6" s="592"/>
      <c r="EK6" s="592"/>
      <c r="EL6" s="592"/>
      <c r="EM6" s="592"/>
      <c r="EN6" s="592"/>
      <c r="EO6" s="593"/>
      <c r="EP6" s="591" t="s">
        <v>79</v>
      </c>
      <c r="EQ6" s="592"/>
      <c r="ER6" s="592"/>
      <c r="ES6" s="592"/>
      <c r="ET6" s="592"/>
      <c r="EU6" s="592"/>
      <c r="EV6" s="592"/>
      <c r="EW6" s="592"/>
      <c r="EX6" s="592"/>
      <c r="EY6" s="592"/>
      <c r="EZ6" s="593"/>
      <c r="FA6" s="594" t="s">
        <v>151</v>
      </c>
      <c r="FB6" s="592"/>
      <c r="FC6" s="592"/>
      <c r="FD6" s="592"/>
      <c r="FE6" s="592"/>
      <c r="FF6" s="592"/>
      <c r="FG6" s="592"/>
      <c r="FH6" s="592"/>
      <c r="FI6" s="592"/>
      <c r="FJ6" s="592"/>
      <c r="FK6" s="593"/>
      <c r="FL6" s="588"/>
      <c r="FM6" s="589"/>
      <c r="FN6" s="589"/>
      <c r="FO6" s="589"/>
      <c r="FP6" s="589"/>
      <c r="FQ6" s="589"/>
      <c r="FR6" s="589"/>
      <c r="FS6" s="589"/>
      <c r="FT6" s="589"/>
      <c r="FU6" s="589"/>
      <c r="FV6" s="589"/>
      <c r="FW6" s="591" t="s">
        <v>80</v>
      </c>
      <c r="FX6" s="592"/>
      <c r="FY6" s="592"/>
      <c r="FZ6" s="592"/>
      <c r="GA6" s="592"/>
      <c r="GB6" s="592"/>
      <c r="GC6" s="592"/>
      <c r="GD6" s="592"/>
      <c r="GE6" s="592"/>
      <c r="GF6" s="592"/>
      <c r="GG6" s="593"/>
      <c r="GH6" s="577" t="s">
        <v>81</v>
      </c>
      <c r="GI6" s="578"/>
      <c r="GJ6" s="578"/>
      <c r="GK6" s="578"/>
      <c r="GL6" s="578"/>
      <c r="GM6" s="578"/>
      <c r="GN6" s="578"/>
      <c r="GO6" s="578"/>
      <c r="GP6" s="578"/>
      <c r="GQ6" s="578"/>
      <c r="GR6" s="579"/>
      <c r="GS6" s="577" t="s">
        <v>82</v>
      </c>
      <c r="GT6" s="578"/>
      <c r="GU6" s="578"/>
      <c r="GV6" s="578"/>
      <c r="GW6" s="578"/>
      <c r="GX6" s="578"/>
      <c r="GY6" s="578"/>
      <c r="GZ6" s="578"/>
      <c r="HA6" s="578"/>
      <c r="HB6" s="578"/>
      <c r="HC6" s="579"/>
      <c r="HD6" s="612"/>
      <c r="HE6" s="613"/>
      <c r="HF6" s="613"/>
      <c r="HG6" s="613"/>
      <c r="HH6" s="613"/>
      <c r="HI6" s="613"/>
      <c r="HJ6" s="613"/>
      <c r="HK6" s="613"/>
      <c r="HL6" s="613"/>
      <c r="HM6" s="613"/>
      <c r="HN6" s="614"/>
      <c r="HO6" s="612"/>
      <c r="HP6" s="613"/>
      <c r="HQ6" s="613"/>
      <c r="HR6" s="613"/>
      <c r="HS6" s="613"/>
      <c r="HT6" s="613"/>
      <c r="HU6" s="613"/>
      <c r="HV6" s="613"/>
      <c r="HW6" s="613"/>
      <c r="HX6" s="613"/>
      <c r="HY6" s="614"/>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1:409" ht="21" customHeight="1" x14ac:dyDescent="0.2">
      <c r="B7" s="604"/>
      <c r="C7" s="560" t="s">
        <v>61</v>
      </c>
      <c r="D7" s="560"/>
      <c r="E7" s="560"/>
      <c r="F7" s="559" t="s">
        <v>62</v>
      </c>
      <c r="G7" s="560"/>
      <c r="H7" s="560"/>
      <c r="I7" s="560"/>
      <c r="J7" s="560"/>
      <c r="K7" s="560"/>
      <c r="L7" s="560"/>
      <c r="M7" s="559" t="s">
        <v>52</v>
      </c>
      <c r="N7" s="616" t="s">
        <v>61</v>
      </c>
      <c r="O7" s="560"/>
      <c r="P7" s="560"/>
      <c r="Q7" s="559" t="s">
        <v>62</v>
      </c>
      <c r="R7" s="560"/>
      <c r="S7" s="560"/>
      <c r="T7" s="560"/>
      <c r="U7" s="560"/>
      <c r="V7" s="560"/>
      <c r="W7" s="561"/>
      <c r="X7" s="601" t="s">
        <v>52</v>
      </c>
      <c r="Y7" s="575" t="s">
        <v>61</v>
      </c>
      <c r="Z7" s="568"/>
      <c r="AA7" s="569"/>
      <c r="AB7" s="567" t="s">
        <v>62</v>
      </c>
      <c r="AC7" s="568"/>
      <c r="AD7" s="568"/>
      <c r="AE7" s="568"/>
      <c r="AF7" s="568"/>
      <c r="AG7" s="568"/>
      <c r="AH7" s="569"/>
      <c r="AI7" s="576" t="s">
        <v>52</v>
      </c>
      <c r="AJ7" s="556" t="s">
        <v>61</v>
      </c>
      <c r="AK7" s="557"/>
      <c r="AL7" s="558"/>
      <c r="AM7" s="617" t="s">
        <v>62</v>
      </c>
      <c r="AN7" s="557"/>
      <c r="AO7" s="557"/>
      <c r="AP7" s="557"/>
      <c r="AQ7" s="557"/>
      <c r="AR7" s="557"/>
      <c r="AS7" s="618"/>
      <c r="AT7" s="619" t="s">
        <v>52</v>
      </c>
      <c r="AU7" s="564" t="s">
        <v>61</v>
      </c>
      <c r="AV7" s="565"/>
      <c r="AW7" s="566"/>
      <c r="AX7" s="599" t="s">
        <v>62</v>
      </c>
      <c r="AY7" s="565"/>
      <c r="AZ7" s="565"/>
      <c r="BA7" s="565"/>
      <c r="BB7" s="565"/>
      <c r="BC7" s="565"/>
      <c r="BD7" s="600"/>
      <c r="BE7" s="576" t="s">
        <v>52</v>
      </c>
      <c r="BF7" s="564" t="s">
        <v>61</v>
      </c>
      <c r="BG7" s="565"/>
      <c r="BH7" s="566"/>
      <c r="BI7" s="599" t="s">
        <v>62</v>
      </c>
      <c r="BJ7" s="565"/>
      <c r="BK7" s="565"/>
      <c r="BL7" s="565"/>
      <c r="BM7" s="565"/>
      <c r="BN7" s="565"/>
      <c r="BO7" s="600"/>
      <c r="BP7" s="576" t="s">
        <v>52</v>
      </c>
      <c r="BQ7" s="564" t="s">
        <v>61</v>
      </c>
      <c r="BR7" s="565"/>
      <c r="BS7" s="566"/>
      <c r="BT7" s="599" t="s">
        <v>62</v>
      </c>
      <c r="BU7" s="565"/>
      <c r="BV7" s="565"/>
      <c r="BW7" s="565"/>
      <c r="BX7" s="565"/>
      <c r="BY7" s="565"/>
      <c r="BZ7" s="600"/>
      <c r="CA7" s="576" t="s">
        <v>52</v>
      </c>
      <c r="CB7" s="556" t="s">
        <v>61</v>
      </c>
      <c r="CC7" s="557"/>
      <c r="CD7" s="558"/>
      <c r="CE7" s="617" t="s">
        <v>62</v>
      </c>
      <c r="CF7" s="557"/>
      <c r="CG7" s="557"/>
      <c r="CH7" s="557"/>
      <c r="CI7" s="557"/>
      <c r="CJ7" s="557"/>
      <c r="CK7" s="618"/>
      <c r="CL7" s="601" t="s">
        <v>52</v>
      </c>
      <c r="CM7" s="564" t="s">
        <v>61</v>
      </c>
      <c r="CN7" s="565"/>
      <c r="CO7" s="600"/>
      <c r="CP7" s="599" t="s">
        <v>62</v>
      </c>
      <c r="CQ7" s="565"/>
      <c r="CR7" s="565"/>
      <c r="CS7" s="565"/>
      <c r="CT7" s="565"/>
      <c r="CU7" s="565"/>
      <c r="CV7" s="600"/>
      <c r="CW7" s="623" t="s">
        <v>52</v>
      </c>
      <c r="CX7" s="564" t="s">
        <v>61</v>
      </c>
      <c r="CY7" s="565"/>
      <c r="CZ7" s="600"/>
      <c r="DA7" s="599" t="s">
        <v>62</v>
      </c>
      <c r="DB7" s="565"/>
      <c r="DC7" s="565"/>
      <c r="DD7" s="565"/>
      <c r="DE7" s="565"/>
      <c r="DF7" s="565"/>
      <c r="DG7" s="600"/>
      <c r="DH7" s="623" t="s">
        <v>52</v>
      </c>
      <c r="DI7" s="556" t="s">
        <v>61</v>
      </c>
      <c r="DJ7" s="557"/>
      <c r="DK7" s="618"/>
      <c r="DL7" s="617" t="s">
        <v>62</v>
      </c>
      <c r="DM7" s="557"/>
      <c r="DN7" s="557"/>
      <c r="DO7" s="557"/>
      <c r="DP7" s="557"/>
      <c r="DQ7" s="557"/>
      <c r="DR7" s="618"/>
      <c r="DS7" s="601" t="s">
        <v>52</v>
      </c>
      <c r="DT7" s="564" t="s">
        <v>61</v>
      </c>
      <c r="DU7" s="565"/>
      <c r="DV7" s="566"/>
      <c r="DW7" s="599" t="s">
        <v>62</v>
      </c>
      <c r="DX7" s="565"/>
      <c r="DY7" s="565"/>
      <c r="DZ7" s="565"/>
      <c r="EA7" s="565"/>
      <c r="EB7" s="565"/>
      <c r="EC7" s="600"/>
      <c r="ED7" s="576" t="s">
        <v>52</v>
      </c>
      <c r="EE7" s="564" t="s">
        <v>61</v>
      </c>
      <c r="EF7" s="565"/>
      <c r="EG7" s="566"/>
      <c r="EH7" s="599" t="s">
        <v>62</v>
      </c>
      <c r="EI7" s="565"/>
      <c r="EJ7" s="565"/>
      <c r="EK7" s="565"/>
      <c r="EL7" s="565"/>
      <c r="EM7" s="565"/>
      <c r="EN7" s="600"/>
      <c r="EO7" s="576" t="s">
        <v>52</v>
      </c>
      <c r="EP7" s="564" t="s">
        <v>61</v>
      </c>
      <c r="EQ7" s="565"/>
      <c r="ER7" s="566"/>
      <c r="ES7" s="599" t="s">
        <v>62</v>
      </c>
      <c r="ET7" s="565"/>
      <c r="EU7" s="565"/>
      <c r="EV7" s="565"/>
      <c r="EW7" s="565"/>
      <c r="EX7" s="565"/>
      <c r="EY7" s="600"/>
      <c r="EZ7" s="576" t="s">
        <v>52</v>
      </c>
      <c r="FA7" s="564" t="s">
        <v>61</v>
      </c>
      <c r="FB7" s="565"/>
      <c r="FC7" s="566"/>
      <c r="FD7" s="599" t="s">
        <v>62</v>
      </c>
      <c r="FE7" s="565"/>
      <c r="FF7" s="565"/>
      <c r="FG7" s="565"/>
      <c r="FH7" s="565"/>
      <c r="FI7" s="565"/>
      <c r="FJ7" s="600"/>
      <c r="FK7" s="576" t="s">
        <v>52</v>
      </c>
      <c r="FL7" s="556" t="s">
        <v>61</v>
      </c>
      <c r="FM7" s="557"/>
      <c r="FN7" s="558"/>
      <c r="FO7" s="617" t="s">
        <v>62</v>
      </c>
      <c r="FP7" s="557"/>
      <c r="FQ7" s="557"/>
      <c r="FR7" s="557"/>
      <c r="FS7" s="557"/>
      <c r="FT7" s="557"/>
      <c r="FU7" s="618"/>
      <c r="FV7" s="560" t="s">
        <v>52</v>
      </c>
      <c r="FW7" s="564" t="s">
        <v>61</v>
      </c>
      <c r="FX7" s="565"/>
      <c r="FY7" s="566"/>
      <c r="FZ7" s="599" t="s">
        <v>62</v>
      </c>
      <c r="GA7" s="565"/>
      <c r="GB7" s="565"/>
      <c r="GC7" s="565"/>
      <c r="GD7" s="565"/>
      <c r="GE7" s="565"/>
      <c r="GF7" s="600"/>
      <c r="GG7" s="576" t="s">
        <v>52</v>
      </c>
      <c r="GH7" s="575" t="s">
        <v>61</v>
      </c>
      <c r="GI7" s="568"/>
      <c r="GJ7" s="568"/>
      <c r="GK7" s="567" t="s">
        <v>62</v>
      </c>
      <c r="GL7" s="568"/>
      <c r="GM7" s="568"/>
      <c r="GN7" s="568"/>
      <c r="GO7" s="568"/>
      <c r="GP7" s="568"/>
      <c r="GQ7" s="569"/>
      <c r="GR7" s="620" t="s">
        <v>52</v>
      </c>
      <c r="GS7" s="575" t="s">
        <v>61</v>
      </c>
      <c r="GT7" s="568"/>
      <c r="GU7" s="569"/>
      <c r="GV7" s="567" t="s">
        <v>62</v>
      </c>
      <c r="GW7" s="568"/>
      <c r="GX7" s="568"/>
      <c r="GY7" s="568"/>
      <c r="GZ7" s="568"/>
      <c r="HA7" s="568"/>
      <c r="HB7" s="569"/>
      <c r="HC7" s="620" t="s">
        <v>52</v>
      </c>
      <c r="HD7" s="564" t="s">
        <v>61</v>
      </c>
      <c r="HE7" s="565"/>
      <c r="HF7" s="566"/>
      <c r="HG7" s="599" t="s">
        <v>62</v>
      </c>
      <c r="HH7" s="565"/>
      <c r="HI7" s="565"/>
      <c r="HJ7" s="565"/>
      <c r="HK7" s="565"/>
      <c r="HL7" s="565"/>
      <c r="HM7" s="600"/>
      <c r="HN7" s="576" t="s">
        <v>52</v>
      </c>
      <c r="HO7" s="564" t="s">
        <v>61</v>
      </c>
      <c r="HP7" s="565"/>
      <c r="HQ7" s="566"/>
      <c r="HR7" s="599" t="s">
        <v>62</v>
      </c>
      <c r="HS7" s="565"/>
      <c r="HT7" s="565"/>
      <c r="HU7" s="565"/>
      <c r="HV7" s="565"/>
      <c r="HW7" s="565"/>
      <c r="HX7" s="600"/>
      <c r="HY7" s="576"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1:409" ht="30" customHeight="1" thickBot="1" x14ac:dyDescent="0.25">
      <c r="B8" s="605"/>
      <c r="C8" s="55" t="s">
        <v>43</v>
      </c>
      <c r="D8" s="13" t="s">
        <v>44</v>
      </c>
      <c r="E8" s="36" t="s">
        <v>45</v>
      </c>
      <c r="F8" s="37" t="s">
        <v>83</v>
      </c>
      <c r="G8" s="13" t="s">
        <v>47</v>
      </c>
      <c r="H8" s="13" t="s">
        <v>48</v>
      </c>
      <c r="I8" s="13" t="s">
        <v>49</v>
      </c>
      <c r="J8" s="13" t="s">
        <v>50</v>
      </c>
      <c r="K8" s="13" t="s">
        <v>51</v>
      </c>
      <c r="L8" s="14" t="s">
        <v>45</v>
      </c>
      <c r="M8" s="615"/>
      <c r="N8" s="35" t="s">
        <v>43</v>
      </c>
      <c r="O8" s="13" t="s">
        <v>44</v>
      </c>
      <c r="P8" s="14" t="s">
        <v>45</v>
      </c>
      <c r="Q8" s="37" t="s">
        <v>83</v>
      </c>
      <c r="R8" s="13" t="s">
        <v>47</v>
      </c>
      <c r="S8" s="13" t="s">
        <v>48</v>
      </c>
      <c r="T8" s="13" t="s">
        <v>49</v>
      </c>
      <c r="U8" s="13" t="s">
        <v>50</v>
      </c>
      <c r="V8" s="13" t="s">
        <v>51</v>
      </c>
      <c r="W8" s="14" t="s">
        <v>45</v>
      </c>
      <c r="X8" s="602"/>
      <c r="Y8" s="35" t="s">
        <v>43</v>
      </c>
      <c r="Z8" s="13" t="s">
        <v>44</v>
      </c>
      <c r="AA8" s="14" t="s">
        <v>45</v>
      </c>
      <c r="AB8" s="37" t="s">
        <v>83</v>
      </c>
      <c r="AC8" s="13" t="s">
        <v>47</v>
      </c>
      <c r="AD8" s="13" t="s">
        <v>48</v>
      </c>
      <c r="AE8" s="13" t="s">
        <v>49</v>
      </c>
      <c r="AF8" s="13" t="s">
        <v>50</v>
      </c>
      <c r="AG8" s="13" t="s">
        <v>51</v>
      </c>
      <c r="AH8" s="14" t="s">
        <v>45</v>
      </c>
      <c r="AI8" s="584"/>
      <c r="AJ8" s="35" t="s">
        <v>43</v>
      </c>
      <c r="AK8" s="13" t="s">
        <v>44</v>
      </c>
      <c r="AL8" s="36" t="s">
        <v>45</v>
      </c>
      <c r="AM8" s="37" t="s">
        <v>83</v>
      </c>
      <c r="AN8" s="13" t="s">
        <v>47</v>
      </c>
      <c r="AO8" s="13" t="s">
        <v>48</v>
      </c>
      <c r="AP8" s="13" t="s">
        <v>49</v>
      </c>
      <c r="AQ8" s="13" t="s">
        <v>50</v>
      </c>
      <c r="AR8" s="13" t="s">
        <v>51</v>
      </c>
      <c r="AS8" s="14" t="s">
        <v>45</v>
      </c>
      <c r="AT8" s="584"/>
      <c r="AU8" s="35" t="s">
        <v>43</v>
      </c>
      <c r="AV8" s="13" t="s">
        <v>44</v>
      </c>
      <c r="AW8" s="36" t="s">
        <v>45</v>
      </c>
      <c r="AX8" s="37" t="s">
        <v>83</v>
      </c>
      <c r="AY8" s="13" t="s">
        <v>47</v>
      </c>
      <c r="AZ8" s="13" t="s">
        <v>48</v>
      </c>
      <c r="BA8" s="13" t="s">
        <v>49</v>
      </c>
      <c r="BB8" s="13" t="s">
        <v>50</v>
      </c>
      <c r="BC8" s="13" t="s">
        <v>51</v>
      </c>
      <c r="BD8" s="14" t="s">
        <v>45</v>
      </c>
      <c r="BE8" s="584"/>
      <c r="BF8" s="53" t="s">
        <v>43</v>
      </c>
      <c r="BG8" s="13" t="s">
        <v>44</v>
      </c>
      <c r="BH8" s="36" t="s">
        <v>45</v>
      </c>
      <c r="BI8" s="37" t="s">
        <v>83</v>
      </c>
      <c r="BJ8" s="13" t="s">
        <v>47</v>
      </c>
      <c r="BK8" s="13" t="s">
        <v>48</v>
      </c>
      <c r="BL8" s="13" t="s">
        <v>49</v>
      </c>
      <c r="BM8" s="13" t="s">
        <v>50</v>
      </c>
      <c r="BN8" s="13" t="s">
        <v>51</v>
      </c>
      <c r="BO8" s="14" t="s">
        <v>45</v>
      </c>
      <c r="BP8" s="584"/>
      <c r="BQ8" s="35" t="s">
        <v>43</v>
      </c>
      <c r="BR8" s="13" t="s">
        <v>44</v>
      </c>
      <c r="BS8" s="36" t="s">
        <v>45</v>
      </c>
      <c r="BT8" s="37" t="s">
        <v>83</v>
      </c>
      <c r="BU8" s="13" t="s">
        <v>47</v>
      </c>
      <c r="BV8" s="13" t="s">
        <v>48</v>
      </c>
      <c r="BW8" s="13" t="s">
        <v>49</v>
      </c>
      <c r="BX8" s="13" t="s">
        <v>50</v>
      </c>
      <c r="BY8" s="13" t="s">
        <v>51</v>
      </c>
      <c r="BZ8" s="14" t="s">
        <v>45</v>
      </c>
      <c r="CA8" s="584"/>
      <c r="CB8" s="35" t="s">
        <v>43</v>
      </c>
      <c r="CC8" s="13" t="s">
        <v>44</v>
      </c>
      <c r="CD8" s="36" t="s">
        <v>45</v>
      </c>
      <c r="CE8" s="37" t="s">
        <v>83</v>
      </c>
      <c r="CF8" s="13" t="s">
        <v>47</v>
      </c>
      <c r="CG8" s="13" t="s">
        <v>48</v>
      </c>
      <c r="CH8" s="13" t="s">
        <v>49</v>
      </c>
      <c r="CI8" s="13" t="s">
        <v>50</v>
      </c>
      <c r="CJ8" s="13" t="s">
        <v>51</v>
      </c>
      <c r="CK8" s="14" t="s">
        <v>45</v>
      </c>
      <c r="CL8" s="602"/>
      <c r="CM8" s="35" t="s">
        <v>43</v>
      </c>
      <c r="CN8" s="13" t="s">
        <v>44</v>
      </c>
      <c r="CO8" s="14" t="s">
        <v>45</v>
      </c>
      <c r="CP8" s="37" t="s">
        <v>83</v>
      </c>
      <c r="CQ8" s="13" t="s">
        <v>47</v>
      </c>
      <c r="CR8" s="13" t="s">
        <v>48</v>
      </c>
      <c r="CS8" s="13" t="s">
        <v>49</v>
      </c>
      <c r="CT8" s="13" t="s">
        <v>50</v>
      </c>
      <c r="CU8" s="13" t="s">
        <v>51</v>
      </c>
      <c r="CV8" s="14" t="s">
        <v>45</v>
      </c>
      <c r="CW8" s="602"/>
      <c r="CX8" s="35" t="s">
        <v>43</v>
      </c>
      <c r="CY8" s="13" t="s">
        <v>44</v>
      </c>
      <c r="CZ8" s="14" t="s">
        <v>45</v>
      </c>
      <c r="DA8" s="37" t="s">
        <v>83</v>
      </c>
      <c r="DB8" s="13" t="s">
        <v>47</v>
      </c>
      <c r="DC8" s="13" t="s">
        <v>48</v>
      </c>
      <c r="DD8" s="13" t="s">
        <v>49</v>
      </c>
      <c r="DE8" s="13" t="s">
        <v>50</v>
      </c>
      <c r="DF8" s="13" t="s">
        <v>51</v>
      </c>
      <c r="DG8" s="14" t="s">
        <v>45</v>
      </c>
      <c r="DH8" s="602"/>
      <c r="DI8" s="35" t="s">
        <v>43</v>
      </c>
      <c r="DJ8" s="13" t="s">
        <v>44</v>
      </c>
      <c r="DK8" s="14" t="s">
        <v>45</v>
      </c>
      <c r="DL8" s="37" t="s">
        <v>83</v>
      </c>
      <c r="DM8" s="13" t="s">
        <v>47</v>
      </c>
      <c r="DN8" s="13" t="s">
        <v>48</v>
      </c>
      <c r="DO8" s="13" t="s">
        <v>49</v>
      </c>
      <c r="DP8" s="13" t="s">
        <v>50</v>
      </c>
      <c r="DQ8" s="13" t="s">
        <v>51</v>
      </c>
      <c r="DR8" s="14" t="s">
        <v>45</v>
      </c>
      <c r="DS8" s="602"/>
      <c r="DT8" s="35" t="s">
        <v>43</v>
      </c>
      <c r="DU8" s="13" t="s">
        <v>44</v>
      </c>
      <c r="DV8" s="36" t="s">
        <v>45</v>
      </c>
      <c r="DW8" s="37" t="s">
        <v>83</v>
      </c>
      <c r="DX8" s="13" t="s">
        <v>47</v>
      </c>
      <c r="DY8" s="13" t="s">
        <v>48</v>
      </c>
      <c r="DZ8" s="13" t="s">
        <v>49</v>
      </c>
      <c r="EA8" s="13" t="s">
        <v>50</v>
      </c>
      <c r="EB8" s="13" t="s">
        <v>51</v>
      </c>
      <c r="EC8" s="14" t="s">
        <v>45</v>
      </c>
      <c r="ED8" s="584"/>
      <c r="EE8" s="35" t="s">
        <v>43</v>
      </c>
      <c r="EF8" s="13" t="s">
        <v>44</v>
      </c>
      <c r="EG8" s="36" t="s">
        <v>45</v>
      </c>
      <c r="EH8" s="37" t="s">
        <v>83</v>
      </c>
      <c r="EI8" s="13" t="s">
        <v>47</v>
      </c>
      <c r="EJ8" s="13" t="s">
        <v>48</v>
      </c>
      <c r="EK8" s="13" t="s">
        <v>49</v>
      </c>
      <c r="EL8" s="13" t="s">
        <v>50</v>
      </c>
      <c r="EM8" s="13" t="s">
        <v>51</v>
      </c>
      <c r="EN8" s="14" t="s">
        <v>45</v>
      </c>
      <c r="EO8" s="584"/>
      <c r="EP8" s="35" t="s">
        <v>43</v>
      </c>
      <c r="EQ8" s="13" t="s">
        <v>44</v>
      </c>
      <c r="ER8" s="36" t="s">
        <v>45</v>
      </c>
      <c r="ES8" s="37" t="s">
        <v>83</v>
      </c>
      <c r="ET8" s="13" t="s">
        <v>47</v>
      </c>
      <c r="EU8" s="13" t="s">
        <v>48</v>
      </c>
      <c r="EV8" s="13" t="s">
        <v>49</v>
      </c>
      <c r="EW8" s="13" t="s">
        <v>50</v>
      </c>
      <c r="EX8" s="13" t="s">
        <v>51</v>
      </c>
      <c r="EY8" s="14" t="s">
        <v>45</v>
      </c>
      <c r="EZ8" s="584"/>
      <c r="FA8" s="35" t="s">
        <v>43</v>
      </c>
      <c r="FB8" s="13" t="s">
        <v>44</v>
      </c>
      <c r="FC8" s="36" t="s">
        <v>45</v>
      </c>
      <c r="FD8" s="37" t="s">
        <v>83</v>
      </c>
      <c r="FE8" s="13" t="s">
        <v>47</v>
      </c>
      <c r="FF8" s="13" t="s">
        <v>48</v>
      </c>
      <c r="FG8" s="13" t="s">
        <v>49</v>
      </c>
      <c r="FH8" s="13" t="s">
        <v>50</v>
      </c>
      <c r="FI8" s="13" t="s">
        <v>51</v>
      </c>
      <c r="FJ8" s="14" t="s">
        <v>45</v>
      </c>
      <c r="FK8" s="584"/>
      <c r="FL8" s="35" t="s">
        <v>43</v>
      </c>
      <c r="FM8" s="13" t="s">
        <v>44</v>
      </c>
      <c r="FN8" s="36" t="s">
        <v>45</v>
      </c>
      <c r="FO8" s="37" t="s">
        <v>83</v>
      </c>
      <c r="FP8" s="13" t="s">
        <v>47</v>
      </c>
      <c r="FQ8" s="13" t="s">
        <v>48</v>
      </c>
      <c r="FR8" s="13" t="s">
        <v>49</v>
      </c>
      <c r="FS8" s="13" t="s">
        <v>50</v>
      </c>
      <c r="FT8" s="13" t="s">
        <v>51</v>
      </c>
      <c r="FU8" s="14" t="s">
        <v>45</v>
      </c>
      <c r="FV8" s="622"/>
      <c r="FW8" s="35" t="s">
        <v>43</v>
      </c>
      <c r="FX8" s="13" t="s">
        <v>44</v>
      </c>
      <c r="FY8" s="36" t="s">
        <v>45</v>
      </c>
      <c r="FZ8" s="37" t="s">
        <v>83</v>
      </c>
      <c r="GA8" s="13" t="s">
        <v>47</v>
      </c>
      <c r="GB8" s="13" t="s">
        <v>48</v>
      </c>
      <c r="GC8" s="13" t="s">
        <v>49</v>
      </c>
      <c r="GD8" s="13" t="s">
        <v>50</v>
      </c>
      <c r="GE8" s="13" t="s">
        <v>51</v>
      </c>
      <c r="GF8" s="14" t="s">
        <v>45</v>
      </c>
      <c r="GG8" s="584"/>
      <c r="GH8" s="35" t="s">
        <v>43</v>
      </c>
      <c r="GI8" s="13" t="s">
        <v>44</v>
      </c>
      <c r="GJ8" s="36" t="s">
        <v>45</v>
      </c>
      <c r="GK8" s="37" t="s">
        <v>83</v>
      </c>
      <c r="GL8" s="13" t="s">
        <v>47</v>
      </c>
      <c r="GM8" s="13" t="s">
        <v>48</v>
      </c>
      <c r="GN8" s="13" t="s">
        <v>49</v>
      </c>
      <c r="GO8" s="13" t="s">
        <v>50</v>
      </c>
      <c r="GP8" s="13" t="s">
        <v>51</v>
      </c>
      <c r="GQ8" s="14" t="s">
        <v>45</v>
      </c>
      <c r="GR8" s="621"/>
      <c r="GS8" s="35" t="s">
        <v>43</v>
      </c>
      <c r="GT8" s="13" t="s">
        <v>44</v>
      </c>
      <c r="GU8" s="36" t="s">
        <v>45</v>
      </c>
      <c r="GV8" s="37" t="s">
        <v>83</v>
      </c>
      <c r="GW8" s="13" t="s">
        <v>47</v>
      </c>
      <c r="GX8" s="13" t="s">
        <v>48</v>
      </c>
      <c r="GY8" s="13" t="s">
        <v>49</v>
      </c>
      <c r="GZ8" s="13" t="s">
        <v>50</v>
      </c>
      <c r="HA8" s="13" t="s">
        <v>51</v>
      </c>
      <c r="HB8" s="14" t="s">
        <v>45</v>
      </c>
      <c r="HC8" s="621"/>
      <c r="HD8" s="35" t="s">
        <v>43</v>
      </c>
      <c r="HE8" s="13" t="s">
        <v>44</v>
      </c>
      <c r="HF8" s="36" t="s">
        <v>45</v>
      </c>
      <c r="HG8" s="37" t="s">
        <v>83</v>
      </c>
      <c r="HH8" s="13" t="s">
        <v>47</v>
      </c>
      <c r="HI8" s="13" t="s">
        <v>48</v>
      </c>
      <c r="HJ8" s="13" t="s">
        <v>49</v>
      </c>
      <c r="HK8" s="13" t="s">
        <v>50</v>
      </c>
      <c r="HL8" s="13" t="s">
        <v>51</v>
      </c>
      <c r="HM8" s="14" t="s">
        <v>45</v>
      </c>
      <c r="HN8" s="584"/>
      <c r="HO8" s="35" t="s">
        <v>43</v>
      </c>
      <c r="HP8" s="13" t="s">
        <v>44</v>
      </c>
      <c r="HQ8" s="36" t="s">
        <v>45</v>
      </c>
      <c r="HR8" s="37" t="s">
        <v>83</v>
      </c>
      <c r="HS8" s="13" t="s">
        <v>47</v>
      </c>
      <c r="HT8" s="13" t="s">
        <v>48</v>
      </c>
      <c r="HU8" s="13" t="s">
        <v>49</v>
      </c>
      <c r="HV8" s="13" t="s">
        <v>50</v>
      </c>
      <c r="HW8" s="13" t="s">
        <v>51</v>
      </c>
      <c r="HX8" s="14" t="s">
        <v>45</v>
      </c>
      <c r="HY8" s="584"/>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1:409" s="403" customFormat="1" ht="21" customHeight="1" x14ac:dyDescent="0.2">
      <c r="A9" s="39"/>
      <c r="B9" s="470" t="s">
        <v>4</v>
      </c>
      <c r="C9" s="360">
        <v>403581247</v>
      </c>
      <c r="D9" s="361">
        <v>839260056</v>
      </c>
      <c r="E9" s="362">
        <v>1242841303</v>
      </c>
      <c r="F9" s="363">
        <v>0</v>
      </c>
      <c r="G9" s="361">
        <v>5229443857</v>
      </c>
      <c r="H9" s="361">
        <v>7213798154</v>
      </c>
      <c r="I9" s="361">
        <v>6073114604</v>
      </c>
      <c r="J9" s="361">
        <v>5808503305</v>
      </c>
      <c r="K9" s="361">
        <v>4375358699</v>
      </c>
      <c r="L9" s="364">
        <v>28700218619</v>
      </c>
      <c r="M9" s="365">
        <v>29943059922</v>
      </c>
      <c r="N9" s="360">
        <v>95926454</v>
      </c>
      <c r="O9" s="361">
        <v>246241769</v>
      </c>
      <c r="P9" s="366">
        <v>342168223</v>
      </c>
      <c r="Q9" s="360">
        <v>0</v>
      </c>
      <c r="R9" s="361">
        <v>1492275910</v>
      </c>
      <c r="S9" s="361">
        <v>2325626307</v>
      </c>
      <c r="T9" s="361">
        <v>2024365666</v>
      </c>
      <c r="U9" s="361">
        <v>2241139031</v>
      </c>
      <c r="V9" s="361">
        <v>2260265607</v>
      </c>
      <c r="W9" s="366">
        <v>10343672521</v>
      </c>
      <c r="X9" s="365">
        <v>10685840744</v>
      </c>
      <c r="Y9" s="360">
        <v>0</v>
      </c>
      <c r="Z9" s="361">
        <v>0</v>
      </c>
      <c r="AA9" s="366">
        <v>0</v>
      </c>
      <c r="AB9" s="367">
        <v>0</v>
      </c>
      <c r="AC9" s="368">
        <v>718519504</v>
      </c>
      <c r="AD9" s="368">
        <v>1157225827</v>
      </c>
      <c r="AE9" s="368">
        <v>1149254115</v>
      </c>
      <c r="AF9" s="368">
        <v>1332045600</v>
      </c>
      <c r="AG9" s="368">
        <v>1337845125</v>
      </c>
      <c r="AH9" s="366">
        <v>5694890171</v>
      </c>
      <c r="AI9" s="365">
        <v>5694890171</v>
      </c>
      <c r="AJ9" s="369">
        <v>18494</v>
      </c>
      <c r="AK9" s="368">
        <v>413281</v>
      </c>
      <c r="AL9" s="366">
        <v>431775</v>
      </c>
      <c r="AM9" s="367">
        <v>0</v>
      </c>
      <c r="AN9" s="368">
        <v>5715481</v>
      </c>
      <c r="AO9" s="364">
        <v>25768623</v>
      </c>
      <c r="AP9" s="368">
        <v>48205584</v>
      </c>
      <c r="AQ9" s="368">
        <v>126226470</v>
      </c>
      <c r="AR9" s="368">
        <v>246307677</v>
      </c>
      <c r="AS9" s="366">
        <v>452223835</v>
      </c>
      <c r="AT9" s="365">
        <v>452655610</v>
      </c>
      <c r="AU9" s="369">
        <v>53106580</v>
      </c>
      <c r="AV9" s="368">
        <v>173963865</v>
      </c>
      <c r="AW9" s="366">
        <v>227070445</v>
      </c>
      <c r="AX9" s="367">
        <v>0</v>
      </c>
      <c r="AY9" s="368">
        <v>470656272</v>
      </c>
      <c r="AZ9" s="368">
        <v>756562960</v>
      </c>
      <c r="BA9" s="368">
        <v>490090939</v>
      </c>
      <c r="BB9" s="368">
        <v>450600229</v>
      </c>
      <c r="BC9" s="368">
        <v>423982688</v>
      </c>
      <c r="BD9" s="366">
        <v>2591893088</v>
      </c>
      <c r="BE9" s="370">
        <v>2818963533</v>
      </c>
      <c r="BF9" s="369">
        <v>6576558</v>
      </c>
      <c r="BG9" s="364">
        <v>26630417</v>
      </c>
      <c r="BH9" s="371">
        <v>33206975</v>
      </c>
      <c r="BI9" s="367">
        <v>0</v>
      </c>
      <c r="BJ9" s="368">
        <v>38854174</v>
      </c>
      <c r="BK9" s="368">
        <v>65490808</v>
      </c>
      <c r="BL9" s="368">
        <v>42704111</v>
      </c>
      <c r="BM9" s="368">
        <v>38349287</v>
      </c>
      <c r="BN9" s="368">
        <v>22431792</v>
      </c>
      <c r="BO9" s="366">
        <v>207830172</v>
      </c>
      <c r="BP9" s="365">
        <v>241037147</v>
      </c>
      <c r="BQ9" s="369">
        <v>36224822</v>
      </c>
      <c r="BR9" s="368">
        <v>45234206</v>
      </c>
      <c r="BS9" s="366">
        <v>81459028</v>
      </c>
      <c r="BT9" s="367">
        <v>0</v>
      </c>
      <c r="BU9" s="368">
        <v>258530479</v>
      </c>
      <c r="BV9" s="368">
        <v>320578089</v>
      </c>
      <c r="BW9" s="368">
        <v>294110917</v>
      </c>
      <c r="BX9" s="368">
        <v>293917445</v>
      </c>
      <c r="BY9" s="368">
        <v>229698325</v>
      </c>
      <c r="BZ9" s="366">
        <v>1396835255</v>
      </c>
      <c r="CA9" s="365">
        <v>1478294283</v>
      </c>
      <c r="CB9" s="369">
        <v>36626749</v>
      </c>
      <c r="CC9" s="368">
        <v>113855399</v>
      </c>
      <c r="CD9" s="366">
        <v>150482148</v>
      </c>
      <c r="CE9" s="367">
        <v>0</v>
      </c>
      <c r="CF9" s="368">
        <v>1451775676</v>
      </c>
      <c r="CG9" s="368">
        <v>1958533363</v>
      </c>
      <c r="CH9" s="372">
        <v>1394096236</v>
      </c>
      <c r="CI9" s="368">
        <v>932878847</v>
      </c>
      <c r="CJ9" s="368">
        <v>472430861</v>
      </c>
      <c r="CK9" s="366">
        <v>6209714983</v>
      </c>
      <c r="CL9" s="365">
        <v>6360197131</v>
      </c>
      <c r="CM9" s="360">
        <v>0</v>
      </c>
      <c r="CN9" s="361">
        <v>0</v>
      </c>
      <c r="CO9" s="366">
        <v>0</v>
      </c>
      <c r="CP9" s="367">
        <v>0</v>
      </c>
      <c r="CQ9" s="368">
        <v>1229610028</v>
      </c>
      <c r="CR9" s="368">
        <v>1536275662</v>
      </c>
      <c r="CS9" s="368">
        <v>1087706559</v>
      </c>
      <c r="CT9" s="368">
        <v>714076330</v>
      </c>
      <c r="CU9" s="368">
        <v>382382090</v>
      </c>
      <c r="CV9" s="373">
        <v>4950050669</v>
      </c>
      <c r="CW9" s="365">
        <v>4950050669</v>
      </c>
      <c r="CX9" s="369">
        <v>36626749</v>
      </c>
      <c r="CY9" s="368">
        <v>113855399</v>
      </c>
      <c r="CZ9" s="366">
        <v>150482148</v>
      </c>
      <c r="DA9" s="367">
        <v>0</v>
      </c>
      <c r="DB9" s="368">
        <v>222165648</v>
      </c>
      <c r="DC9" s="368">
        <v>422257701</v>
      </c>
      <c r="DD9" s="368">
        <v>306389677</v>
      </c>
      <c r="DE9" s="368">
        <v>218802517</v>
      </c>
      <c r="DF9" s="368">
        <v>90048771</v>
      </c>
      <c r="DG9" s="366">
        <v>1259664314</v>
      </c>
      <c r="DH9" s="365">
        <v>1410146462</v>
      </c>
      <c r="DI9" s="369">
        <v>2224292</v>
      </c>
      <c r="DJ9" s="368">
        <v>10437855</v>
      </c>
      <c r="DK9" s="371">
        <v>12662147</v>
      </c>
      <c r="DL9" s="367">
        <v>0</v>
      </c>
      <c r="DM9" s="368">
        <v>141858125</v>
      </c>
      <c r="DN9" s="368">
        <v>303408625</v>
      </c>
      <c r="DO9" s="368">
        <v>548076523</v>
      </c>
      <c r="DP9" s="368">
        <v>482082495</v>
      </c>
      <c r="DQ9" s="368">
        <v>261623237</v>
      </c>
      <c r="DR9" s="374">
        <v>1737049005</v>
      </c>
      <c r="DS9" s="365">
        <v>1749711152</v>
      </c>
      <c r="DT9" s="369">
        <v>1959175</v>
      </c>
      <c r="DU9" s="368">
        <v>9100127</v>
      </c>
      <c r="DV9" s="366">
        <v>11059302</v>
      </c>
      <c r="DW9" s="367">
        <v>0</v>
      </c>
      <c r="DX9" s="368">
        <v>127589569</v>
      </c>
      <c r="DY9" s="368">
        <v>264135380</v>
      </c>
      <c r="DZ9" s="368">
        <v>493721899</v>
      </c>
      <c r="EA9" s="368">
        <v>423594493</v>
      </c>
      <c r="EB9" s="368">
        <v>222633788</v>
      </c>
      <c r="EC9" s="366">
        <v>1531675129</v>
      </c>
      <c r="ED9" s="365">
        <v>1542734431</v>
      </c>
      <c r="EE9" s="369">
        <v>265117</v>
      </c>
      <c r="EF9" s="364">
        <v>1337728</v>
      </c>
      <c r="EG9" s="366">
        <v>1602845</v>
      </c>
      <c r="EH9" s="370">
        <v>0</v>
      </c>
      <c r="EI9" s="368">
        <v>14268556</v>
      </c>
      <c r="EJ9" s="368">
        <v>39273245</v>
      </c>
      <c r="EK9" s="368">
        <v>54354624</v>
      </c>
      <c r="EL9" s="368">
        <v>58488002</v>
      </c>
      <c r="EM9" s="372">
        <v>38989449</v>
      </c>
      <c r="EN9" s="364">
        <v>205373876</v>
      </c>
      <c r="EO9" s="365">
        <v>206976721</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97515654</v>
      </c>
      <c r="FM9" s="368">
        <v>202483612</v>
      </c>
      <c r="FN9" s="366">
        <v>299999266</v>
      </c>
      <c r="FO9" s="367">
        <v>0</v>
      </c>
      <c r="FP9" s="368">
        <v>255896634</v>
      </c>
      <c r="FQ9" s="368">
        <v>651570454</v>
      </c>
      <c r="FR9" s="368">
        <v>464535642</v>
      </c>
      <c r="FS9" s="368">
        <v>425946914</v>
      </c>
      <c r="FT9" s="368">
        <v>311046846</v>
      </c>
      <c r="FU9" s="366">
        <v>2108996490</v>
      </c>
      <c r="FV9" s="365">
        <v>2408995756</v>
      </c>
      <c r="FW9" s="369">
        <v>54405755</v>
      </c>
      <c r="FX9" s="368">
        <v>149447914</v>
      </c>
      <c r="FY9" s="364">
        <v>203853669</v>
      </c>
      <c r="FZ9" s="370">
        <v>0</v>
      </c>
      <c r="GA9" s="368">
        <v>201399407</v>
      </c>
      <c r="GB9" s="376">
        <v>601910215</v>
      </c>
      <c r="GC9" s="368">
        <v>432358287</v>
      </c>
      <c r="GD9" s="376">
        <v>396641652</v>
      </c>
      <c r="GE9" s="368">
        <v>300117072</v>
      </c>
      <c r="GF9" s="373">
        <v>1932426633</v>
      </c>
      <c r="GG9" s="377">
        <v>2136280302</v>
      </c>
      <c r="GH9" s="378">
        <v>6007621</v>
      </c>
      <c r="GI9" s="368">
        <v>9570579</v>
      </c>
      <c r="GJ9" s="376">
        <v>15578200</v>
      </c>
      <c r="GK9" s="363">
        <v>0</v>
      </c>
      <c r="GL9" s="368">
        <v>12393144</v>
      </c>
      <c r="GM9" s="364">
        <v>15490481</v>
      </c>
      <c r="GN9" s="368">
        <v>12180157</v>
      </c>
      <c r="GO9" s="364">
        <v>11030730</v>
      </c>
      <c r="GP9" s="368">
        <v>5348663</v>
      </c>
      <c r="GQ9" s="374">
        <v>56443175</v>
      </c>
      <c r="GR9" s="365">
        <v>72021375</v>
      </c>
      <c r="GS9" s="364">
        <v>37102278</v>
      </c>
      <c r="GT9" s="368">
        <v>43465119</v>
      </c>
      <c r="GU9" s="366">
        <v>80567397</v>
      </c>
      <c r="GV9" s="364">
        <v>0</v>
      </c>
      <c r="GW9" s="368">
        <v>42104083</v>
      </c>
      <c r="GX9" s="364">
        <v>34169758</v>
      </c>
      <c r="GY9" s="368">
        <v>19997198</v>
      </c>
      <c r="GZ9" s="364">
        <v>18274532</v>
      </c>
      <c r="HA9" s="368">
        <v>5581111</v>
      </c>
      <c r="HB9" s="364">
        <v>120126682</v>
      </c>
      <c r="HC9" s="365">
        <v>200694079</v>
      </c>
      <c r="HD9" s="364">
        <v>99385628</v>
      </c>
      <c r="HE9" s="368">
        <v>123795710</v>
      </c>
      <c r="HF9" s="364">
        <v>223181338</v>
      </c>
      <c r="HG9" s="370">
        <v>0</v>
      </c>
      <c r="HH9" s="368">
        <v>1029094157</v>
      </c>
      <c r="HI9" s="376">
        <v>1050053437</v>
      </c>
      <c r="HJ9" s="368">
        <v>1039989132</v>
      </c>
      <c r="HK9" s="376">
        <v>1304743770</v>
      </c>
      <c r="HL9" s="368">
        <v>814078464</v>
      </c>
      <c r="HM9" s="373">
        <v>5237958960</v>
      </c>
      <c r="HN9" s="364">
        <v>5461140298</v>
      </c>
      <c r="HO9" s="378">
        <v>71902470</v>
      </c>
      <c r="HP9" s="368">
        <v>142445711</v>
      </c>
      <c r="HQ9" s="373">
        <v>214348181</v>
      </c>
      <c r="HR9" s="364">
        <v>0</v>
      </c>
      <c r="HS9" s="368">
        <v>858543355</v>
      </c>
      <c r="HT9" s="364">
        <v>924605968</v>
      </c>
      <c r="HU9" s="368">
        <v>602051405</v>
      </c>
      <c r="HV9" s="364">
        <v>421712248</v>
      </c>
      <c r="HW9" s="368">
        <v>255913684</v>
      </c>
      <c r="HX9" s="364">
        <v>3062826660</v>
      </c>
      <c r="HY9" s="365">
        <v>3277174841</v>
      </c>
      <c r="HZ9" s="379">
        <v>8671609</v>
      </c>
      <c r="IA9" s="380">
        <v>33664352</v>
      </c>
      <c r="IB9" s="381">
        <v>42335961</v>
      </c>
      <c r="IC9" s="382">
        <v>0</v>
      </c>
      <c r="ID9" s="380">
        <v>1629764865</v>
      </c>
      <c r="IE9" s="383">
        <v>2190910321</v>
      </c>
      <c r="IF9" s="384">
        <v>2359075291</v>
      </c>
      <c r="IG9" s="380">
        <v>1749912124</v>
      </c>
      <c r="IH9" s="384">
        <v>1301909636</v>
      </c>
      <c r="II9" s="385">
        <v>9231572237</v>
      </c>
      <c r="IJ9" s="386">
        <v>9273908198</v>
      </c>
      <c r="IK9" s="387">
        <v>0</v>
      </c>
      <c r="IL9" s="388">
        <v>0</v>
      </c>
      <c r="IM9" s="389">
        <v>0</v>
      </c>
      <c r="IN9" s="390"/>
      <c r="IO9" s="391">
        <v>25162203</v>
      </c>
      <c r="IP9" s="391">
        <v>48327730</v>
      </c>
      <c r="IQ9" s="391">
        <v>69435599</v>
      </c>
      <c r="IR9" s="391">
        <v>103501458</v>
      </c>
      <c r="IS9" s="391">
        <v>114273948</v>
      </c>
      <c r="IT9" s="392">
        <v>360700938</v>
      </c>
      <c r="IU9" s="393">
        <v>360700938</v>
      </c>
      <c r="IV9" s="394">
        <v>0</v>
      </c>
      <c r="IW9" s="391">
        <v>0</v>
      </c>
      <c r="IX9" s="395">
        <v>0</v>
      </c>
      <c r="IY9" s="396"/>
      <c r="IZ9" s="391">
        <v>3854911</v>
      </c>
      <c r="JA9" s="391">
        <v>11007355</v>
      </c>
      <c r="JB9" s="391">
        <v>11849981</v>
      </c>
      <c r="JC9" s="391">
        <v>14774459</v>
      </c>
      <c r="JD9" s="391">
        <v>18211036</v>
      </c>
      <c r="JE9" s="395">
        <v>59697742</v>
      </c>
      <c r="JF9" s="397">
        <v>59697742</v>
      </c>
      <c r="JG9" s="394">
        <v>0</v>
      </c>
      <c r="JH9" s="391">
        <v>0</v>
      </c>
      <c r="JI9" s="392">
        <v>0</v>
      </c>
      <c r="JJ9" s="398">
        <v>0</v>
      </c>
      <c r="JK9" s="391">
        <v>626837620</v>
      </c>
      <c r="JL9" s="391">
        <v>755828408</v>
      </c>
      <c r="JM9" s="391">
        <v>585546691</v>
      </c>
      <c r="JN9" s="391">
        <v>349388133</v>
      </c>
      <c r="JO9" s="391">
        <v>182240566</v>
      </c>
      <c r="JP9" s="395">
        <v>2499841418</v>
      </c>
      <c r="JQ9" s="393">
        <v>2499841418</v>
      </c>
      <c r="JR9" s="394">
        <v>373423</v>
      </c>
      <c r="JS9" s="391">
        <v>348535</v>
      </c>
      <c r="JT9" s="392">
        <v>721958</v>
      </c>
      <c r="JU9" s="398">
        <v>0</v>
      </c>
      <c r="JV9" s="391">
        <v>71856365</v>
      </c>
      <c r="JW9" s="391">
        <v>107208464</v>
      </c>
      <c r="JX9" s="391">
        <v>156478954</v>
      </c>
      <c r="JY9" s="391">
        <v>91017175</v>
      </c>
      <c r="JZ9" s="391">
        <v>77805764</v>
      </c>
      <c r="KA9" s="395">
        <v>504366722</v>
      </c>
      <c r="KB9" s="393">
        <v>505088680</v>
      </c>
      <c r="KC9" s="399">
        <v>8298186</v>
      </c>
      <c r="KD9" s="400">
        <v>22936674</v>
      </c>
      <c r="KE9" s="395">
        <v>31234860</v>
      </c>
      <c r="KF9" s="398">
        <v>0</v>
      </c>
      <c r="KG9" s="391">
        <v>196099548</v>
      </c>
      <c r="KH9" s="391">
        <v>295671351</v>
      </c>
      <c r="KI9" s="391">
        <v>360990349</v>
      </c>
      <c r="KJ9" s="391">
        <v>270536801</v>
      </c>
      <c r="KK9" s="391">
        <v>157911708</v>
      </c>
      <c r="KL9" s="395">
        <v>1281209757</v>
      </c>
      <c r="KM9" s="401">
        <v>1312444617</v>
      </c>
      <c r="KN9" s="387">
        <v>0</v>
      </c>
      <c r="KO9" s="388">
        <v>10379143</v>
      </c>
      <c r="KP9" s="389">
        <v>10379143</v>
      </c>
      <c r="KQ9" s="390"/>
      <c r="KR9" s="391">
        <v>665757113</v>
      </c>
      <c r="KS9" s="391">
        <v>890175592</v>
      </c>
      <c r="KT9" s="391">
        <v>1018340309</v>
      </c>
      <c r="KU9" s="391">
        <v>681160659</v>
      </c>
      <c r="KV9" s="391">
        <v>495929426</v>
      </c>
      <c r="KW9" s="395">
        <v>3751363099</v>
      </c>
      <c r="KX9" s="393">
        <v>3761742242</v>
      </c>
      <c r="KY9" s="394">
        <v>0</v>
      </c>
      <c r="KZ9" s="391">
        <v>0</v>
      </c>
      <c r="LA9" s="395">
        <v>0</v>
      </c>
      <c r="LB9" s="402"/>
      <c r="LC9" s="391">
        <v>6235459</v>
      </c>
      <c r="LD9" s="391">
        <v>8187112</v>
      </c>
      <c r="LE9" s="391">
        <v>15134987</v>
      </c>
      <c r="LF9" s="391">
        <v>15996122</v>
      </c>
      <c r="LG9" s="391">
        <v>13975300</v>
      </c>
      <c r="LH9" s="395">
        <v>59528980</v>
      </c>
      <c r="LI9" s="397">
        <v>59528980</v>
      </c>
      <c r="LJ9" s="394">
        <v>0</v>
      </c>
      <c r="LK9" s="391">
        <v>0</v>
      </c>
      <c r="LL9" s="395">
        <v>0</v>
      </c>
      <c r="LM9" s="402"/>
      <c r="LN9" s="391">
        <v>2460266</v>
      </c>
      <c r="LO9" s="391">
        <v>6727771</v>
      </c>
      <c r="LP9" s="391">
        <v>57601023</v>
      </c>
      <c r="LQ9" s="391">
        <v>100943925</v>
      </c>
      <c r="LR9" s="391">
        <v>74345449</v>
      </c>
      <c r="LS9" s="395">
        <v>242078434</v>
      </c>
      <c r="LT9" s="393">
        <v>242078434</v>
      </c>
      <c r="LU9" s="394">
        <v>0</v>
      </c>
      <c r="LV9" s="391">
        <v>0</v>
      </c>
      <c r="LW9" s="395">
        <v>0</v>
      </c>
      <c r="LX9" s="402"/>
      <c r="LY9" s="391">
        <v>31501380</v>
      </c>
      <c r="LZ9" s="391">
        <v>67776538</v>
      </c>
      <c r="MA9" s="391">
        <v>83697398</v>
      </c>
      <c r="MB9" s="391">
        <v>122593392</v>
      </c>
      <c r="MC9" s="391">
        <v>167216439</v>
      </c>
      <c r="MD9" s="395">
        <v>472785147</v>
      </c>
      <c r="ME9" s="397">
        <v>472785147</v>
      </c>
      <c r="MF9" s="394">
        <v>0</v>
      </c>
      <c r="MG9" s="391">
        <v>0</v>
      </c>
      <c r="MH9" s="395">
        <v>0</v>
      </c>
      <c r="MI9" s="402"/>
      <c r="MJ9" s="391">
        <v>528285335</v>
      </c>
      <c r="MK9" s="391">
        <v>1360905691</v>
      </c>
      <c r="ML9" s="391">
        <v>4111545250</v>
      </c>
      <c r="MM9" s="391">
        <v>6286026010</v>
      </c>
      <c r="MN9" s="391">
        <v>4416409989</v>
      </c>
      <c r="MO9" s="395">
        <v>16703172275</v>
      </c>
      <c r="MP9" s="401">
        <v>16703172275</v>
      </c>
      <c r="MQ9" s="394">
        <v>0</v>
      </c>
      <c r="MR9" s="391">
        <v>0</v>
      </c>
      <c r="MS9" s="395">
        <v>0</v>
      </c>
      <c r="MT9" s="402"/>
      <c r="MU9" s="391">
        <v>98078910</v>
      </c>
      <c r="MV9" s="391">
        <v>381767984</v>
      </c>
      <c r="MW9" s="391">
        <v>2650238644</v>
      </c>
      <c r="MX9" s="391">
        <v>4277653812</v>
      </c>
      <c r="MY9" s="391">
        <v>3165185380</v>
      </c>
      <c r="MZ9" s="395">
        <v>10572924730</v>
      </c>
      <c r="NA9" s="401">
        <v>10572924730</v>
      </c>
      <c r="NB9" s="394">
        <v>0</v>
      </c>
      <c r="NC9" s="391">
        <v>0</v>
      </c>
      <c r="ND9" s="395">
        <v>0</v>
      </c>
      <c r="NE9" s="402"/>
      <c r="NF9" s="391">
        <v>426153387</v>
      </c>
      <c r="NG9" s="391">
        <v>971826889</v>
      </c>
      <c r="NH9" s="391">
        <v>1436385473</v>
      </c>
      <c r="NI9" s="391">
        <v>1836770439</v>
      </c>
      <c r="NJ9" s="391">
        <v>1016103060</v>
      </c>
      <c r="NK9" s="395">
        <v>5687239248</v>
      </c>
      <c r="NL9" s="393">
        <v>5687239248</v>
      </c>
      <c r="NM9" s="394">
        <v>0</v>
      </c>
      <c r="NN9" s="391">
        <v>0</v>
      </c>
      <c r="NO9" s="395">
        <v>0</v>
      </c>
      <c r="NP9" s="402"/>
      <c r="NQ9" s="391">
        <v>0</v>
      </c>
      <c r="NR9" s="391">
        <v>298332</v>
      </c>
      <c r="NS9" s="391">
        <v>3323617</v>
      </c>
      <c r="NT9" s="391">
        <v>41492765</v>
      </c>
      <c r="NU9" s="391">
        <v>52534472</v>
      </c>
      <c r="NV9" s="395">
        <v>97649186</v>
      </c>
      <c r="NW9" s="397">
        <v>97649186</v>
      </c>
      <c r="NX9" s="394">
        <v>0</v>
      </c>
      <c r="NY9" s="391">
        <v>0</v>
      </c>
      <c r="NZ9" s="395">
        <v>0</v>
      </c>
      <c r="OA9" s="402"/>
      <c r="OB9" s="391">
        <v>4053038</v>
      </c>
      <c r="OC9" s="391">
        <v>7012486</v>
      </c>
      <c r="OD9" s="391">
        <v>21597516</v>
      </c>
      <c r="OE9" s="391">
        <v>130108994</v>
      </c>
      <c r="OF9" s="391">
        <v>182587077</v>
      </c>
      <c r="OG9" s="395">
        <v>345359111</v>
      </c>
      <c r="OH9" s="397">
        <v>345359111</v>
      </c>
      <c r="OI9" s="394">
        <v>412252856</v>
      </c>
      <c r="OJ9" s="391">
        <v>872924408</v>
      </c>
      <c r="OK9" s="392">
        <v>1285177264</v>
      </c>
      <c r="OL9" s="398">
        <v>0</v>
      </c>
      <c r="OM9" s="391">
        <v>7387494057</v>
      </c>
      <c r="ON9" s="391">
        <v>10765614166</v>
      </c>
      <c r="OO9" s="391">
        <v>12543735145</v>
      </c>
      <c r="OP9" s="391">
        <v>13844441439</v>
      </c>
      <c r="OQ9" s="391">
        <v>10093678324</v>
      </c>
      <c r="OR9" s="395">
        <v>54634963131</v>
      </c>
      <c r="OS9" s="401">
        <v>55920140395</v>
      </c>
    </row>
    <row r="10" spans="1:409" s="403" customFormat="1" ht="21" customHeight="1" x14ac:dyDescent="0.2">
      <c r="A10" s="39"/>
      <c r="B10" s="471" t="s">
        <v>5</v>
      </c>
      <c r="C10" s="404">
        <v>165492656</v>
      </c>
      <c r="D10" s="405">
        <v>398152136</v>
      </c>
      <c r="E10" s="406">
        <v>563644792</v>
      </c>
      <c r="F10" s="407">
        <v>0</v>
      </c>
      <c r="G10" s="405">
        <v>1816735754</v>
      </c>
      <c r="H10" s="405">
        <v>3241334796</v>
      </c>
      <c r="I10" s="405">
        <v>2492358465</v>
      </c>
      <c r="J10" s="405">
        <v>2346129852</v>
      </c>
      <c r="K10" s="405">
        <v>1795911410</v>
      </c>
      <c r="L10" s="407">
        <v>11692470277</v>
      </c>
      <c r="M10" s="408">
        <v>12256115069</v>
      </c>
      <c r="N10" s="404">
        <v>42533529</v>
      </c>
      <c r="O10" s="405">
        <v>132641334</v>
      </c>
      <c r="P10" s="406">
        <v>175174863</v>
      </c>
      <c r="Q10" s="404">
        <v>0</v>
      </c>
      <c r="R10" s="405">
        <v>535819161</v>
      </c>
      <c r="S10" s="405">
        <v>1088710548</v>
      </c>
      <c r="T10" s="405">
        <v>846283286</v>
      </c>
      <c r="U10" s="405">
        <v>894474327</v>
      </c>
      <c r="V10" s="405">
        <v>923311057</v>
      </c>
      <c r="W10" s="406">
        <v>4288598379</v>
      </c>
      <c r="X10" s="408">
        <v>4463773242</v>
      </c>
      <c r="Y10" s="404">
        <v>0</v>
      </c>
      <c r="Z10" s="405">
        <v>0</v>
      </c>
      <c r="AA10" s="406">
        <v>0</v>
      </c>
      <c r="AB10" s="404">
        <v>0</v>
      </c>
      <c r="AC10" s="405">
        <v>249680844</v>
      </c>
      <c r="AD10" s="405">
        <v>514102496</v>
      </c>
      <c r="AE10" s="405">
        <v>438964508</v>
      </c>
      <c r="AF10" s="405">
        <v>493804625</v>
      </c>
      <c r="AG10" s="405">
        <v>511479682</v>
      </c>
      <c r="AH10" s="406">
        <v>2208032155</v>
      </c>
      <c r="AI10" s="408">
        <v>2208032155</v>
      </c>
      <c r="AJ10" s="404">
        <v>0</v>
      </c>
      <c r="AK10" s="405">
        <v>138511</v>
      </c>
      <c r="AL10" s="406">
        <v>138511</v>
      </c>
      <c r="AM10" s="404">
        <v>0</v>
      </c>
      <c r="AN10" s="405">
        <v>1180473</v>
      </c>
      <c r="AO10" s="405">
        <v>8692118</v>
      </c>
      <c r="AP10" s="405">
        <v>18278415</v>
      </c>
      <c r="AQ10" s="405">
        <v>51649119</v>
      </c>
      <c r="AR10" s="405">
        <v>112661522</v>
      </c>
      <c r="AS10" s="406">
        <v>192461647</v>
      </c>
      <c r="AT10" s="408">
        <v>192600158</v>
      </c>
      <c r="AU10" s="404">
        <v>24116414</v>
      </c>
      <c r="AV10" s="405">
        <v>95388255</v>
      </c>
      <c r="AW10" s="406">
        <v>119504669</v>
      </c>
      <c r="AX10" s="404">
        <v>0</v>
      </c>
      <c r="AY10" s="405">
        <v>176651984</v>
      </c>
      <c r="AZ10" s="405">
        <v>398366427</v>
      </c>
      <c r="BA10" s="405">
        <v>247855119</v>
      </c>
      <c r="BB10" s="405">
        <v>209981828</v>
      </c>
      <c r="BC10" s="405">
        <v>193575185</v>
      </c>
      <c r="BD10" s="406">
        <v>1226430543</v>
      </c>
      <c r="BE10" s="408">
        <v>1345935212</v>
      </c>
      <c r="BF10" s="404">
        <v>2532963</v>
      </c>
      <c r="BG10" s="405">
        <v>14529024</v>
      </c>
      <c r="BH10" s="409">
        <v>17061987</v>
      </c>
      <c r="BI10" s="410">
        <v>0</v>
      </c>
      <c r="BJ10" s="405">
        <v>9281177</v>
      </c>
      <c r="BK10" s="405">
        <v>26214837</v>
      </c>
      <c r="BL10" s="405">
        <v>18448472</v>
      </c>
      <c r="BM10" s="405">
        <v>16131682</v>
      </c>
      <c r="BN10" s="405">
        <v>9209872</v>
      </c>
      <c r="BO10" s="406">
        <v>79286040</v>
      </c>
      <c r="BP10" s="408">
        <v>96348027</v>
      </c>
      <c r="BQ10" s="404">
        <v>15884152</v>
      </c>
      <c r="BR10" s="405">
        <v>22585544</v>
      </c>
      <c r="BS10" s="406">
        <v>38469696</v>
      </c>
      <c r="BT10" s="404">
        <v>0</v>
      </c>
      <c r="BU10" s="405">
        <v>99024683</v>
      </c>
      <c r="BV10" s="405">
        <v>141334670</v>
      </c>
      <c r="BW10" s="405">
        <v>122736772</v>
      </c>
      <c r="BX10" s="405">
        <v>122907073</v>
      </c>
      <c r="BY10" s="405">
        <v>96384796</v>
      </c>
      <c r="BZ10" s="406">
        <v>582387994</v>
      </c>
      <c r="CA10" s="408">
        <v>620857690</v>
      </c>
      <c r="CB10" s="404">
        <v>16313474</v>
      </c>
      <c r="CC10" s="405">
        <v>52891122</v>
      </c>
      <c r="CD10" s="406">
        <v>69204596</v>
      </c>
      <c r="CE10" s="404">
        <v>0</v>
      </c>
      <c r="CF10" s="405">
        <v>458997471</v>
      </c>
      <c r="CG10" s="405">
        <v>816942269</v>
      </c>
      <c r="CH10" s="405">
        <v>529055886</v>
      </c>
      <c r="CI10" s="405">
        <v>339570447</v>
      </c>
      <c r="CJ10" s="405">
        <v>172788031</v>
      </c>
      <c r="CK10" s="406">
        <v>2317354104</v>
      </c>
      <c r="CL10" s="408">
        <v>2386558700</v>
      </c>
      <c r="CM10" s="404">
        <v>0</v>
      </c>
      <c r="CN10" s="405">
        <v>0</v>
      </c>
      <c r="CO10" s="406">
        <v>0</v>
      </c>
      <c r="CP10" s="410">
        <v>0</v>
      </c>
      <c r="CQ10" s="405">
        <v>391701947</v>
      </c>
      <c r="CR10" s="405">
        <v>624140413</v>
      </c>
      <c r="CS10" s="405">
        <v>392351260</v>
      </c>
      <c r="CT10" s="405">
        <v>241869113</v>
      </c>
      <c r="CU10" s="405">
        <v>135245220</v>
      </c>
      <c r="CV10" s="406">
        <v>1785307953</v>
      </c>
      <c r="CW10" s="408">
        <v>1785307953</v>
      </c>
      <c r="CX10" s="404">
        <v>16313474</v>
      </c>
      <c r="CY10" s="405">
        <v>52891122</v>
      </c>
      <c r="CZ10" s="406">
        <v>69204596</v>
      </c>
      <c r="DA10" s="404">
        <v>0</v>
      </c>
      <c r="DB10" s="405">
        <v>67295524</v>
      </c>
      <c r="DC10" s="405">
        <v>192801856</v>
      </c>
      <c r="DD10" s="405">
        <v>136704626</v>
      </c>
      <c r="DE10" s="405">
        <v>97701334</v>
      </c>
      <c r="DF10" s="405">
        <v>37542811</v>
      </c>
      <c r="DG10" s="406">
        <v>532046151</v>
      </c>
      <c r="DH10" s="408">
        <v>601250747</v>
      </c>
      <c r="DI10" s="404">
        <v>891644</v>
      </c>
      <c r="DJ10" s="405">
        <v>4397281</v>
      </c>
      <c r="DK10" s="409">
        <v>5288925</v>
      </c>
      <c r="DL10" s="410">
        <v>0</v>
      </c>
      <c r="DM10" s="405">
        <v>46157028</v>
      </c>
      <c r="DN10" s="405">
        <v>123130739</v>
      </c>
      <c r="DO10" s="405">
        <v>223056531</v>
      </c>
      <c r="DP10" s="405">
        <v>185185119</v>
      </c>
      <c r="DQ10" s="405">
        <v>105611002</v>
      </c>
      <c r="DR10" s="406">
        <v>683140419</v>
      </c>
      <c r="DS10" s="408">
        <v>688429344</v>
      </c>
      <c r="DT10" s="404">
        <v>818814</v>
      </c>
      <c r="DU10" s="405">
        <v>3310933</v>
      </c>
      <c r="DV10" s="406">
        <v>4129747</v>
      </c>
      <c r="DW10" s="404">
        <v>0</v>
      </c>
      <c r="DX10" s="405">
        <v>38425859</v>
      </c>
      <c r="DY10" s="405">
        <v>100148775</v>
      </c>
      <c r="DZ10" s="405">
        <v>191622541</v>
      </c>
      <c r="EA10" s="405">
        <v>151255635</v>
      </c>
      <c r="EB10" s="405">
        <v>81496435</v>
      </c>
      <c r="EC10" s="406">
        <v>562949245</v>
      </c>
      <c r="ED10" s="408">
        <v>567078992</v>
      </c>
      <c r="EE10" s="404">
        <v>72830</v>
      </c>
      <c r="EF10" s="409">
        <v>1086348</v>
      </c>
      <c r="EG10" s="406">
        <v>1159178</v>
      </c>
      <c r="EH10" s="404">
        <v>0</v>
      </c>
      <c r="EI10" s="405">
        <v>7731169</v>
      </c>
      <c r="EJ10" s="405">
        <v>22981964</v>
      </c>
      <c r="EK10" s="405">
        <v>31433990</v>
      </c>
      <c r="EL10" s="405">
        <v>33929484</v>
      </c>
      <c r="EM10" s="405">
        <v>24114567</v>
      </c>
      <c r="EN10" s="409">
        <v>120191174</v>
      </c>
      <c r="EO10" s="408">
        <v>121350352</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35008295</v>
      </c>
      <c r="FM10" s="405">
        <v>86546303</v>
      </c>
      <c r="FN10" s="406">
        <v>121554598</v>
      </c>
      <c r="FO10" s="404">
        <v>0</v>
      </c>
      <c r="FP10" s="405">
        <v>70593975</v>
      </c>
      <c r="FQ10" s="405">
        <v>281290494</v>
      </c>
      <c r="FR10" s="405">
        <v>187381505</v>
      </c>
      <c r="FS10" s="405">
        <v>165016010</v>
      </c>
      <c r="FT10" s="405">
        <v>124275737</v>
      </c>
      <c r="FU10" s="406">
        <v>828557721</v>
      </c>
      <c r="FV10" s="408">
        <v>950112319</v>
      </c>
      <c r="FW10" s="412">
        <v>17234559</v>
      </c>
      <c r="FX10" s="405">
        <v>62203495</v>
      </c>
      <c r="FY10" s="409">
        <v>79438054</v>
      </c>
      <c r="FZ10" s="410">
        <v>0</v>
      </c>
      <c r="GA10" s="405">
        <v>53826069</v>
      </c>
      <c r="GB10" s="405">
        <v>259717584</v>
      </c>
      <c r="GC10" s="405">
        <v>174412057</v>
      </c>
      <c r="GD10" s="405">
        <v>152984324</v>
      </c>
      <c r="GE10" s="405">
        <v>119687146</v>
      </c>
      <c r="GF10" s="406">
        <v>760627180</v>
      </c>
      <c r="GG10" s="413">
        <v>840065234</v>
      </c>
      <c r="GH10" s="412">
        <v>2248039</v>
      </c>
      <c r="GI10" s="405">
        <v>4166298</v>
      </c>
      <c r="GJ10" s="409">
        <v>6414337</v>
      </c>
      <c r="GK10" s="410">
        <v>0</v>
      </c>
      <c r="GL10" s="405">
        <v>3647479</v>
      </c>
      <c r="GM10" s="405">
        <v>6469786</v>
      </c>
      <c r="GN10" s="405">
        <v>5379403</v>
      </c>
      <c r="GO10" s="405">
        <v>4093300</v>
      </c>
      <c r="GP10" s="405">
        <v>2177835</v>
      </c>
      <c r="GQ10" s="406">
        <v>21767803</v>
      </c>
      <c r="GR10" s="408">
        <v>28182140</v>
      </c>
      <c r="GS10" s="404">
        <v>15525697</v>
      </c>
      <c r="GT10" s="405">
        <v>20176510</v>
      </c>
      <c r="GU10" s="406">
        <v>35702207</v>
      </c>
      <c r="GV10" s="404">
        <v>0</v>
      </c>
      <c r="GW10" s="405">
        <v>13120427</v>
      </c>
      <c r="GX10" s="405">
        <v>15103124</v>
      </c>
      <c r="GY10" s="405">
        <v>7590045</v>
      </c>
      <c r="GZ10" s="405">
        <v>7938386</v>
      </c>
      <c r="HA10" s="405">
        <v>2410756</v>
      </c>
      <c r="HB10" s="409">
        <v>46162738</v>
      </c>
      <c r="HC10" s="408">
        <v>81864945</v>
      </c>
      <c r="HD10" s="404">
        <v>43895923</v>
      </c>
      <c r="HE10" s="405">
        <v>56752883</v>
      </c>
      <c r="HF10" s="409">
        <v>100648806</v>
      </c>
      <c r="HG10" s="410">
        <v>0</v>
      </c>
      <c r="HH10" s="405">
        <v>416216589</v>
      </c>
      <c r="HI10" s="405">
        <v>504185429</v>
      </c>
      <c r="HJ10" s="405">
        <v>449966926</v>
      </c>
      <c r="HK10" s="405">
        <v>587602105</v>
      </c>
      <c r="HL10" s="405">
        <v>362514051</v>
      </c>
      <c r="HM10" s="406">
        <v>2320485100</v>
      </c>
      <c r="HN10" s="407">
        <v>2421133906</v>
      </c>
      <c r="HO10" s="412">
        <v>26849791</v>
      </c>
      <c r="HP10" s="405">
        <v>64923213</v>
      </c>
      <c r="HQ10" s="406">
        <v>91773004</v>
      </c>
      <c r="HR10" s="404">
        <v>0</v>
      </c>
      <c r="HS10" s="405">
        <v>288951530</v>
      </c>
      <c r="HT10" s="405">
        <v>427075317</v>
      </c>
      <c r="HU10" s="405">
        <v>256614331</v>
      </c>
      <c r="HV10" s="405">
        <v>174281844</v>
      </c>
      <c r="HW10" s="405">
        <v>107411532</v>
      </c>
      <c r="HX10" s="409">
        <v>1254334554</v>
      </c>
      <c r="HY10" s="408">
        <v>1346107558</v>
      </c>
      <c r="HZ10" s="414">
        <v>3788280</v>
      </c>
      <c r="IA10" s="415">
        <v>13620775</v>
      </c>
      <c r="IB10" s="416">
        <v>17409055</v>
      </c>
      <c r="IC10" s="417">
        <v>0</v>
      </c>
      <c r="ID10" s="418">
        <v>654303648</v>
      </c>
      <c r="IE10" s="419">
        <v>986619257</v>
      </c>
      <c r="IF10" s="420">
        <v>1033038101</v>
      </c>
      <c r="IG10" s="418">
        <v>744411906</v>
      </c>
      <c r="IH10" s="420">
        <v>585818072</v>
      </c>
      <c r="II10" s="421">
        <v>4004190984</v>
      </c>
      <c r="IJ10" s="422">
        <v>4021600039</v>
      </c>
      <c r="IK10" s="423">
        <v>0</v>
      </c>
      <c r="IL10" s="424">
        <v>0</v>
      </c>
      <c r="IM10" s="425">
        <v>0</v>
      </c>
      <c r="IN10" s="426"/>
      <c r="IO10" s="427">
        <v>9935227</v>
      </c>
      <c r="IP10" s="427">
        <v>22131059</v>
      </c>
      <c r="IQ10" s="427">
        <v>36896612</v>
      </c>
      <c r="IR10" s="427">
        <v>50405963</v>
      </c>
      <c r="IS10" s="427">
        <v>58314617</v>
      </c>
      <c r="IT10" s="428">
        <v>177683478</v>
      </c>
      <c r="IU10" s="429">
        <v>177683478</v>
      </c>
      <c r="IV10" s="430">
        <v>0</v>
      </c>
      <c r="IW10" s="427">
        <v>0</v>
      </c>
      <c r="IX10" s="431">
        <v>0</v>
      </c>
      <c r="IY10" s="432"/>
      <c r="IZ10" s="427">
        <v>1991995</v>
      </c>
      <c r="JA10" s="427">
        <v>8004800</v>
      </c>
      <c r="JB10" s="427">
        <v>8490060</v>
      </c>
      <c r="JC10" s="427">
        <v>10940301</v>
      </c>
      <c r="JD10" s="427">
        <v>14225429</v>
      </c>
      <c r="JE10" s="431">
        <v>43652585</v>
      </c>
      <c r="JF10" s="433">
        <v>43652585</v>
      </c>
      <c r="JG10" s="430">
        <v>0</v>
      </c>
      <c r="JH10" s="427">
        <v>0</v>
      </c>
      <c r="JI10" s="428">
        <v>0</v>
      </c>
      <c r="JJ10" s="434">
        <v>0</v>
      </c>
      <c r="JK10" s="427">
        <v>221207141</v>
      </c>
      <c r="JL10" s="427">
        <v>354233880</v>
      </c>
      <c r="JM10" s="427">
        <v>270408046</v>
      </c>
      <c r="JN10" s="427">
        <v>164139653</v>
      </c>
      <c r="JO10" s="427">
        <v>86924645</v>
      </c>
      <c r="JP10" s="431">
        <v>1096913365</v>
      </c>
      <c r="JQ10" s="429">
        <v>1096913365</v>
      </c>
      <c r="JR10" s="430">
        <v>177086</v>
      </c>
      <c r="JS10" s="427">
        <v>181020</v>
      </c>
      <c r="JT10" s="428">
        <v>358106</v>
      </c>
      <c r="JU10" s="434">
        <v>0</v>
      </c>
      <c r="JV10" s="427">
        <v>36158653</v>
      </c>
      <c r="JW10" s="427">
        <v>57202500</v>
      </c>
      <c r="JX10" s="427">
        <v>80100002</v>
      </c>
      <c r="JY10" s="427">
        <v>50184568</v>
      </c>
      <c r="JZ10" s="427">
        <v>42271261</v>
      </c>
      <c r="KA10" s="431">
        <v>265916984</v>
      </c>
      <c r="KB10" s="429">
        <v>266275090</v>
      </c>
      <c r="KC10" s="435">
        <v>3611194</v>
      </c>
      <c r="KD10" s="436">
        <v>9398549</v>
      </c>
      <c r="KE10" s="431">
        <v>13009743</v>
      </c>
      <c r="KF10" s="434">
        <v>0</v>
      </c>
      <c r="KG10" s="427">
        <v>75285599</v>
      </c>
      <c r="KH10" s="427">
        <v>131175324</v>
      </c>
      <c r="KI10" s="427">
        <v>155153138</v>
      </c>
      <c r="KJ10" s="427">
        <v>122208547</v>
      </c>
      <c r="KK10" s="427">
        <v>79325588</v>
      </c>
      <c r="KL10" s="431">
        <v>563148196</v>
      </c>
      <c r="KM10" s="437">
        <v>576157939</v>
      </c>
      <c r="KN10" s="423">
        <v>0</v>
      </c>
      <c r="KO10" s="424">
        <v>4041206</v>
      </c>
      <c r="KP10" s="425">
        <v>4041206</v>
      </c>
      <c r="KQ10" s="426"/>
      <c r="KR10" s="427">
        <v>303054875</v>
      </c>
      <c r="KS10" s="427">
        <v>395933789</v>
      </c>
      <c r="KT10" s="427">
        <v>454523335</v>
      </c>
      <c r="KU10" s="427">
        <v>301756806</v>
      </c>
      <c r="KV10" s="427">
        <v>227733352</v>
      </c>
      <c r="KW10" s="431">
        <v>1683002157</v>
      </c>
      <c r="KX10" s="429">
        <v>1687043363</v>
      </c>
      <c r="KY10" s="430">
        <v>0</v>
      </c>
      <c r="KZ10" s="427">
        <v>0</v>
      </c>
      <c r="LA10" s="431">
        <v>0</v>
      </c>
      <c r="LB10" s="438"/>
      <c r="LC10" s="427">
        <v>0</v>
      </c>
      <c r="LD10" s="427">
        <v>394158</v>
      </c>
      <c r="LE10" s="427">
        <v>1318398</v>
      </c>
      <c r="LF10" s="427">
        <v>240765</v>
      </c>
      <c r="LG10" s="427">
        <v>789300</v>
      </c>
      <c r="LH10" s="431">
        <v>2742621</v>
      </c>
      <c r="LI10" s="433">
        <v>2742621</v>
      </c>
      <c r="LJ10" s="430">
        <v>0</v>
      </c>
      <c r="LK10" s="427">
        <v>0</v>
      </c>
      <c r="LL10" s="431">
        <v>0</v>
      </c>
      <c r="LM10" s="438"/>
      <c r="LN10" s="427">
        <v>1325572</v>
      </c>
      <c r="LO10" s="427">
        <v>2470189</v>
      </c>
      <c r="LP10" s="427">
        <v>6952432</v>
      </c>
      <c r="LQ10" s="427">
        <v>12002941</v>
      </c>
      <c r="LR10" s="427">
        <v>11686323</v>
      </c>
      <c r="LS10" s="431">
        <v>34437457</v>
      </c>
      <c r="LT10" s="429">
        <v>34437457</v>
      </c>
      <c r="LU10" s="430">
        <v>0</v>
      </c>
      <c r="LV10" s="427">
        <v>0</v>
      </c>
      <c r="LW10" s="431">
        <v>0</v>
      </c>
      <c r="LX10" s="438"/>
      <c r="LY10" s="427">
        <v>5344586</v>
      </c>
      <c r="LZ10" s="427">
        <v>15073558</v>
      </c>
      <c r="MA10" s="427">
        <v>19196078</v>
      </c>
      <c r="MB10" s="427">
        <v>32532362</v>
      </c>
      <c r="MC10" s="427">
        <v>64547557</v>
      </c>
      <c r="MD10" s="431">
        <v>136694141</v>
      </c>
      <c r="ME10" s="433">
        <v>136694141</v>
      </c>
      <c r="MF10" s="430">
        <v>0</v>
      </c>
      <c r="MG10" s="427">
        <v>0</v>
      </c>
      <c r="MH10" s="431">
        <v>0</v>
      </c>
      <c r="MI10" s="438"/>
      <c r="MJ10" s="427">
        <v>214017850</v>
      </c>
      <c r="MK10" s="427">
        <v>709679416</v>
      </c>
      <c r="ML10" s="427">
        <v>1806828901</v>
      </c>
      <c r="MM10" s="427">
        <v>2711132853</v>
      </c>
      <c r="MN10" s="427">
        <v>1913562889</v>
      </c>
      <c r="MO10" s="431">
        <v>7355221909</v>
      </c>
      <c r="MP10" s="437">
        <v>7355221909</v>
      </c>
      <c r="MQ10" s="430">
        <v>0</v>
      </c>
      <c r="MR10" s="427">
        <v>0</v>
      </c>
      <c r="MS10" s="431">
        <v>0</v>
      </c>
      <c r="MT10" s="438"/>
      <c r="MU10" s="427">
        <v>58139291</v>
      </c>
      <c r="MV10" s="427">
        <v>253326920</v>
      </c>
      <c r="MW10" s="427">
        <v>1178096999</v>
      </c>
      <c r="MX10" s="427">
        <v>1808879238</v>
      </c>
      <c r="MY10" s="427">
        <v>1360746703</v>
      </c>
      <c r="MZ10" s="431">
        <v>4659189151</v>
      </c>
      <c r="NA10" s="437">
        <v>4659189151</v>
      </c>
      <c r="NB10" s="430">
        <v>0</v>
      </c>
      <c r="NC10" s="427">
        <v>0</v>
      </c>
      <c r="ND10" s="431">
        <v>0</v>
      </c>
      <c r="NE10" s="438"/>
      <c r="NF10" s="427">
        <v>155392469</v>
      </c>
      <c r="NG10" s="427">
        <v>454921272</v>
      </c>
      <c r="NH10" s="427">
        <v>623805615</v>
      </c>
      <c r="NI10" s="427">
        <v>852532485</v>
      </c>
      <c r="NJ10" s="427">
        <v>484958540</v>
      </c>
      <c r="NK10" s="431">
        <v>2571610381</v>
      </c>
      <c r="NL10" s="429">
        <v>2571610381</v>
      </c>
      <c r="NM10" s="430">
        <v>0</v>
      </c>
      <c r="NN10" s="427">
        <v>0</v>
      </c>
      <c r="NO10" s="431">
        <v>0</v>
      </c>
      <c r="NP10" s="438"/>
      <c r="NQ10" s="427">
        <v>0</v>
      </c>
      <c r="NR10" s="427">
        <v>0</v>
      </c>
      <c r="NS10" s="427">
        <v>998877</v>
      </c>
      <c r="NT10" s="427">
        <v>13081256</v>
      </c>
      <c r="NU10" s="427">
        <v>16103345</v>
      </c>
      <c r="NV10" s="431">
        <v>30183478</v>
      </c>
      <c r="NW10" s="433">
        <v>30183478</v>
      </c>
      <c r="NX10" s="430">
        <v>0</v>
      </c>
      <c r="NY10" s="427">
        <v>0</v>
      </c>
      <c r="NZ10" s="431">
        <v>0</v>
      </c>
      <c r="OA10" s="438"/>
      <c r="OB10" s="427">
        <v>486090</v>
      </c>
      <c r="OC10" s="427">
        <v>1431224</v>
      </c>
      <c r="OD10" s="427">
        <v>3927410</v>
      </c>
      <c r="OE10" s="427">
        <v>36639874</v>
      </c>
      <c r="OF10" s="427">
        <v>51754301</v>
      </c>
      <c r="OG10" s="431">
        <v>94238899</v>
      </c>
      <c r="OH10" s="433">
        <v>94238899</v>
      </c>
      <c r="OI10" s="430">
        <v>169280936</v>
      </c>
      <c r="OJ10" s="427">
        <v>411772911</v>
      </c>
      <c r="OK10" s="428">
        <v>581053847</v>
      </c>
      <c r="OL10" s="434">
        <v>0</v>
      </c>
      <c r="OM10" s="427">
        <v>2685057252</v>
      </c>
      <c r="ON10" s="427">
        <v>4937633469</v>
      </c>
      <c r="OO10" s="427">
        <v>5332225467</v>
      </c>
      <c r="OP10" s="427">
        <v>5801674611</v>
      </c>
      <c r="OQ10" s="427">
        <v>4295292371</v>
      </c>
      <c r="OR10" s="431">
        <v>23051883170</v>
      </c>
      <c r="OS10" s="437">
        <v>23632937017</v>
      </c>
    </row>
    <row r="11" spans="1:409" ht="21" customHeight="1" x14ac:dyDescent="0.2">
      <c r="B11" s="472" t="s">
        <v>6</v>
      </c>
      <c r="C11" s="100">
        <v>54552799</v>
      </c>
      <c r="D11" s="104">
        <v>97617050</v>
      </c>
      <c r="E11" s="103">
        <v>152169849</v>
      </c>
      <c r="F11" s="99">
        <v>0</v>
      </c>
      <c r="G11" s="104">
        <v>865261539</v>
      </c>
      <c r="H11" s="104">
        <v>959111716</v>
      </c>
      <c r="I11" s="104">
        <v>850121119</v>
      </c>
      <c r="J11" s="104">
        <v>868109828</v>
      </c>
      <c r="K11" s="104">
        <v>706481158</v>
      </c>
      <c r="L11" s="99">
        <v>4249085360</v>
      </c>
      <c r="M11" s="106">
        <v>4401255209</v>
      </c>
      <c r="N11" s="100">
        <v>14621977</v>
      </c>
      <c r="O11" s="104">
        <v>30951004</v>
      </c>
      <c r="P11" s="103">
        <v>45572981</v>
      </c>
      <c r="Q11" s="100">
        <v>0</v>
      </c>
      <c r="R11" s="104">
        <v>279356917</v>
      </c>
      <c r="S11" s="104">
        <v>338844002</v>
      </c>
      <c r="T11" s="104">
        <v>299302950</v>
      </c>
      <c r="U11" s="104">
        <v>349644077</v>
      </c>
      <c r="V11" s="104">
        <v>376973030</v>
      </c>
      <c r="W11" s="103">
        <v>1644120976</v>
      </c>
      <c r="X11" s="106">
        <v>1689693957</v>
      </c>
      <c r="Y11" s="100">
        <v>0</v>
      </c>
      <c r="Z11" s="104">
        <v>0</v>
      </c>
      <c r="AA11" s="103">
        <v>0</v>
      </c>
      <c r="AB11" s="100">
        <v>0</v>
      </c>
      <c r="AC11" s="104">
        <v>135022682</v>
      </c>
      <c r="AD11" s="104">
        <v>172314403</v>
      </c>
      <c r="AE11" s="104">
        <v>173390480</v>
      </c>
      <c r="AF11" s="104">
        <v>215872383</v>
      </c>
      <c r="AG11" s="104">
        <v>229349345</v>
      </c>
      <c r="AH11" s="103">
        <v>925949293</v>
      </c>
      <c r="AI11" s="106">
        <v>925949293</v>
      </c>
      <c r="AJ11" s="100">
        <v>18494</v>
      </c>
      <c r="AK11" s="104">
        <v>45849</v>
      </c>
      <c r="AL11" s="103">
        <v>64343</v>
      </c>
      <c r="AM11" s="100">
        <v>0</v>
      </c>
      <c r="AN11" s="104">
        <v>1098877</v>
      </c>
      <c r="AO11" s="104">
        <v>3722154</v>
      </c>
      <c r="AP11" s="104">
        <v>6163320</v>
      </c>
      <c r="AQ11" s="104">
        <v>16003965</v>
      </c>
      <c r="AR11" s="104">
        <v>35816361</v>
      </c>
      <c r="AS11" s="103">
        <v>62804677</v>
      </c>
      <c r="AT11" s="106">
        <v>62869020</v>
      </c>
      <c r="AU11" s="100">
        <v>7958981</v>
      </c>
      <c r="AV11" s="104">
        <v>22114019</v>
      </c>
      <c r="AW11" s="103">
        <v>30073000</v>
      </c>
      <c r="AX11" s="100">
        <v>0</v>
      </c>
      <c r="AY11" s="104">
        <v>88356203</v>
      </c>
      <c r="AZ11" s="104">
        <v>101538690</v>
      </c>
      <c r="BA11" s="104">
        <v>67251114</v>
      </c>
      <c r="BB11" s="104">
        <v>64116478</v>
      </c>
      <c r="BC11" s="104">
        <v>67531082</v>
      </c>
      <c r="BD11" s="103">
        <v>388793567</v>
      </c>
      <c r="BE11" s="106">
        <v>418866567</v>
      </c>
      <c r="BF11" s="100">
        <v>530902</v>
      </c>
      <c r="BG11" s="104">
        <v>2006326</v>
      </c>
      <c r="BH11" s="102">
        <v>2537228</v>
      </c>
      <c r="BI11" s="101">
        <v>0</v>
      </c>
      <c r="BJ11" s="104">
        <v>6560355</v>
      </c>
      <c r="BK11" s="104">
        <v>8097583</v>
      </c>
      <c r="BL11" s="104">
        <v>4469154</v>
      </c>
      <c r="BM11" s="104">
        <v>5492008</v>
      </c>
      <c r="BN11" s="104">
        <v>3236608</v>
      </c>
      <c r="BO11" s="103">
        <v>27855708</v>
      </c>
      <c r="BP11" s="106">
        <v>30392936</v>
      </c>
      <c r="BQ11" s="100">
        <v>6113600</v>
      </c>
      <c r="BR11" s="104">
        <v>6784810</v>
      </c>
      <c r="BS11" s="103">
        <v>12898410</v>
      </c>
      <c r="BT11" s="100">
        <v>0</v>
      </c>
      <c r="BU11" s="104">
        <v>48318800</v>
      </c>
      <c r="BV11" s="104">
        <v>53171172</v>
      </c>
      <c r="BW11" s="104">
        <v>48028882</v>
      </c>
      <c r="BX11" s="104">
        <v>48159243</v>
      </c>
      <c r="BY11" s="104">
        <v>41039634</v>
      </c>
      <c r="BZ11" s="103">
        <v>238717731</v>
      </c>
      <c r="CA11" s="106">
        <v>251616141</v>
      </c>
      <c r="CB11" s="100">
        <v>2787898</v>
      </c>
      <c r="CC11" s="104">
        <v>8399911</v>
      </c>
      <c r="CD11" s="103">
        <v>11187809</v>
      </c>
      <c r="CE11" s="100">
        <v>0</v>
      </c>
      <c r="CF11" s="104">
        <v>231963150</v>
      </c>
      <c r="CG11" s="104">
        <v>251733288</v>
      </c>
      <c r="CH11" s="104">
        <v>188750896</v>
      </c>
      <c r="CI11" s="104">
        <v>139995530</v>
      </c>
      <c r="CJ11" s="104">
        <v>73974356</v>
      </c>
      <c r="CK11" s="103">
        <v>886417220</v>
      </c>
      <c r="CL11" s="106">
        <v>897605029</v>
      </c>
      <c r="CM11" s="100">
        <v>0</v>
      </c>
      <c r="CN11" s="104">
        <v>0</v>
      </c>
      <c r="CO11" s="103">
        <v>0</v>
      </c>
      <c r="CP11" s="101">
        <v>0</v>
      </c>
      <c r="CQ11" s="104">
        <v>199457952</v>
      </c>
      <c r="CR11" s="104">
        <v>202764892</v>
      </c>
      <c r="CS11" s="104">
        <v>148736131</v>
      </c>
      <c r="CT11" s="104">
        <v>108835118</v>
      </c>
      <c r="CU11" s="104">
        <v>59717629</v>
      </c>
      <c r="CV11" s="103">
        <v>719511722</v>
      </c>
      <c r="CW11" s="106">
        <v>719511722</v>
      </c>
      <c r="CX11" s="100">
        <v>2787898</v>
      </c>
      <c r="CY11" s="104">
        <v>8399911</v>
      </c>
      <c r="CZ11" s="103">
        <v>11187809</v>
      </c>
      <c r="DA11" s="100">
        <v>0</v>
      </c>
      <c r="DB11" s="104">
        <v>32505198</v>
      </c>
      <c r="DC11" s="104">
        <v>48968396</v>
      </c>
      <c r="DD11" s="104">
        <v>40014765</v>
      </c>
      <c r="DE11" s="104">
        <v>31160412</v>
      </c>
      <c r="DF11" s="104">
        <v>14256727</v>
      </c>
      <c r="DG11" s="103">
        <v>166905498</v>
      </c>
      <c r="DH11" s="106">
        <v>178093307</v>
      </c>
      <c r="DI11" s="100">
        <v>27642</v>
      </c>
      <c r="DJ11" s="104">
        <v>1061123</v>
      </c>
      <c r="DK11" s="102">
        <v>1088765</v>
      </c>
      <c r="DL11" s="101">
        <v>0</v>
      </c>
      <c r="DM11" s="104">
        <v>16697578</v>
      </c>
      <c r="DN11" s="104">
        <v>33885706</v>
      </c>
      <c r="DO11" s="104">
        <v>60465192</v>
      </c>
      <c r="DP11" s="104">
        <v>56831975</v>
      </c>
      <c r="DQ11" s="104">
        <v>34792098</v>
      </c>
      <c r="DR11" s="103">
        <v>202672549</v>
      </c>
      <c r="DS11" s="106">
        <v>203761314</v>
      </c>
      <c r="DT11" s="100">
        <v>27642</v>
      </c>
      <c r="DU11" s="104">
        <v>986604</v>
      </c>
      <c r="DV11" s="103">
        <v>1014246</v>
      </c>
      <c r="DW11" s="100">
        <v>0</v>
      </c>
      <c r="DX11" s="104">
        <v>15358253</v>
      </c>
      <c r="DY11" s="104">
        <v>30408679</v>
      </c>
      <c r="DZ11" s="104">
        <v>53547153</v>
      </c>
      <c r="EA11" s="104">
        <v>48414424</v>
      </c>
      <c r="EB11" s="104">
        <v>29530921</v>
      </c>
      <c r="EC11" s="103">
        <v>177259430</v>
      </c>
      <c r="ED11" s="106">
        <v>178273676</v>
      </c>
      <c r="EE11" s="100">
        <v>0</v>
      </c>
      <c r="EF11" s="102">
        <v>74519</v>
      </c>
      <c r="EG11" s="103">
        <v>74519</v>
      </c>
      <c r="EH11" s="100">
        <v>0</v>
      </c>
      <c r="EI11" s="104">
        <v>1339325</v>
      </c>
      <c r="EJ11" s="104">
        <v>3477027</v>
      </c>
      <c r="EK11" s="104">
        <v>6918039</v>
      </c>
      <c r="EL11" s="104">
        <v>8417551</v>
      </c>
      <c r="EM11" s="104">
        <v>5261177</v>
      </c>
      <c r="EN11" s="102">
        <v>25413119</v>
      </c>
      <c r="EO11" s="106">
        <v>25487638</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12758889</v>
      </c>
      <c r="FM11" s="104">
        <v>23157734</v>
      </c>
      <c r="FN11" s="103">
        <v>35916623</v>
      </c>
      <c r="FO11" s="100">
        <v>0</v>
      </c>
      <c r="FP11" s="104">
        <v>46055740</v>
      </c>
      <c r="FQ11" s="104">
        <v>86326589</v>
      </c>
      <c r="FR11" s="104">
        <v>65784134</v>
      </c>
      <c r="FS11" s="104">
        <v>65061523</v>
      </c>
      <c r="FT11" s="104">
        <v>50299931</v>
      </c>
      <c r="FU11" s="103">
        <v>313527917</v>
      </c>
      <c r="FV11" s="106">
        <v>349444540</v>
      </c>
      <c r="FW11" s="105">
        <v>8116773</v>
      </c>
      <c r="FX11" s="104">
        <v>18363204</v>
      </c>
      <c r="FY11" s="102">
        <v>26479977</v>
      </c>
      <c r="FZ11" s="101">
        <v>0</v>
      </c>
      <c r="GA11" s="104">
        <v>38550627</v>
      </c>
      <c r="GB11" s="104">
        <v>79695179</v>
      </c>
      <c r="GC11" s="104">
        <v>61949016</v>
      </c>
      <c r="GD11" s="104">
        <v>61465296</v>
      </c>
      <c r="GE11" s="104">
        <v>48869353</v>
      </c>
      <c r="GF11" s="103">
        <v>290529471</v>
      </c>
      <c r="GG11" s="296">
        <v>317009448</v>
      </c>
      <c r="GH11" s="105">
        <v>1109743</v>
      </c>
      <c r="GI11" s="104">
        <v>1063100</v>
      </c>
      <c r="GJ11" s="102">
        <v>2172843</v>
      </c>
      <c r="GK11" s="101">
        <v>0</v>
      </c>
      <c r="GL11" s="104">
        <v>1927488</v>
      </c>
      <c r="GM11" s="104">
        <v>2131420</v>
      </c>
      <c r="GN11" s="104">
        <v>1323751</v>
      </c>
      <c r="GO11" s="104">
        <v>1516887</v>
      </c>
      <c r="GP11" s="104">
        <v>775904</v>
      </c>
      <c r="GQ11" s="103">
        <v>7675450</v>
      </c>
      <c r="GR11" s="106">
        <v>9848293</v>
      </c>
      <c r="GS11" s="100">
        <v>3532373</v>
      </c>
      <c r="GT11" s="104">
        <v>3731430</v>
      </c>
      <c r="GU11" s="103">
        <v>7263803</v>
      </c>
      <c r="GV11" s="100">
        <v>0</v>
      </c>
      <c r="GW11" s="104">
        <v>5577625</v>
      </c>
      <c r="GX11" s="104">
        <v>4499990</v>
      </c>
      <c r="GY11" s="104">
        <v>2511367</v>
      </c>
      <c r="GZ11" s="104">
        <v>2079340</v>
      </c>
      <c r="HA11" s="104">
        <v>654674</v>
      </c>
      <c r="HB11" s="102">
        <v>15322996</v>
      </c>
      <c r="HC11" s="106">
        <v>22586799</v>
      </c>
      <c r="HD11" s="100">
        <v>13979932</v>
      </c>
      <c r="HE11" s="104">
        <v>16282816</v>
      </c>
      <c r="HF11" s="102">
        <v>30262748</v>
      </c>
      <c r="HG11" s="101">
        <v>0</v>
      </c>
      <c r="HH11" s="104">
        <v>152514742</v>
      </c>
      <c r="HI11" s="104">
        <v>133117258</v>
      </c>
      <c r="HJ11" s="104">
        <v>152982689</v>
      </c>
      <c r="HK11" s="104">
        <v>194080291</v>
      </c>
      <c r="HL11" s="104">
        <v>129935270</v>
      </c>
      <c r="HM11" s="103">
        <v>762630250</v>
      </c>
      <c r="HN11" s="99">
        <v>792892998</v>
      </c>
      <c r="HO11" s="105">
        <v>10376461</v>
      </c>
      <c r="HP11" s="104">
        <v>17764462</v>
      </c>
      <c r="HQ11" s="103">
        <v>28140923</v>
      </c>
      <c r="HR11" s="100">
        <v>0</v>
      </c>
      <c r="HS11" s="104">
        <v>138673412</v>
      </c>
      <c r="HT11" s="104">
        <v>115204873</v>
      </c>
      <c r="HU11" s="104">
        <v>82835258</v>
      </c>
      <c r="HV11" s="104">
        <v>62496432</v>
      </c>
      <c r="HW11" s="104">
        <v>40506473</v>
      </c>
      <c r="HX11" s="102">
        <v>439716448</v>
      </c>
      <c r="HY11" s="106">
        <v>467857371</v>
      </c>
      <c r="HZ11" s="118">
        <v>1483279</v>
      </c>
      <c r="IA11" s="119">
        <v>3930918</v>
      </c>
      <c r="IB11" s="120">
        <v>5414197</v>
      </c>
      <c r="IC11" s="133">
        <v>0</v>
      </c>
      <c r="ID11" s="119">
        <v>279556106</v>
      </c>
      <c r="IE11" s="134">
        <v>338148031</v>
      </c>
      <c r="IF11" s="120">
        <v>366931859</v>
      </c>
      <c r="IG11" s="119">
        <v>294074226</v>
      </c>
      <c r="IH11" s="120">
        <v>233873258</v>
      </c>
      <c r="II11" s="135">
        <v>1512583480</v>
      </c>
      <c r="IJ11" s="126">
        <v>1517997677</v>
      </c>
      <c r="IK11" s="219">
        <v>0</v>
      </c>
      <c r="IL11" s="223">
        <v>0</v>
      </c>
      <c r="IM11" s="224">
        <v>0</v>
      </c>
      <c r="IN11" s="127"/>
      <c r="IO11" s="109">
        <v>6467230</v>
      </c>
      <c r="IP11" s="109">
        <v>9592172</v>
      </c>
      <c r="IQ11" s="109">
        <v>13791882</v>
      </c>
      <c r="IR11" s="109">
        <v>22799285</v>
      </c>
      <c r="IS11" s="109">
        <v>27729103</v>
      </c>
      <c r="IT11" s="128">
        <v>80379672</v>
      </c>
      <c r="IU11" s="298">
        <v>80379672</v>
      </c>
      <c r="IV11" s="129">
        <v>0</v>
      </c>
      <c r="IW11" s="109">
        <v>0</v>
      </c>
      <c r="IX11" s="110">
        <v>0</v>
      </c>
      <c r="IY11" s="131"/>
      <c r="IZ11" s="109">
        <v>1266870</v>
      </c>
      <c r="JA11" s="109">
        <v>2537402</v>
      </c>
      <c r="JB11" s="109">
        <v>2853071</v>
      </c>
      <c r="JC11" s="109">
        <v>2653862</v>
      </c>
      <c r="JD11" s="109">
        <v>3542779</v>
      </c>
      <c r="JE11" s="110">
        <v>12853984</v>
      </c>
      <c r="JF11" s="111">
        <v>12853984</v>
      </c>
      <c r="JG11" s="129">
        <v>0</v>
      </c>
      <c r="JH11" s="109">
        <v>0</v>
      </c>
      <c r="JI11" s="128">
        <v>0</v>
      </c>
      <c r="JJ11" s="108">
        <v>0</v>
      </c>
      <c r="JK11" s="109">
        <v>88863425</v>
      </c>
      <c r="JL11" s="109">
        <v>83226048</v>
      </c>
      <c r="JM11" s="109">
        <v>73200118</v>
      </c>
      <c r="JN11" s="109">
        <v>46570913</v>
      </c>
      <c r="JO11" s="109">
        <v>25372238</v>
      </c>
      <c r="JP11" s="110">
        <v>317232742</v>
      </c>
      <c r="JQ11" s="298">
        <v>317232742</v>
      </c>
      <c r="JR11" s="129">
        <v>72009</v>
      </c>
      <c r="JS11" s="109">
        <v>18130</v>
      </c>
      <c r="JT11" s="128">
        <v>90139</v>
      </c>
      <c r="JU11" s="108">
        <v>0</v>
      </c>
      <c r="JV11" s="109">
        <v>16794031</v>
      </c>
      <c r="JW11" s="109">
        <v>23925354</v>
      </c>
      <c r="JX11" s="109">
        <v>33897276</v>
      </c>
      <c r="JY11" s="109">
        <v>19117652</v>
      </c>
      <c r="JZ11" s="109">
        <v>17241515</v>
      </c>
      <c r="KA11" s="110">
        <v>110975828</v>
      </c>
      <c r="KB11" s="298">
        <v>111065967</v>
      </c>
      <c r="KC11" s="221">
        <v>1411270</v>
      </c>
      <c r="KD11" s="217">
        <v>2478368</v>
      </c>
      <c r="KE11" s="110">
        <v>3889638</v>
      </c>
      <c r="KF11" s="108">
        <v>0</v>
      </c>
      <c r="KG11" s="109">
        <v>31625001</v>
      </c>
      <c r="KH11" s="109">
        <v>40591745</v>
      </c>
      <c r="KI11" s="109">
        <v>46476589</v>
      </c>
      <c r="KJ11" s="109">
        <v>39899323</v>
      </c>
      <c r="KK11" s="109">
        <v>22216188</v>
      </c>
      <c r="KL11" s="110">
        <v>180808846</v>
      </c>
      <c r="KM11" s="130">
        <v>184698484</v>
      </c>
      <c r="KN11" s="219">
        <v>0</v>
      </c>
      <c r="KO11" s="223">
        <v>1434420</v>
      </c>
      <c r="KP11" s="224">
        <v>1434420</v>
      </c>
      <c r="KQ11" s="127"/>
      <c r="KR11" s="109">
        <v>122206131</v>
      </c>
      <c r="KS11" s="109">
        <v>155618997</v>
      </c>
      <c r="KT11" s="109">
        <v>155802476</v>
      </c>
      <c r="KU11" s="109">
        <v>102734805</v>
      </c>
      <c r="KV11" s="109">
        <v>80353595</v>
      </c>
      <c r="KW11" s="110">
        <v>616716004</v>
      </c>
      <c r="KX11" s="298">
        <v>618150424</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950626</v>
      </c>
      <c r="LO11" s="109">
        <v>1309703</v>
      </c>
      <c r="LP11" s="109">
        <v>19711277</v>
      </c>
      <c r="LQ11" s="109">
        <v>29358447</v>
      </c>
      <c r="LR11" s="109">
        <v>23121600</v>
      </c>
      <c r="LS11" s="110">
        <v>74451653</v>
      </c>
      <c r="LT11" s="298">
        <v>74451653</v>
      </c>
      <c r="LU11" s="129">
        <v>0</v>
      </c>
      <c r="LV11" s="109">
        <v>0</v>
      </c>
      <c r="LW11" s="110">
        <v>0</v>
      </c>
      <c r="LX11" s="132"/>
      <c r="LY11" s="109">
        <v>11382792</v>
      </c>
      <c r="LZ11" s="109">
        <v>21346610</v>
      </c>
      <c r="MA11" s="109">
        <v>21199170</v>
      </c>
      <c r="MB11" s="109">
        <v>30939939</v>
      </c>
      <c r="MC11" s="109">
        <v>34296240</v>
      </c>
      <c r="MD11" s="110">
        <v>119164751</v>
      </c>
      <c r="ME11" s="111">
        <v>119164751</v>
      </c>
      <c r="MF11" s="129">
        <v>0</v>
      </c>
      <c r="MG11" s="109">
        <v>0</v>
      </c>
      <c r="MH11" s="110">
        <v>0</v>
      </c>
      <c r="MI11" s="132"/>
      <c r="MJ11" s="109">
        <v>73634249</v>
      </c>
      <c r="MK11" s="109">
        <v>134554515</v>
      </c>
      <c r="ML11" s="109">
        <v>487899239</v>
      </c>
      <c r="MM11" s="109">
        <v>781018076</v>
      </c>
      <c r="MN11" s="109">
        <v>572056108</v>
      </c>
      <c r="MO11" s="110">
        <v>2049162187</v>
      </c>
      <c r="MP11" s="130">
        <v>2049162187</v>
      </c>
      <c r="MQ11" s="129">
        <v>0</v>
      </c>
      <c r="MR11" s="109">
        <v>0</v>
      </c>
      <c r="MS11" s="110">
        <v>0</v>
      </c>
      <c r="MT11" s="132"/>
      <c r="MU11" s="109">
        <v>15848960</v>
      </c>
      <c r="MV11" s="109">
        <v>45215320</v>
      </c>
      <c r="MW11" s="109">
        <v>335259462</v>
      </c>
      <c r="MX11" s="109">
        <v>521727207</v>
      </c>
      <c r="MY11" s="109">
        <v>411100516</v>
      </c>
      <c r="MZ11" s="110">
        <v>1329151465</v>
      </c>
      <c r="NA11" s="130">
        <v>1329151465</v>
      </c>
      <c r="NB11" s="129">
        <v>0</v>
      </c>
      <c r="NC11" s="109">
        <v>0</v>
      </c>
      <c r="ND11" s="110">
        <v>0</v>
      </c>
      <c r="NE11" s="132"/>
      <c r="NF11" s="109">
        <v>57516762</v>
      </c>
      <c r="NG11" s="109">
        <v>88783130</v>
      </c>
      <c r="NH11" s="109">
        <v>149625816</v>
      </c>
      <c r="NI11" s="109">
        <v>223904904</v>
      </c>
      <c r="NJ11" s="109">
        <v>114032562</v>
      </c>
      <c r="NK11" s="110">
        <v>633863174</v>
      </c>
      <c r="NL11" s="298">
        <v>633863174</v>
      </c>
      <c r="NM11" s="129">
        <v>0</v>
      </c>
      <c r="NN11" s="109">
        <v>0</v>
      </c>
      <c r="NO11" s="110">
        <v>0</v>
      </c>
      <c r="NP11" s="132"/>
      <c r="NQ11" s="109">
        <v>0</v>
      </c>
      <c r="NR11" s="109">
        <v>298332</v>
      </c>
      <c r="NS11" s="109">
        <v>1671568</v>
      </c>
      <c r="NT11" s="109">
        <v>17631507</v>
      </c>
      <c r="NU11" s="109">
        <v>23028354</v>
      </c>
      <c r="NV11" s="110">
        <v>42629761</v>
      </c>
      <c r="NW11" s="111">
        <v>42629761</v>
      </c>
      <c r="NX11" s="129">
        <v>0</v>
      </c>
      <c r="NY11" s="109">
        <v>0</v>
      </c>
      <c r="NZ11" s="110">
        <v>0</v>
      </c>
      <c r="OA11" s="132"/>
      <c r="OB11" s="109">
        <v>268527</v>
      </c>
      <c r="OC11" s="109">
        <v>257733</v>
      </c>
      <c r="OD11" s="109">
        <v>1342393</v>
      </c>
      <c r="OE11" s="109">
        <v>17754458</v>
      </c>
      <c r="OF11" s="109">
        <v>23894676</v>
      </c>
      <c r="OG11" s="110">
        <v>43517787</v>
      </c>
      <c r="OH11" s="111">
        <v>43517787</v>
      </c>
      <c r="OI11" s="129">
        <v>56036078</v>
      </c>
      <c r="OJ11" s="109">
        <v>101547968</v>
      </c>
      <c r="OK11" s="128">
        <v>157584046</v>
      </c>
      <c r="OL11" s="108">
        <v>0</v>
      </c>
      <c r="OM11" s="109">
        <v>1218451894</v>
      </c>
      <c r="ON11" s="109">
        <v>1431814262</v>
      </c>
      <c r="OO11" s="109">
        <v>1704952217</v>
      </c>
      <c r="OP11" s="109">
        <v>1943202130</v>
      </c>
      <c r="OQ11" s="109">
        <v>1512410524</v>
      </c>
      <c r="OR11" s="110">
        <v>7810831027</v>
      </c>
      <c r="OS11" s="130">
        <v>7968415073</v>
      </c>
    </row>
    <row r="12" spans="1:409" ht="21" customHeight="1" x14ac:dyDescent="0.2">
      <c r="B12" s="472" t="s">
        <v>14</v>
      </c>
      <c r="C12" s="100">
        <v>28052377</v>
      </c>
      <c r="D12" s="104">
        <v>73872435</v>
      </c>
      <c r="E12" s="103">
        <v>101924812</v>
      </c>
      <c r="F12" s="99">
        <v>0</v>
      </c>
      <c r="G12" s="104">
        <v>333392089</v>
      </c>
      <c r="H12" s="104">
        <v>538636907</v>
      </c>
      <c r="I12" s="104">
        <v>510900208</v>
      </c>
      <c r="J12" s="104">
        <v>435258526</v>
      </c>
      <c r="K12" s="104">
        <v>300968642</v>
      </c>
      <c r="L12" s="102">
        <v>2119156372</v>
      </c>
      <c r="M12" s="106">
        <v>2221081184</v>
      </c>
      <c r="N12" s="100">
        <v>4911263</v>
      </c>
      <c r="O12" s="104">
        <v>16594472</v>
      </c>
      <c r="P12" s="103">
        <v>21505735</v>
      </c>
      <c r="Q12" s="100">
        <v>0</v>
      </c>
      <c r="R12" s="104">
        <v>92425088</v>
      </c>
      <c r="S12" s="104">
        <v>171449414</v>
      </c>
      <c r="T12" s="104">
        <v>169516736</v>
      </c>
      <c r="U12" s="104">
        <v>167492337</v>
      </c>
      <c r="V12" s="104">
        <v>151971641</v>
      </c>
      <c r="W12" s="103">
        <v>752855216</v>
      </c>
      <c r="X12" s="106">
        <v>774360951</v>
      </c>
      <c r="Y12" s="100">
        <v>0</v>
      </c>
      <c r="Z12" s="104">
        <v>0</v>
      </c>
      <c r="AA12" s="103">
        <v>0</v>
      </c>
      <c r="AB12" s="100">
        <v>0</v>
      </c>
      <c r="AC12" s="104">
        <v>48585854</v>
      </c>
      <c r="AD12" s="104">
        <v>90513595</v>
      </c>
      <c r="AE12" s="104">
        <v>103288168</v>
      </c>
      <c r="AF12" s="104">
        <v>101020624</v>
      </c>
      <c r="AG12" s="104">
        <v>91031437</v>
      </c>
      <c r="AH12" s="103">
        <v>434439678</v>
      </c>
      <c r="AI12" s="106">
        <v>434439678</v>
      </c>
      <c r="AJ12" s="100">
        <v>0</v>
      </c>
      <c r="AK12" s="104">
        <v>36037</v>
      </c>
      <c r="AL12" s="103">
        <v>36037</v>
      </c>
      <c r="AM12" s="100">
        <v>0</v>
      </c>
      <c r="AN12" s="104">
        <v>139605</v>
      </c>
      <c r="AO12" s="104">
        <v>1147730</v>
      </c>
      <c r="AP12" s="104">
        <v>3242194</v>
      </c>
      <c r="AQ12" s="104">
        <v>8864549</v>
      </c>
      <c r="AR12" s="104">
        <v>14904728</v>
      </c>
      <c r="AS12" s="103">
        <v>28298806</v>
      </c>
      <c r="AT12" s="106">
        <v>28334843</v>
      </c>
      <c r="AU12" s="100">
        <v>2282297</v>
      </c>
      <c r="AV12" s="104">
        <v>11380790</v>
      </c>
      <c r="AW12" s="103">
        <v>13663087</v>
      </c>
      <c r="AX12" s="100">
        <v>0</v>
      </c>
      <c r="AY12" s="104">
        <v>25133764</v>
      </c>
      <c r="AZ12" s="104">
        <v>52310076</v>
      </c>
      <c r="BA12" s="104">
        <v>35385829</v>
      </c>
      <c r="BB12" s="104">
        <v>34511299</v>
      </c>
      <c r="BC12" s="104">
        <v>28850626</v>
      </c>
      <c r="BD12" s="103">
        <v>176191594</v>
      </c>
      <c r="BE12" s="106">
        <v>189854681</v>
      </c>
      <c r="BF12" s="100">
        <v>184165</v>
      </c>
      <c r="BG12" s="104">
        <v>1530689</v>
      </c>
      <c r="BH12" s="102">
        <v>1714854</v>
      </c>
      <c r="BI12" s="101">
        <v>0</v>
      </c>
      <c r="BJ12" s="104">
        <v>938077</v>
      </c>
      <c r="BK12" s="104">
        <v>3343692</v>
      </c>
      <c r="BL12" s="104">
        <v>1886422</v>
      </c>
      <c r="BM12" s="104">
        <v>1819774</v>
      </c>
      <c r="BN12" s="104">
        <v>709142</v>
      </c>
      <c r="BO12" s="103">
        <v>8697107</v>
      </c>
      <c r="BP12" s="106">
        <v>10411961</v>
      </c>
      <c r="BQ12" s="100">
        <v>2444801</v>
      </c>
      <c r="BR12" s="104">
        <v>3646956</v>
      </c>
      <c r="BS12" s="103">
        <v>6091757</v>
      </c>
      <c r="BT12" s="100">
        <v>0</v>
      </c>
      <c r="BU12" s="104">
        <v>17627788</v>
      </c>
      <c r="BV12" s="104">
        <v>24134321</v>
      </c>
      <c r="BW12" s="104">
        <v>25714123</v>
      </c>
      <c r="BX12" s="104">
        <v>21276091</v>
      </c>
      <c r="BY12" s="104">
        <v>16475708</v>
      </c>
      <c r="BZ12" s="103">
        <v>105228031</v>
      </c>
      <c r="CA12" s="106">
        <v>111319788</v>
      </c>
      <c r="CB12" s="100">
        <v>1903672</v>
      </c>
      <c r="CC12" s="104">
        <v>7464703</v>
      </c>
      <c r="CD12" s="103">
        <v>9368375</v>
      </c>
      <c r="CE12" s="100">
        <v>0</v>
      </c>
      <c r="CF12" s="104">
        <v>99624249</v>
      </c>
      <c r="CG12" s="104">
        <v>162707852</v>
      </c>
      <c r="CH12" s="104">
        <v>141628495</v>
      </c>
      <c r="CI12" s="104">
        <v>82703592</v>
      </c>
      <c r="CJ12" s="104">
        <v>43987501</v>
      </c>
      <c r="CK12" s="103">
        <v>530651689</v>
      </c>
      <c r="CL12" s="106">
        <v>540020064</v>
      </c>
      <c r="CM12" s="100">
        <v>0</v>
      </c>
      <c r="CN12" s="104">
        <v>0</v>
      </c>
      <c r="CO12" s="103">
        <v>0</v>
      </c>
      <c r="CP12" s="101">
        <v>0</v>
      </c>
      <c r="CQ12" s="104">
        <v>92779725</v>
      </c>
      <c r="CR12" s="104">
        <v>138215845</v>
      </c>
      <c r="CS12" s="104">
        <v>121409264</v>
      </c>
      <c r="CT12" s="104">
        <v>68844627</v>
      </c>
      <c r="CU12" s="104">
        <v>39079301</v>
      </c>
      <c r="CV12" s="103">
        <v>460328762</v>
      </c>
      <c r="CW12" s="106">
        <v>460328762</v>
      </c>
      <c r="CX12" s="100">
        <v>1903672</v>
      </c>
      <c r="CY12" s="104">
        <v>7464703</v>
      </c>
      <c r="CZ12" s="103">
        <v>9368375</v>
      </c>
      <c r="DA12" s="100">
        <v>0</v>
      </c>
      <c r="DB12" s="104">
        <v>6844524</v>
      </c>
      <c r="DC12" s="104">
        <v>24492007</v>
      </c>
      <c r="DD12" s="104">
        <v>20219231</v>
      </c>
      <c r="DE12" s="104">
        <v>13858965</v>
      </c>
      <c r="DF12" s="104">
        <v>4908200</v>
      </c>
      <c r="DG12" s="103">
        <v>70322927</v>
      </c>
      <c r="DH12" s="106">
        <v>79691302</v>
      </c>
      <c r="DI12" s="100">
        <v>0</v>
      </c>
      <c r="DJ12" s="104">
        <v>546043</v>
      </c>
      <c r="DK12" s="102">
        <v>546043</v>
      </c>
      <c r="DL12" s="101">
        <v>0</v>
      </c>
      <c r="DM12" s="104">
        <v>7987647</v>
      </c>
      <c r="DN12" s="104">
        <v>19075224</v>
      </c>
      <c r="DO12" s="104">
        <v>45809145</v>
      </c>
      <c r="DP12" s="104">
        <v>44567901</v>
      </c>
      <c r="DQ12" s="104">
        <v>23645920</v>
      </c>
      <c r="DR12" s="103">
        <v>141085837</v>
      </c>
      <c r="DS12" s="106">
        <v>141631880</v>
      </c>
      <c r="DT12" s="100">
        <v>0</v>
      </c>
      <c r="DU12" s="104">
        <v>546043</v>
      </c>
      <c r="DV12" s="103">
        <v>546043</v>
      </c>
      <c r="DW12" s="100">
        <v>0</v>
      </c>
      <c r="DX12" s="104">
        <v>7662441</v>
      </c>
      <c r="DY12" s="104">
        <v>18492474</v>
      </c>
      <c r="DZ12" s="104">
        <v>45289051</v>
      </c>
      <c r="EA12" s="104">
        <v>44260776</v>
      </c>
      <c r="EB12" s="104">
        <v>22931551</v>
      </c>
      <c r="EC12" s="103">
        <v>138636293</v>
      </c>
      <c r="ED12" s="106">
        <v>139182336</v>
      </c>
      <c r="EE12" s="100">
        <v>0</v>
      </c>
      <c r="EF12" s="102">
        <v>0</v>
      </c>
      <c r="EG12" s="103">
        <v>0</v>
      </c>
      <c r="EH12" s="100">
        <v>0</v>
      </c>
      <c r="EI12" s="104">
        <v>325206</v>
      </c>
      <c r="EJ12" s="104">
        <v>582750</v>
      </c>
      <c r="EK12" s="104">
        <v>520094</v>
      </c>
      <c r="EL12" s="104">
        <v>307125</v>
      </c>
      <c r="EM12" s="104">
        <v>714369</v>
      </c>
      <c r="EN12" s="102">
        <v>2449544</v>
      </c>
      <c r="EO12" s="106">
        <v>2449544</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9309324</v>
      </c>
      <c r="FM12" s="104">
        <v>25889780</v>
      </c>
      <c r="FN12" s="103">
        <v>35199104</v>
      </c>
      <c r="FO12" s="100">
        <v>0</v>
      </c>
      <c r="FP12" s="104">
        <v>18891428</v>
      </c>
      <c r="FQ12" s="104">
        <v>57600255</v>
      </c>
      <c r="FR12" s="104">
        <v>42989846</v>
      </c>
      <c r="FS12" s="104">
        <v>37525717</v>
      </c>
      <c r="FT12" s="104">
        <v>23508451</v>
      </c>
      <c r="FU12" s="103">
        <v>180515697</v>
      </c>
      <c r="FV12" s="106">
        <v>215714801</v>
      </c>
      <c r="FW12" s="105">
        <v>4974256</v>
      </c>
      <c r="FX12" s="104">
        <v>18046436</v>
      </c>
      <c r="FY12" s="102">
        <v>23020692</v>
      </c>
      <c r="FZ12" s="101">
        <v>0</v>
      </c>
      <c r="GA12" s="104">
        <v>15092869</v>
      </c>
      <c r="GB12" s="104">
        <v>52109676</v>
      </c>
      <c r="GC12" s="104">
        <v>40169043</v>
      </c>
      <c r="GD12" s="104">
        <v>34166738</v>
      </c>
      <c r="GE12" s="104">
        <v>22556951</v>
      </c>
      <c r="GF12" s="103">
        <v>164095277</v>
      </c>
      <c r="GG12" s="296">
        <v>187115969</v>
      </c>
      <c r="GH12" s="105">
        <v>401252</v>
      </c>
      <c r="GI12" s="104">
        <v>1382651</v>
      </c>
      <c r="GJ12" s="102">
        <v>1783903</v>
      </c>
      <c r="GK12" s="101">
        <v>0</v>
      </c>
      <c r="GL12" s="104">
        <v>877635</v>
      </c>
      <c r="GM12" s="104">
        <v>1743130</v>
      </c>
      <c r="GN12" s="104">
        <v>1082588</v>
      </c>
      <c r="GO12" s="104">
        <v>1591687</v>
      </c>
      <c r="GP12" s="104">
        <v>626734</v>
      </c>
      <c r="GQ12" s="103">
        <v>5921774</v>
      </c>
      <c r="GR12" s="106">
        <v>7705677</v>
      </c>
      <c r="GS12" s="100">
        <v>3933816</v>
      </c>
      <c r="GT12" s="104">
        <v>6460693</v>
      </c>
      <c r="GU12" s="103">
        <v>10394509</v>
      </c>
      <c r="GV12" s="100">
        <v>0</v>
      </c>
      <c r="GW12" s="104">
        <v>2920924</v>
      </c>
      <c r="GX12" s="104">
        <v>3747449</v>
      </c>
      <c r="GY12" s="104">
        <v>1738215</v>
      </c>
      <c r="GZ12" s="104">
        <v>1767292</v>
      </c>
      <c r="HA12" s="104">
        <v>324766</v>
      </c>
      <c r="HB12" s="102">
        <v>10498646</v>
      </c>
      <c r="HC12" s="106">
        <v>20893155</v>
      </c>
      <c r="HD12" s="100">
        <v>6928059</v>
      </c>
      <c r="HE12" s="104">
        <v>10594584</v>
      </c>
      <c r="HF12" s="102">
        <v>17522643</v>
      </c>
      <c r="HG12" s="101">
        <v>0</v>
      </c>
      <c r="HH12" s="104">
        <v>58074019</v>
      </c>
      <c r="HI12" s="104">
        <v>52365219</v>
      </c>
      <c r="HJ12" s="104">
        <v>59158397</v>
      </c>
      <c r="HK12" s="104">
        <v>69402271</v>
      </c>
      <c r="HL12" s="104">
        <v>38996112</v>
      </c>
      <c r="HM12" s="103">
        <v>277996018</v>
      </c>
      <c r="HN12" s="99">
        <v>295518661</v>
      </c>
      <c r="HO12" s="105">
        <v>5000059</v>
      </c>
      <c r="HP12" s="104">
        <v>12782853</v>
      </c>
      <c r="HQ12" s="103">
        <v>17782912</v>
      </c>
      <c r="HR12" s="100">
        <v>0</v>
      </c>
      <c r="HS12" s="104">
        <v>56389658</v>
      </c>
      <c r="HT12" s="104">
        <v>75438943</v>
      </c>
      <c r="HU12" s="104">
        <v>51797589</v>
      </c>
      <c r="HV12" s="104">
        <v>33566708</v>
      </c>
      <c r="HW12" s="104">
        <v>18859017</v>
      </c>
      <c r="HX12" s="102">
        <v>236051915</v>
      </c>
      <c r="HY12" s="106">
        <v>253834827</v>
      </c>
      <c r="HZ12" s="118">
        <v>871147</v>
      </c>
      <c r="IA12" s="119">
        <v>2860330</v>
      </c>
      <c r="IB12" s="120">
        <v>3731477</v>
      </c>
      <c r="IC12" s="121">
        <v>0</v>
      </c>
      <c r="ID12" s="122">
        <v>118226785</v>
      </c>
      <c r="IE12" s="123">
        <v>183731311</v>
      </c>
      <c r="IF12" s="124">
        <v>208443336</v>
      </c>
      <c r="IG12" s="122">
        <v>143339141</v>
      </c>
      <c r="IH12" s="124">
        <v>97876899</v>
      </c>
      <c r="II12" s="125">
        <v>751617472</v>
      </c>
      <c r="IJ12" s="126">
        <v>755348949</v>
      </c>
      <c r="IK12" s="219">
        <v>0</v>
      </c>
      <c r="IL12" s="223">
        <v>0</v>
      </c>
      <c r="IM12" s="224">
        <v>0</v>
      </c>
      <c r="IN12" s="127"/>
      <c r="IO12" s="109">
        <v>2336500</v>
      </c>
      <c r="IP12" s="109">
        <v>3572044</v>
      </c>
      <c r="IQ12" s="109">
        <v>4734479</v>
      </c>
      <c r="IR12" s="109">
        <v>6852417</v>
      </c>
      <c r="IS12" s="109">
        <v>9321527</v>
      </c>
      <c r="IT12" s="128">
        <v>26816967</v>
      </c>
      <c r="IU12" s="298">
        <v>26816967</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42785973</v>
      </c>
      <c r="JL12" s="109">
        <v>68637634</v>
      </c>
      <c r="JM12" s="109">
        <v>50346568</v>
      </c>
      <c r="JN12" s="109">
        <v>32549426</v>
      </c>
      <c r="JO12" s="109">
        <v>17841779</v>
      </c>
      <c r="JP12" s="110">
        <v>212161380</v>
      </c>
      <c r="JQ12" s="298">
        <v>212161380</v>
      </c>
      <c r="JR12" s="129">
        <v>34538</v>
      </c>
      <c r="JS12" s="109">
        <v>0</v>
      </c>
      <c r="JT12" s="128">
        <v>34538</v>
      </c>
      <c r="JU12" s="108">
        <v>0</v>
      </c>
      <c r="JV12" s="109">
        <v>1203260</v>
      </c>
      <c r="JW12" s="109">
        <v>2251569</v>
      </c>
      <c r="JX12" s="109">
        <v>6457104</v>
      </c>
      <c r="JY12" s="109">
        <v>3772454</v>
      </c>
      <c r="JZ12" s="109">
        <v>3748861</v>
      </c>
      <c r="KA12" s="110">
        <v>17433248</v>
      </c>
      <c r="KB12" s="298">
        <v>17467786</v>
      </c>
      <c r="KC12" s="221">
        <v>836609</v>
      </c>
      <c r="KD12" s="217">
        <v>2370153</v>
      </c>
      <c r="KE12" s="110">
        <v>3206762</v>
      </c>
      <c r="KF12" s="108">
        <v>0</v>
      </c>
      <c r="KG12" s="109">
        <v>15064202</v>
      </c>
      <c r="KH12" s="109">
        <v>26424183</v>
      </c>
      <c r="KI12" s="109">
        <v>30783471</v>
      </c>
      <c r="KJ12" s="109">
        <v>21948199</v>
      </c>
      <c r="KK12" s="109">
        <v>6367226</v>
      </c>
      <c r="KL12" s="110">
        <v>100587281</v>
      </c>
      <c r="KM12" s="130">
        <v>103794043</v>
      </c>
      <c r="KN12" s="219">
        <v>0</v>
      </c>
      <c r="KO12" s="223">
        <v>490177</v>
      </c>
      <c r="KP12" s="224">
        <v>490177</v>
      </c>
      <c r="KQ12" s="127"/>
      <c r="KR12" s="109">
        <v>55545198</v>
      </c>
      <c r="KS12" s="109">
        <v>77248799</v>
      </c>
      <c r="KT12" s="109">
        <v>105786906</v>
      </c>
      <c r="KU12" s="109">
        <v>57877620</v>
      </c>
      <c r="KV12" s="109">
        <v>43835259</v>
      </c>
      <c r="KW12" s="110">
        <v>340293782</v>
      </c>
      <c r="KX12" s="298">
        <v>340783959</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416135</v>
      </c>
      <c r="LP12" s="109">
        <v>3123058</v>
      </c>
      <c r="LQ12" s="109">
        <v>7750587</v>
      </c>
      <c r="LR12" s="109">
        <v>3812987</v>
      </c>
      <c r="LS12" s="110">
        <v>15102767</v>
      </c>
      <c r="LT12" s="298">
        <v>15102767</v>
      </c>
      <c r="LU12" s="129">
        <v>0</v>
      </c>
      <c r="LV12" s="109">
        <v>0</v>
      </c>
      <c r="LW12" s="110">
        <v>0</v>
      </c>
      <c r="LX12" s="132"/>
      <c r="LY12" s="109">
        <v>1291652</v>
      </c>
      <c r="LZ12" s="109">
        <v>5180947</v>
      </c>
      <c r="MA12" s="109">
        <v>7211750</v>
      </c>
      <c r="MB12" s="109">
        <v>12588438</v>
      </c>
      <c r="MC12" s="109">
        <v>12949260</v>
      </c>
      <c r="MD12" s="110">
        <v>39222047</v>
      </c>
      <c r="ME12" s="111">
        <v>39222047</v>
      </c>
      <c r="MF12" s="129">
        <v>0</v>
      </c>
      <c r="MG12" s="109">
        <v>0</v>
      </c>
      <c r="MH12" s="110">
        <v>0</v>
      </c>
      <c r="MI12" s="132"/>
      <c r="MJ12" s="109">
        <v>22046866</v>
      </c>
      <c r="MK12" s="109">
        <v>64200478</v>
      </c>
      <c r="ML12" s="109">
        <v>313472738</v>
      </c>
      <c r="MM12" s="109">
        <v>537806711</v>
      </c>
      <c r="MN12" s="109">
        <v>356363527</v>
      </c>
      <c r="MO12" s="110">
        <v>1293890320</v>
      </c>
      <c r="MP12" s="130">
        <v>1293890320</v>
      </c>
      <c r="MQ12" s="129">
        <v>0</v>
      </c>
      <c r="MR12" s="109">
        <v>0</v>
      </c>
      <c r="MS12" s="110">
        <v>0</v>
      </c>
      <c r="MT12" s="132"/>
      <c r="MU12" s="109">
        <v>2090006</v>
      </c>
      <c r="MV12" s="109">
        <v>10265462</v>
      </c>
      <c r="MW12" s="109">
        <v>220304111</v>
      </c>
      <c r="MX12" s="109">
        <v>376624953</v>
      </c>
      <c r="MY12" s="109">
        <v>247439256</v>
      </c>
      <c r="MZ12" s="110">
        <v>856723788</v>
      </c>
      <c r="NA12" s="130">
        <v>856723788</v>
      </c>
      <c r="NB12" s="129">
        <v>0</v>
      </c>
      <c r="NC12" s="109">
        <v>0</v>
      </c>
      <c r="ND12" s="110">
        <v>0</v>
      </c>
      <c r="NE12" s="132"/>
      <c r="NF12" s="109">
        <v>19766933</v>
      </c>
      <c r="NG12" s="109">
        <v>53935016</v>
      </c>
      <c r="NH12" s="109">
        <v>90304514</v>
      </c>
      <c r="NI12" s="109">
        <v>123396846</v>
      </c>
      <c r="NJ12" s="109">
        <v>66543690</v>
      </c>
      <c r="NK12" s="110">
        <v>353946999</v>
      </c>
      <c r="NL12" s="298">
        <v>353946999</v>
      </c>
      <c r="NM12" s="129">
        <v>0</v>
      </c>
      <c r="NN12" s="109">
        <v>0</v>
      </c>
      <c r="NO12" s="110">
        <v>0</v>
      </c>
      <c r="NP12" s="132"/>
      <c r="NQ12" s="109">
        <v>0</v>
      </c>
      <c r="NR12" s="109">
        <v>0</v>
      </c>
      <c r="NS12" s="109">
        <v>653172</v>
      </c>
      <c r="NT12" s="109">
        <v>7254184</v>
      </c>
      <c r="NU12" s="109">
        <v>5985788</v>
      </c>
      <c r="NV12" s="110">
        <v>13893144</v>
      </c>
      <c r="NW12" s="111">
        <v>13893144</v>
      </c>
      <c r="NX12" s="129">
        <v>0</v>
      </c>
      <c r="NY12" s="109">
        <v>0</v>
      </c>
      <c r="NZ12" s="110">
        <v>0</v>
      </c>
      <c r="OA12" s="132"/>
      <c r="OB12" s="109">
        <v>189927</v>
      </c>
      <c r="OC12" s="109">
        <v>0</v>
      </c>
      <c r="OD12" s="109">
        <v>2210941</v>
      </c>
      <c r="OE12" s="109">
        <v>30530728</v>
      </c>
      <c r="OF12" s="109">
        <v>36394793</v>
      </c>
      <c r="OG12" s="110">
        <v>69326389</v>
      </c>
      <c r="OH12" s="111">
        <v>69326389</v>
      </c>
      <c r="OI12" s="129">
        <v>28923524</v>
      </c>
      <c r="OJ12" s="109">
        <v>76732765</v>
      </c>
      <c r="OK12" s="128">
        <v>105656289</v>
      </c>
      <c r="OL12" s="108">
        <v>0</v>
      </c>
      <c r="OM12" s="109">
        <v>473665740</v>
      </c>
      <c r="ON12" s="109">
        <v>786568696</v>
      </c>
      <c r="OO12" s="109">
        <v>1032816282</v>
      </c>
      <c r="OP12" s="109">
        <v>1116404378</v>
      </c>
      <c r="OQ12" s="109">
        <v>755209068</v>
      </c>
      <c r="OR12" s="110">
        <v>4164664164</v>
      </c>
      <c r="OS12" s="130">
        <v>4270320453</v>
      </c>
    </row>
    <row r="13" spans="1:409" ht="21" customHeight="1" x14ac:dyDescent="0.2">
      <c r="B13" s="472" t="s">
        <v>7</v>
      </c>
      <c r="C13" s="100">
        <v>13865518</v>
      </c>
      <c r="D13" s="104">
        <v>18304376</v>
      </c>
      <c r="E13" s="103">
        <v>32169894</v>
      </c>
      <c r="F13" s="99">
        <v>0</v>
      </c>
      <c r="G13" s="104">
        <v>368711029</v>
      </c>
      <c r="H13" s="104">
        <v>338465687</v>
      </c>
      <c r="I13" s="104">
        <v>285211818</v>
      </c>
      <c r="J13" s="104">
        <v>288910124</v>
      </c>
      <c r="K13" s="104">
        <v>199987952</v>
      </c>
      <c r="L13" s="99">
        <v>1481286610</v>
      </c>
      <c r="M13" s="106">
        <v>1513456504</v>
      </c>
      <c r="N13" s="100">
        <v>1916511</v>
      </c>
      <c r="O13" s="104">
        <v>2272536</v>
      </c>
      <c r="P13" s="103">
        <v>4189047</v>
      </c>
      <c r="Q13" s="100">
        <v>0</v>
      </c>
      <c r="R13" s="104">
        <v>88771020</v>
      </c>
      <c r="S13" s="104">
        <v>93354703</v>
      </c>
      <c r="T13" s="104">
        <v>91994997</v>
      </c>
      <c r="U13" s="104">
        <v>127616145</v>
      </c>
      <c r="V13" s="104">
        <v>109845497</v>
      </c>
      <c r="W13" s="103">
        <v>511582362</v>
      </c>
      <c r="X13" s="106">
        <v>515771409</v>
      </c>
      <c r="Y13" s="100">
        <v>0</v>
      </c>
      <c r="Z13" s="104">
        <v>0</v>
      </c>
      <c r="AA13" s="103">
        <v>0</v>
      </c>
      <c r="AB13" s="100">
        <v>0</v>
      </c>
      <c r="AC13" s="104">
        <v>48912157</v>
      </c>
      <c r="AD13" s="104">
        <v>51047916</v>
      </c>
      <c r="AE13" s="104">
        <v>58584775</v>
      </c>
      <c r="AF13" s="104">
        <v>85144982</v>
      </c>
      <c r="AG13" s="104">
        <v>70445599</v>
      </c>
      <c r="AH13" s="103">
        <v>314135429</v>
      </c>
      <c r="AI13" s="106">
        <v>314135429</v>
      </c>
      <c r="AJ13" s="100">
        <v>0</v>
      </c>
      <c r="AK13" s="104">
        <v>0</v>
      </c>
      <c r="AL13" s="103">
        <v>0</v>
      </c>
      <c r="AM13" s="100">
        <v>0</v>
      </c>
      <c r="AN13" s="104">
        <v>471339</v>
      </c>
      <c r="AO13" s="104">
        <v>2995278</v>
      </c>
      <c r="AP13" s="104">
        <v>3343584</v>
      </c>
      <c r="AQ13" s="104">
        <v>8322063</v>
      </c>
      <c r="AR13" s="104">
        <v>12054222</v>
      </c>
      <c r="AS13" s="103">
        <v>27186486</v>
      </c>
      <c r="AT13" s="106">
        <v>27186486</v>
      </c>
      <c r="AU13" s="100">
        <v>416908</v>
      </c>
      <c r="AV13" s="104">
        <v>939604</v>
      </c>
      <c r="AW13" s="103">
        <v>1356512</v>
      </c>
      <c r="AX13" s="100">
        <v>0</v>
      </c>
      <c r="AY13" s="104">
        <v>21206486</v>
      </c>
      <c r="AZ13" s="104">
        <v>22791123</v>
      </c>
      <c r="BA13" s="104">
        <v>15609849</v>
      </c>
      <c r="BB13" s="104">
        <v>18082760</v>
      </c>
      <c r="BC13" s="104">
        <v>17401126</v>
      </c>
      <c r="BD13" s="103">
        <v>95091344</v>
      </c>
      <c r="BE13" s="106">
        <v>96447856</v>
      </c>
      <c r="BF13" s="100">
        <v>87005</v>
      </c>
      <c r="BG13" s="104">
        <v>259436</v>
      </c>
      <c r="BH13" s="102">
        <v>346441</v>
      </c>
      <c r="BI13" s="101">
        <v>0</v>
      </c>
      <c r="BJ13" s="104">
        <v>2566875</v>
      </c>
      <c r="BK13" s="104">
        <v>2899886</v>
      </c>
      <c r="BL13" s="104">
        <v>1985896</v>
      </c>
      <c r="BM13" s="104">
        <v>2430819</v>
      </c>
      <c r="BN13" s="104">
        <v>1024650</v>
      </c>
      <c r="BO13" s="103">
        <v>10908126</v>
      </c>
      <c r="BP13" s="106">
        <v>11254567</v>
      </c>
      <c r="BQ13" s="100">
        <v>1412598</v>
      </c>
      <c r="BR13" s="104">
        <v>1073496</v>
      </c>
      <c r="BS13" s="103">
        <v>2486094</v>
      </c>
      <c r="BT13" s="100">
        <v>0</v>
      </c>
      <c r="BU13" s="104">
        <v>15614163</v>
      </c>
      <c r="BV13" s="104">
        <v>13620500</v>
      </c>
      <c r="BW13" s="104">
        <v>12470893</v>
      </c>
      <c r="BX13" s="104">
        <v>13635521</v>
      </c>
      <c r="BY13" s="104">
        <v>8919900</v>
      </c>
      <c r="BZ13" s="103">
        <v>64260977</v>
      </c>
      <c r="CA13" s="106">
        <v>66747071</v>
      </c>
      <c r="CB13" s="100">
        <v>841442</v>
      </c>
      <c r="CC13" s="104">
        <v>2541178</v>
      </c>
      <c r="CD13" s="103">
        <v>3382620</v>
      </c>
      <c r="CE13" s="100">
        <v>0</v>
      </c>
      <c r="CF13" s="104">
        <v>102941899</v>
      </c>
      <c r="CG13" s="104">
        <v>88750242</v>
      </c>
      <c r="CH13" s="104">
        <v>59036137</v>
      </c>
      <c r="CI13" s="104">
        <v>36895173</v>
      </c>
      <c r="CJ13" s="104">
        <v>18278953</v>
      </c>
      <c r="CK13" s="103">
        <v>305902404</v>
      </c>
      <c r="CL13" s="106">
        <v>309285024</v>
      </c>
      <c r="CM13" s="100">
        <v>0</v>
      </c>
      <c r="CN13" s="104">
        <v>0</v>
      </c>
      <c r="CO13" s="103">
        <v>0</v>
      </c>
      <c r="CP13" s="101">
        <v>0</v>
      </c>
      <c r="CQ13" s="104">
        <v>88582126</v>
      </c>
      <c r="CR13" s="104">
        <v>73810198</v>
      </c>
      <c r="CS13" s="104">
        <v>46728788</v>
      </c>
      <c r="CT13" s="104">
        <v>29891243</v>
      </c>
      <c r="CU13" s="104">
        <v>15352444</v>
      </c>
      <c r="CV13" s="103">
        <v>254364799</v>
      </c>
      <c r="CW13" s="106">
        <v>254364799</v>
      </c>
      <c r="CX13" s="100">
        <v>841442</v>
      </c>
      <c r="CY13" s="104">
        <v>2541178</v>
      </c>
      <c r="CZ13" s="103">
        <v>3382620</v>
      </c>
      <c r="DA13" s="100">
        <v>0</v>
      </c>
      <c r="DB13" s="104">
        <v>14359773</v>
      </c>
      <c r="DC13" s="104">
        <v>14940044</v>
      </c>
      <c r="DD13" s="104">
        <v>12307349</v>
      </c>
      <c r="DE13" s="104">
        <v>7003930</v>
      </c>
      <c r="DF13" s="104">
        <v>2926509</v>
      </c>
      <c r="DG13" s="103">
        <v>51537605</v>
      </c>
      <c r="DH13" s="106">
        <v>54920225</v>
      </c>
      <c r="DI13" s="100">
        <v>139851</v>
      </c>
      <c r="DJ13" s="104">
        <v>90981</v>
      </c>
      <c r="DK13" s="102">
        <v>230832</v>
      </c>
      <c r="DL13" s="101">
        <v>0</v>
      </c>
      <c r="DM13" s="104">
        <v>13260575</v>
      </c>
      <c r="DN13" s="104">
        <v>22694845</v>
      </c>
      <c r="DO13" s="104">
        <v>28467129</v>
      </c>
      <c r="DP13" s="104">
        <v>20751143</v>
      </c>
      <c r="DQ13" s="104">
        <v>10715653</v>
      </c>
      <c r="DR13" s="103">
        <v>95889345</v>
      </c>
      <c r="DS13" s="106">
        <v>96120177</v>
      </c>
      <c r="DT13" s="100">
        <v>50436</v>
      </c>
      <c r="DU13" s="104">
        <v>90981</v>
      </c>
      <c r="DV13" s="103">
        <v>141417</v>
      </c>
      <c r="DW13" s="100">
        <v>0</v>
      </c>
      <c r="DX13" s="104">
        <v>12437347</v>
      </c>
      <c r="DY13" s="104">
        <v>21094512</v>
      </c>
      <c r="DZ13" s="104">
        <v>26559353</v>
      </c>
      <c r="EA13" s="104">
        <v>18871883</v>
      </c>
      <c r="EB13" s="104">
        <v>10232240</v>
      </c>
      <c r="EC13" s="103">
        <v>89195335</v>
      </c>
      <c r="ED13" s="106">
        <v>89336752</v>
      </c>
      <c r="EE13" s="100">
        <v>89415</v>
      </c>
      <c r="EF13" s="102">
        <v>0</v>
      </c>
      <c r="EG13" s="103">
        <v>89415</v>
      </c>
      <c r="EH13" s="100">
        <v>0</v>
      </c>
      <c r="EI13" s="104">
        <v>823228</v>
      </c>
      <c r="EJ13" s="104">
        <v>1600333</v>
      </c>
      <c r="EK13" s="104">
        <v>1907776</v>
      </c>
      <c r="EL13" s="104">
        <v>1879260</v>
      </c>
      <c r="EM13" s="104">
        <v>483413</v>
      </c>
      <c r="EN13" s="102">
        <v>6694010</v>
      </c>
      <c r="EO13" s="106">
        <v>6783425</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3244886</v>
      </c>
      <c r="FM13" s="104">
        <v>5209747</v>
      </c>
      <c r="FN13" s="103">
        <v>8454633</v>
      </c>
      <c r="FO13" s="100">
        <v>0</v>
      </c>
      <c r="FP13" s="104">
        <v>16466994</v>
      </c>
      <c r="FQ13" s="104">
        <v>31973936</v>
      </c>
      <c r="FR13" s="104">
        <v>20582636</v>
      </c>
      <c r="FS13" s="104">
        <v>19683783</v>
      </c>
      <c r="FT13" s="104">
        <v>13778675</v>
      </c>
      <c r="FU13" s="103">
        <v>102486024</v>
      </c>
      <c r="FV13" s="106">
        <v>110940657</v>
      </c>
      <c r="FW13" s="105">
        <v>1531209</v>
      </c>
      <c r="FX13" s="104">
        <v>3397451</v>
      </c>
      <c r="FY13" s="102">
        <v>4928660</v>
      </c>
      <c r="FZ13" s="101">
        <v>0</v>
      </c>
      <c r="GA13" s="104">
        <v>12349549</v>
      </c>
      <c r="GB13" s="104">
        <v>28992701</v>
      </c>
      <c r="GC13" s="104">
        <v>19885764</v>
      </c>
      <c r="GD13" s="104">
        <v>18444530</v>
      </c>
      <c r="GE13" s="104">
        <v>12984898</v>
      </c>
      <c r="GF13" s="103">
        <v>92657442</v>
      </c>
      <c r="GG13" s="296">
        <v>97586102</v>
      </c>
      <c r="GH13" s="105">
        <v>106661</v>
      </c>
      <c r="GI13" s="104">
        <v>152949</v>
      </c>
      <c r="GJ13" s="102">
        <v>259610</v>
      </c>
      <c r="GK13" s="101">
        <v>0</v>
      </c>
      <c r="GL13" s="104">
        <v>903891</v>
      </c>
      <c r="GM13" s="104">
        <v>840499</v>
      </c>
      <c r="GN13" s="104">
        <v>328492</v>
      </c>
      <c r="GO13" s="104">
        <v>605251</v>
      </c>
      <c r="GP13" s="104">
        <v>128277</v>
      </c>
      <c r="GQ13" s="103">
        <v>2806410</v>
      </c>
      <c r="GR13" s="106">
        <v>3066020</v>
      </c>
      <c r="GS13" s="100">
        <v>1607016</v>
      </c>
      <c r="GT13" s="104">
        <v>1659347</v>
      </c>
      <c r="GU13" s="103">
        <v>3266363</v>
      </c>
      <c r="GV13" s="100">
        <v>0</v>
      </c>
      <c r="GW13" s="104">
        <v>3213554</v>
      </c>
      <c r="GX13" s="104">
        <v>2140736</v>
      </c>
      <c r="GY13" s="104">
        <v>368380</v>
      </c>
      <c r="GZ13" s="104">
        <v>634002</v>
      </c>
      <c r="HA13" s="104">
        <v>665500</v>
      </c>
      <c r="HB13" s="102">
        <v>7022172</v>
      </c>
      <c r="HC13" s="106">
        <v>10288535</v>
      </c>
      <c r="HD13" s="100">
        <v>5656852</v>
      </c>
      <c r="HE13" s="104">
        <v>4436042</v>
      </c>
      <c r="HF13" s="102">
        <v>10092894</v>
      </c>
      <c r="HG13" s="101">
        <v>0</v>
      </c>
      <c r="HH13" s="104">
        <v>79469933</v>
      </c>
      <c r="HI13" s="104">
        <v>54882815</v>
      </c>
      <c r="HJ13" s="104">
        <v>55474001</v>
      </c>
      <c r="HK13" s="104">
        <v>63034939</v>
      </c>
      <c r="HL13" s="104">
        <v>35300586</v>
      </c>
      <c r="HM13" s="103">
        <v>288162274</v>
      </c>
      <c r="HN13" s="99">
        <v>298255168</v>
      </c>
      <c r="HO13" s="105">
        <v>2065976</v>
      </c>
      <c r="HP13" s="104">
        <v>3753892</v>
      </c>
      <c r="HQ13" s="103">
        <v>5819868</v>
      </c>
      <c r="HR13" s="100">
        <v>0</v>
      </c>
      <c r="HS13" s="104">
        <v>67800608</v>
      </c>
      <c r="HT13" s="104">
        <v>46809146</v>
      </c>
      <c r="HU13" s="104">
        <v>29656918</v>
      </c>
      <c r="HV13" s="104">
        <v>20928941</v>
      </c>
      <c r="HW13" s="104">
        <v>12068588</v>
      </c>
      <c r="HX13" s="102">
        <v>177264201</v>
      </c>
      <c r="HY13" s="106">
        <v>183084069</v>
      </c>
      <c r="HZ13" s="118">
        <v>78719</v>
      </c>
      <c r="IA13" s="119">
        <v>285359</v>
      </c>
      <c r="IB13" s="120">
        <v>364078</v>
      </c>
      <c r="IC13" s="133">
        <v>0</v>
      </c>
      <c r="ID13" s="119">
        <v>99194685</v>
      </c>
      <c r="IE13" s="134">
        <v>102428253</v>
      </c>
      <c r="IF13" s="120">
        <v>93533264</v>
      </c>
      <c r="IG13" s="119">
        <v>69347505</v>
      </c>
      <c r="IH13" s="120">
        <v>45142561</v>
      </c>
      <c r="II13" s="135">
        <v>409646268</v>
      </c>
      <c r="IJ13" s="126">
        <v>410010346</v>
      </c>
      <c r="IK13" s="219">
        <v>0</v>
      </c>
      <c r="IL13" s="223">
        <v>0</v>
      </c>
      <c r="IM13" s="224">
        <v>0</v>
      </c>
      <c r="IN13" s="127"/>
      <c r="IO13" s="109">
        <v>516396</v>
      </c>
      <c r="IP13" s="109">
        <v>1303738</v>
      </c>
      <c r="IQ13" s="109">
        <v>1714901</v>
      </c>
      <c r="IR13" s="109">
        <v>3089469</v>
      </c>
      <c r="IS13" s="109">
        <v>2636387</v>
      </c>
      <c r="IT13" s="128">
        <v>9260891</v>
      </c>
      <c r="IU13" s="298">
        <v>9260891</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50886255</v>
      </c>
      <c r="JL13" s="109">
        <v>39540638</v>
      </c>
      <c r="JM13" s="109">
        <v>24309170</v>
      </c>
      <c r="JN13" s="109">
        <v>11365428</v>
      </c>
      <c r="JO13" s="109">
        <v>5950971</v>
      </c>
      <c r="JP13" s="110">
        <v>132052462</v>
      </c>
      <c r="JQ13" s="298">
        <v>132052462</v>
      </c>
      <c r="JR13" s="129">
        <v>0</v>
      </c>
      <c r="JS13" s="109">
        <v>0</v>
      </c>
      <c r="JT13" s="128">
        <v>0</v>
      </c>
      <c r="JU13" s="108">
        <v>0</v>
      </c>
      <c r="JV13" s="109">
        <v>8319076</v>
      </c>
      <c r="JW13" s="109">
        <v>11356894</v>
      </c>
      <c r="JX13" s="109">
        <v>13893880</v>
      </c>
      <c r="JY13" s="109">
        <v>6192500</v>
      </c>
      <c r="JZ13" s="109">
        <v>3038182</v>
      </c>
      <c r="KA13" s="110">
        <v>42800532</v>
      </c>
      <c r="KB13" s="298">
        <v>42800532</v>
      </c>
      <c r="KC13" s="221">
        <v>78719</v>
      </c>
      <c r="KD13" s="217">
        <v>250712</v>
      </c>
      <c r="KE13" s="110">
        <v>329431</v>
      </c>
      <c r="KF13" s="108">
        <v>0</v>
      </c>
      <c r="KG13" s="109">
        <v>5655984</v>
      </c>
      <c r="KH13" s="109">
        <v>5772855</v>
      </c>
      <c r="KI13" s="109">
        <v>9112298</v>
      </c>
      <c r="KJ13" s="109">
        <v>5482240</v>
      </c>
      <c r="KK13" s="109">
        <v>1773365</v>
      </c>
      <c r="KL13" s="110">
        <v>27796742</v>
      </c>
      <c r="KM13" s="130">
        <v>28126173</v>
      </c>
      <c r="KN13" s="219">
        <v>0</v>
      </c>
      <c r="KO13" s="223">
        <v>34647</v>
      </c>
      <c r="KP13" s="224">
        <v>34647</v>
      </c>
      <c r="KQ13" s="127"/>
      <c r="KR13" s="109">
        <v>32419218</v>
      </c>
      <c r="KS13" s="109">
        <v>42617355</v>
      </c>
      <c r="KT13" s="109">
        <v>43009061</v>
      </c>
      <c r="KU13" s="109">
        <v>38220076</v>
      </c>
      <c r="KV13" s="109">
        <v>22538947</v>
      </c>
      <c r="KW13" s="110">
        <v>178804657</v>
      </c>
      <c r="KX13" s="298">
        <v>178839304</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397756</v>
      </c>
      <c r="LZ13" s="109">
        <v>1836773</v>
      </c>
      <c r="MA13" s="109">
        <v>1493954</v>
      </c>
      <c r="MB13" s="109">
        <v>4997792</v>
      </c>
      <c r="MC13" s="109">
        <v>9204709</v>
      </c>
      <c r="MD13" s="110">
        <v>18930984</v>
      </c>
      <c r="ME13" s="111">
        <v>18930984</v>
      </c>
      <c r="MF13" s="129">
        <v>0</v>
      </c>
      <c r="MG13" s="109">
        <v>0</v>
      </c>
      <c r="MH13" s="110">
        <v>0</v>
      </c>
      <c r="MI13" s="132"/>
      <c r="MJ13" s="109">
        <v>43158939</v>
      </c>
      <c r="MK13" s="109">
        <v>67418589</v>
      </c>
      <c r="ML13" s="109">
        <v>232516044</v>
      </c>
      <c r="MM13" s="109">
        <v>352936578</v>
      </c>
      <c r="MN13" s="109">
        <v>207179333</v>
      </c>
      <c r="MO13" s="110">
        <v>903209483</v>
      </c>
      <c r="MP13" s="130">
        <v>903209483</v>
      </c>
      <c r="MQ13" s="129">
        <v>0</v>
      </c>
      <c r="MR13" s="109">
        <v>0</v>
      </c>
      <c r="MS13" s="110">
        <v>0</v>
      </c>
      <c r="MT13" s="132"/>
      <c r="MU13" s="109">
        <v>4101421</v>
      </c>
      <c r="MV13" s="109">
        <v>9150897</v>
      </c>
      <c r="MW13" s="109">
        <v>152393964</v>
      </c>
      <c r="MX13" s="109">
        <v>260655430</v>
      </c>
      <c r="MY13" s="109">
        <v>169929259</v>
      </c>
      <c r="MZ13" s="110">
        <v>596230971</v>
      </c>
      <c r="NA13" s="130">
        <v>596230971</v>
      </c>
      <c r="NB13" s="129">
        <v>0</v>
      </c>
      <c r="NC13" s="109">
        <v>0</v>
      </c>
      <c r="ND13" s="110">
        <v>0</v>
      </c>
      <c r="NE13" s="132"/>
      <c r="NF13" s="109">
        <v>39057518</v>
      </c>
      <c r="NG13" s="109">
        <v>58267692</v>
      </c>
      <c r="NH13" s="109">
        <v>79769127</v>
      </c>
      <c r="NI13" s="109">
        <v>91539453</v>
      </c>
      <c r="NJ13" s="109">
        <v>35737399</v>
      </c>
      <c r="NK13" s="110">
        <v>304371189</v>
      </c>
      <c r="NL13" s="298">
        <v>304371189</v>
      </c>
      <c r="NM13" s="129">
        <v>0</v>
      </c>
      <c r="NN13" s="109">
        <v>0</v>
      </c>
      <c r="NO13" s="110">
        <v>0</v>
      </c>
      <c r="NP13" s="132"/>
      <c r="NQ13" s="109">
        <v>0</v>
      </c>
      <c r="NR13" s="109">
        <v>0</v>
      </c>
      <c r="NS13" s="109">
        <v>0</v>
      </c>
      <c r="NT13" s="109">
        <v>345456</v>
      </c>
      <c r="NU13" s="109">
        <v>740826</v>
      </c>
      <c r="NV13" s="110">
        <v>1086282</v>
      </c>
      <c r="NW13" s="111">
        <v>1086282</v>
      </c>
      <c r="NX13" s="129">
        <v>0</v>
      </c>
      <c r="NY13" s="109">
        <v>0</v>
      </c>
      <c r="NZ13" s="110">
        <v>0</v>
      </c>
      <c r="OA13" s="132"/>
      <c r="OB13" s="109">
        <v>0</v>
      </c>
      <c r="OC13" s="109">
        <v>0</v>
      </c>
      <c r="OD13" s="109">
        <v>352953</v>
      </c>
      <c r="OE13" s="109">
        <v>396239</v>
      </c>
      <c r="OF13" s="109">
        <v>771849</v>
      </c>
      <c r="OG13" s="110">
        <v>1521041</v>
      </c>
      <c r="OH13" s="111">
        <v>1521041</v>
      </c>
      <c r="OI13" s="129">
        <v>13944237</v>
      </c>
      <c r="OJ13" s="109">
        <v>18589735</v>
      </c>
      <c r="OK13" s="128">
        <v>32533972</v>
      </c>
      <c r="OL13" s="108">
        <v>0</v>
      </c>
      <c r="OM13" s="109">
        <v>511064653</v>
      </c>
      <c r="ON13" s="109">
        <v>508312529</v>
      </c>
      <c r="OO13" s="109">
        <v>611261126</v>
      </c>
      <c r="OP13" s="109">
        <v>711194207</v>
      </c>
      <c r="OQ13" s="109">
        <v>452309846</v>
      </c>
      <c r="OR13" s="110">
        <v>2794142361</v>
      </c>
      <c r="OS13" s="130">
        <v>2826676333</v>
      </c>
    </row>
    <row r="14" spans="1:409" ht="21" customHeight="1" x14ac:dyDescent="0.2">
      <c r="B14" s="472" t="s">
        <v>8</v>
      </c>
      <c r="C14" s="100">
        <v>12384842</v>
      </c>
      <c r="D14" s="104">
        <v>15568592</v>
      </c>
      <c r="E14" s="103">
        <v>27953434</v>
      </c>
      <c r="F14" s="99">
        <v>0</v>
      </c>
      <c r="G14" s="104">
        <v>148448678</v>
      </c>
      <c r="H14" s="104">
        <v>207518536</v>
      </c>
      <c r="I14" s="104">
        <v>193559449</v>
      </c>
      <c r="J14" s="104">
        <v>173259353</v>
      </c>
      <c r="K14" s="104">
        <v>132260749</v>
      </c>
      <c r="L14" s="99">
        <v>855046765</v>
      </c>
      <c r="M14" s="106">
        <v>883000199</v>
      </c>
      <c r="N14" s="100">
        <v>2094479</v>
      </c>
      <c r="O14" s="104">
        <v>2814688</v>
      </c>
      <c r="P14" s="103">
        <v>4909167</v>
      </c>
      <c r="Q14" s="100">
        <v>0</v>
      </c>
      <c r="R14" s="104">
        <v>39766700</v>
      </c>
      <c r="S14" s="104">
        <v>63409619</v>
      </c>
      <c r="T14" s="104">
        <v>64205214</v>
      </c>
      <c r="U14" s="104">
        <v>69930149</v>
      </c>
      <c r="V14" s="104">
        <v>70345269</v>
      </c>
      <c r="W14" s="103">
        <v>307656951</v>
      </c>
      <c r="X14" s="106">
        <v>312566118</v>
      </c>
      <c r="Y14" s="100">
        <v>0</v>
      </c>
      <c r="Z14" s="104">
        <v>0</v>
      </c>
      <c r="AA14" s="103">
        <v>0</v>
      </c>
      <c r="AB14" s="100">
        <v>0</v>
      </c>
      <c r="AC14" s="104">
        <v>20406329</v>
      </c>
      <c r="AD14" s="104">
        <v>37176219</v>
      </c>
      <c r="AE14" s="104">
        <v>42856508</v>
      </c>
      <c r="AF14" s="104">
        <v>46148406</v>
      </c>
      <c r="AG14" s="104">
        <v>47673342</v>
      </c>
      <c r="AH14" s="103">
        <v>194260804</v>
      </c>
      <c r="AI14" s="106">
        <v>194260804</v>
      </c>
      <c r="AJ14" s="100">
        <v>0</v>
      </c>
      <c r="AK14" s="104">
        <v>0</v>
      </c>
      <c r="AL14" s="103">
        <v>0</v>
      </c>
      <c r="AM14" s="100">
        <v>0</v>
      </c>
      <c r="AN14" s="104">
        <v>425478</v>
      </c>
      <c r="AO14" s="104">
        <v>920931</v>
      </c>
      <c r="AP14" s="104">
        <v>1456880</v>
      </c>
      <c r="AQ14" s="104">
        <v>3952264</v>
      </c>
      <c r="AR14" s="104">
        <v>6886748</v>
      </c>
      <c r="AS14" s="103">
        <v>13642301</v>
      </c>
      <c r="AT14" s="106">
        <v>13642301</v>
      </c>
      <c r="AU14" s="100">
        <v>1111693</v>
      </c>
      <c r="AV14" s="104">
        <v>1978843</v>
      </c>
      <c r="AW14" s="103">
        <v>3090536</v>
      </c>
      <c r="AX14" s="100">
        <v>0</v>
      </c>
      <c r="AY14" s="104">
        <v>10483188</v>
      </c>
      <c r="AZ14" s="104">
        <v>14580693</v>
      </c>
      <c r="BA14" s="104">
        <v>10807442</v>
      </c>
      <c r="BB14" s="104">
        <v>10995743</v>
      </c>
      <c r="BC14" s="104">
        <v>9423168</v>
      </c>
      <c r="BD14" s="103">
        <v>56290234</v>
      </c>
      <c r="BE14" s="106">
        <v>59380770</v>
      </c>
      <c r="BF14" s="100">
        <v>238316</v>
      </c>
      <c r="BG14" s="104">
        <v>295662</v>
      </c>
      <c r="BH14" s="102">
        <v>533978</v>
      </c>
      <c r="BI14" s="101">
        <v>0</v>
      </c>
      <c r="BJ14" s="104">
        <v>2588893</v>
      </c>
      <c r="BK14" s="104">
        <v>3402241</v>
      </c>
      <c r="BL14" s="104">
        <v>1937703</v>
      </c>
      <c r="BM14" s="104">
        <v>1470844</v>
      </c>
      <c r="BN14" s="104">
        <v>712110</v>
      </c>
      <c r="BO14" s="103">
        <v>10111791</v>
      </c>
      <c r="BP14" s="106">
        <v>10645769</v>
      </c>
      <c r="BQ14" s="100">
        <v>744470</v>
      </c>
      <c r="BR14" s="104">
        <v>540183</v>
      </c>
      <c r="BS14" s="103">
        <v>1284653</v>
      </c>
      <c r="BT14" s="100">
        <v>0</v>
      </c>
      <c r="BU14" s="104">
        <v>5862812</v>
      </c>
      <c r="BV14" s="104">
        <v>7329535</v>
      </c>
      <c r="BW14" s="104">
        <v>7146681</v>
      </c>
      <c r="BX14" s="104">
        <v>7362892</v>
      </c>
      <c r="BY14" s="104">
        <v>5649901</v>
      </c>
      <c r="BZ14" s="103">
        <v>33351821</v>
      </c>
      <c r="CA14" s="106">
        <v>34636474</v>
      </c>
      <c r="CB14" s="100">
        <v>1257689</v>
      </c>
      <c r="CC14" s="104">
        <v>2703129</v>
      </c>
      <c r="CD14" s="103">
        <v>3960818</v>
      </c>
      <c r="CE14" s="100">
        <v>0</v>
      </c>
      <c r="CF14" s="104">
        <v>41282300</v>
      </c>
      <c r="CG14" s="104">
        <v>59157506</v>
      </c>
      <c r="CH14" s="104">
        <v>45408000</v>
      </c>
      <c r="CI14" s="104">
        <v>30088721</v>
      </c>
      <c r="CJ14" s="104">
        <v>17398666</v>
      </c>
      <c r="CK14" s="103">
        <v>193335193</v>
      </c>
      <c r="CL14" s="106">
        <v>197296011</v>
      </c>
      <c r="CM14" s="100">
        <v>0</v>
      </c>
      <c r="CN14" s="104">
        <v>0</v>
      </c>
      <c r="CO14" s="103">
        <v>0</v>
      </c>
      <c r="CP14" s="101">
        <v>0</v>
      </c>
      <c r="CQ14" s="104">
        <v>35156846</v>
      </c>
      <c r="CR14" s="104">
        <v>48099732</v>
      </c>
      <c r="CS14" s="104">
        <v>37199920</v>
      </c>
      <c r="CT14" s="104">
        <v>24759089</v>
      </c>
      <c r="CU14" s="104">
        <v>15315687</v>
      </c>
      <c r="CV14" s="103">
        <v>160531274</v>
      </c>
      <c r="CW14" s="106">
        <v>160531274</v>
      </c>
      <c r="CX14" s="100">
        <v>1257689</v>
      </c>
      <c r="CY14" s="104">
        <v>2703129</v>
      </c>
      <c r="CZ14" s="103">
        <v>3960818</v>
      </c>
      <c r="DA14" s="100">
        <v>0</v>
      </c>
      <c r="DB14" s="104">
        <v>6125454</v>
      </c>
      <c r="DC14" s="104">
        <v>11057774</v>
      </c>
      <c r="DD14" s="104">
        <v>8208080</v>
      </c>
      <c r="DE14" s="104">
        <v>5329632</v>
      </c>
      <c r="DF14" s="104">
        <v>2082979</v>
      </c>
      <c r="DG14" s="103">
        <v>32803919</v>
      </c>
      <c r="DH14" s="106">
        <v>36764737</v>
      </c>
      <c r="DI14" s="100">
        <v>44538</v>
      </c>
      <c r="DJ14" s="104">
        <v>317054</v>
      </c>
      <c r="DK14" s="102">
        <v>361592</v>
      </c>
      <c r="DL14" s="101">
        <v>0</v>
      </c>
      <c r="DM14" s="104">
        <v>4109001</v>
      </c>
      <c r="DN14" s="104">
        <v>11755073</v>
      </c>
      <c r="DO14" s="104">
        <v>26287484</v>
      </c>
      <c r="DP14" s="104">
        <v>18031696</v>
      </c>
      <c r="DQ14" s="104">
        <v>7159262</v>
      </c>
      <c r="DR14" s="103">
        <v>67342516</v>
      </c>
      <c r="DS14" s="106">
        <v>67704108</v>
      </c>
      <c r="DT14" s="100">
        <v>44538</v>
      </c>
      <c r="DU14" s="104">
        <v>317054</v>
      </c>
      <c r="DV14" s="103">
        <v>361592</v>
      </c>
      <c r="DW14" s="100">
        <v>0</v>
      </c>
      <c r="DX14" s="104">
        <v>3935951</v>
      </c>
      <c r="DY14" s="104">
        <v>11046949</v>
      </c>
      <c r="DZ14" s="104">
        <v>25767099</v>
      </c>
      <c r="EA14" s="104">
        <v>17921662</v>
      </c>
      <c r="EB14" s="104">
        <v>7019754</v>
      </c>
      <c r="EC14" s="103">
        <v>65691415</v>
      </c>
      <c r="ED14" s="106">
        <v>66053007</v>
      </c>
      <c r="EE14" s="100">
        <v>0</v>
      </c>
      <c r="EF14" s="102">
        <v>0</v>
      </c>
      <c r="EG14" s="103">
        <v>0</v>
      </c>
      <c r="EH14" s="100">
        <v>0</v>
      </c>
      <c r="EI14" s="104">
        <v>173050</v>
      </c>
      <c r="EJ14" s="104">
        <v>708124</v>
      </c>
      <c r="EK14" s="104">
        <v>520385</v>
      </c>
      <c r="EL14" s="104">
        <v>110034</v>
      </c>
      <c r="EM14" s="104">
        <v>139508</v>
      </c>
      <c r="EN14" s="102">
        <v>1651101</v>
      </c>
      <c r="EO14" s="106">
        <v>1651101</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3497977</v>
      </c>
      <c r="FM14" s="104">
        <v>4870045</v>
      </c>
      <c r="FN14" s="103">
        <v>8368022</v>
      </c>
      <c r="FO14" s="100">
        <v>0</v>
      </c>
      <c r="FP14" s="104">
        <v>8617893</v>
      </c>
      <c r="FQ14" s="104">
        <v>21538342</v>
      </c>
      <c r="FR14" s="104">
        <v>15302099</v>
      </c>
      <c r="FS14" s="104">
        <v>12760832</v>
      </c>
      <c r="FT14" s="104">
        <v>9191795</v>
      </c>
      <c r="FU14" s="103">
        <v>67410961</v>
      </c>
      <c r="FV14" s="106">
        <v>75778983</v>
      </c>
      <c r="FW14" s="105">
        <v>2208141</v>
      </c>
      <c r="FX14" s="104">
        <v>3815119</v>
      </c>
      <c r="FY14" s="102">
        <v>6023260</v>
      </c>
      <c r="FZ14" s="101">
        <v>0</v>
      </c>
      <c r="GA14" s="104">
        <v>7128692</v>
      </c>
      <c r="GB14" s="104">
        <v>20463117</v>
      </c>
      <c r="GC14" s="104">
        <v>14632961</v>
      </c>
      <c r="GD14" s="104">
        <v>12073312</v>
      </c>
      <c r="GE14" s="104">
        <v>9079727</v>
      </c>
      <c r="GF14" s="103">
        <v>63377809</v>
      </c>
      <c r="GG14" s="296">
        <v>69401069</v>
      </c>
      <c r="GH14" s="105">
        <v>194934</v>
      </c>
      <c r="GI14" s="104">
        <v>154143</v>
      </c>
      <c r="GJ14" s="102">
        <v>349077</v>
      </c>
      <c r="GK14" s="101">
        <v>0</v>
      </c>
      <c r="GL14" s="104">
        <v>618991</v>
      </c>
      <c r="GM14" s="104">
        <v>397462</v>
      </c>
      <c r="GN14" s="104">
        <v>425949</v>
      </c>
      <c r="GO14" s="104">
        <v>395157</v>
      </c>
      <c r="GP14" s="104">
        <v>112068</v>
      </c>
      <c r="GQ14" s="103">
        <v>1949627</v>
      </c>
      <c r="GR14" s="106">
        <v>2298704</v>
      </c>
      <c r="GS14" s="100">
        <v>1094902</v>
      </c>
      <c r="GT14" s="104">
        <v>900783</v>
      </c>
      <c r="GU14" s="103">
        <v>1995685</v>
      </c>
      <c r="GV14" s="100">
        <v>0</v>
      </c>
      <c r="GW14" s="104">
        <v>870210</v>
      </c>
      <c r="GX14" s="104">
        <v>677763</v>
      </c>
      <c r="GY14" s="104">
        <v>243189</v>
      </c>
      <c r="GZ14" s="104">
        <v>292363</v>
      </c>
      <c r="HA14" s="104">
        <v>0</v>
      </c>
      <c r="HB14" s="102">
        <v>2083525</v>
      </c>
      <c r="HC14" s="106">
        <v>4079210</v>
      </c>
      <c r="HD14" s="100">
        <v>2977556</v>
      </c>
      <c r="HE14" s="104">
        <v>1570448</v>
      </c>
      <c r="HF14" s="102">
        <v>4548004</v>
      </c>
      <c r="HG14" s="101">
        <v>0</v>
      </c>
      <c r="HH14" s="104">
        <v>26553075</v>
      </c>
      <c r="HI14" s="104">
        <v>22587441</v>
      </c>
      <c r="HJ14" s="104">
        <v>22245280</v>
      </c>
      <c r="HK14" s="104">
        <v>30016812</v>
      </c>
      <c r="HL14" s="104">
        <v>20682298</v>
      </c>
      <c r="HM14" s="103">
        <v>122084906</v>
      </c>
      <c r="HN14" s="99">
        <v>126632910</v>
      </c>
      <c r="HO14" s="105">
        <v>2512603</v>
      </c>
      <c r="HP14" s="104">
        <v>3293228</v>
      </c>
      <c r="HQ14" s="103">
        <v>5805831</v>
      </c>
      <c r="HR14" s="100">
        <v>0</v>
      </c>
      <c r="HS14" s="104">
        <v>28119709</v>
      </c>
      <c r="HT14" s="104">
        <v>29070555</v>
      </c>
      <c r="HU14" s="104">
        <v>20111372</v>
      </c>
      <c r="HV14" s="104">
        <v>12431143</v>
      </c>
      <c r="HW14" s="104">
        <v>7483459</v>
      </c>
      <c r="HX14" s="102">
        <v>97216238</v>
      </c>
      <c r="HY14" s="106">
        <v>103022069</v>
      </c>
      <c r="HZ14" s="118">
        <v>451146</v>
      </c>
      <c r="IA14" s="119">
        <v>1118863</v>
      </c>
      <c r="IB14" s="120">
        <v>1570009</v>
      </c>
      <c r="IC14" s="121">
        <v>0</v>
      </c>
      <c r="ID14" s="122">
        <v>56161768</v>
      </c>
      <c r="IE14" s="123">
        <v>68264803</v>
      </c>
      <c r="IF14" s="124">
        <v>67512042</v>
      </c>
      <c r="IG14" s="122">
        <v>55254924</v>
      </c>
      <c r="IH14" s="124">
        <v>26531306</v>
      </c>
      <c r="II14" s="125">
        <v>273724843</v>
      </c>
      <c r="IJ14" s="126">
        <v>275294852</v>
      </c>
      <c r="IK14" s="219">
        <v>0</v>
      </c>
      <c r="IL14" s="223">
        <v>0</v>
      </c>
      <c r="IM14" s="224">
        <v>0</v>
      </c>
      <c r="IN14" s="127"/>
      <c r="IO14" s="109">
        <v>444930</v>
      </c>
      <c r="IP14" s="109">
        <v>613493</v>
      </c>
      <c r="IQ14" s="109">
        <v>222269</v>
      </c>
      <c r="IR14" s="109">
        <v>1292117</v>
      </c>
      <c r="IS14" s="109">
        <v>529466</v>
      </c>
      <c r="IT14" s="128">
        <v>3102275</v>
      </c>
      <c r="IU14" s="298">
        <v>3102275</v>
      </c>
      <c r="IV14" s="129">
        <v>0</v>
      </c>
      <c r="IW14" s="109">
        <v>0</v>
      </c>
      <c r="IX14" s="110">
        <v>0</v>
      </c>
      <c r="IY14" s="131"/>
      <c r="IZ14" s="109">
        <v>38538</v>
      </c>
      <c r="JA14" s="109">
        <v>45471</v>
      </c>
      <c r="JB14" s="109">
        <v>0</v>
      </c>
      <c r="JC14" s="109">
        <v>19269</v>
      </c>
      <c r="JD14" s="109">
        <v>76517</v>
      </c>
      <c r="JE14" s="110">
        <v>179795</v>
      </c>
      <c r="JF14" s="111">
        <v>179795</v>
      </c>
      <c r="JG14" s="129">
        <v>0</v>
      </c>
      <c r="JH14" s="109">
        <v>0</v>
      </c>
      <c r="JI14" s="128">
        <v>0</v>
      </c>
      <c r="JJ14" s="108">
        <v>0</v>
      </c>
      <c r="JK14" s="109">
        <v>28000129</v>
      </c>
      <c r="JL14" s="109">
        <v>34811008</v>
      </c>
      <c r="JM14" s="109">
        <v>23334408</v>
      </c>
      <c r="JN14" s="109">
        <v>12728284</v>
      </c>
      <c r="JO14" s="109">
        <v>5154469</v>
      </c>
      <c r="JP14" s="110">
        <v>104028298</v>
      </c>
      <c r="JQ14" s="298">
        <v>104028298</v>
      </c>
      <c r="JR14" s="129">
        <v>0</v>
      </c>
      <c r="JS14" s="109">
        <v>0</v>
      </c>
      <c r="JT14" s="128">
        <v>0</v>
      </c>
      <c r="JU14" s="108">
        <v>0</v>
      </c>
      <c r="JV14" s="109">
        <v>733558</v>
      </c>
      <c r="JW14" s="109">
        <v>781943</v>
      </c>
      <c r="JX14" s="109">
        <v>1513330</v>
      </c>
      <c r="JY14" s="109">
        <v>1458242</v>
      </c>
      <c r="JZ14" s="109">
        <v>1583736</v>
      </c>
      <c r="KA14" s="110">
        <v>6070809</v>
      </c>
      <c r="KB14" s="298">
        <v>6070809</v>
      </c>
      <c r="KC14" s="221">
        <v>451146</v>
      </c>
      <c r="KD14" s="217">
        <v>1118863</v>
      </c>
      <c r="KE14" s="110">
        <v>1570009</v>
      </c>
      <c r="KF14" s="108">
        <v>0</v>
      </c>
      <c r="KG14" s="109">
        <v>9017846</v>
      </c>
      <c r="KH14" s="109">
        <v>9376638</v>
      </c>
      <c r="KI14" s="109">
        <v>10557669</v>
      </c>
      <c r="KJ14" s="109">
        <v>7738602</v>
      </c>
      <c r="KK14" s="109">
        <v>3404807</v>
      </c>
      <c r="KL14" s="110">
        <v>40095562</v>
      </c>
      <c r="KM14" s="130">
        <v>41665571</v>
      </c>
      <c r="KN14" s="219">
        <v>0</v>
      </c>
      <c r="KO14" s="223">
        <v>0</v>
      </c>
      <c r="KP14" s="224">
        <v>0</v>
      </c>
      <c r="KQ14" s="127"/>
      <c r="KR14" s="109">
        <v>15915396</v>
      </c>
      <c r="KS14" s="109">
        <v>18634237</v>
      </c>
      <c r="KT14" s="109">
        <v>21468343</v>
      </c>
      <c r="KU14" s="109">
        <v>18261640</v>
      </c>
      <c r="KV14" s="109">
        <v>8906211</v>
      </c>
      <c r="KW14" s="110">
        <v>83185827</v>
      </c>
      <c r="KX14" s="298">
        <v>83185827</v>
      </c>
      <c r="KY14" s="129">
        <v>0</v>
      </c>
      <c r="KZ14" s="109">
        <v>0</v>
      </c>
      <c r="LA14" s="110">
        <v>0</v>
      </c>
      <c r="LB14" s="132"/>
      <c r="LC14" s="109">
        <v>414966</v>
      </c>
      <c r="LD14" s="109">
        <v>1763830</v>
      </c>
      <c r="LE14" s="109">
        <v>2796207</v>
      </c>
      <c r="LF14" s="109">
        <v>4172690</v>
      </c>
      <c r="LG14" s="109">
        <v>1839339</v>
      </c>
      <c r="LH14" s="110">
        <v>10987032</v>
      </c>
      <c r="LI14" s="111">
        <v>10987032</v>
      </c>
      <c r="LJ14" s="129">
        <v>0</v>
      </c>
      <c r="LK14" s="109">
        <v>0</v>
      </c>
      <c r="LL14" s="110">
        <v>0</v>
      </c>
      <c r="LM14" s="132"/>
      <c r="LN14" s="109">
        <v>0</v>
      </c>
      <c r="LO14" s="109">
        <v>233901</v>
      </c>
      <c r="LP14" s="109">
        <v>2843748</v>
      </c>
      <c r="LQ14" s="109">
        <v>6090590</v>
      </c>
      <c r="LR14" s="109">
        <v>3258371</v>
      </c>
      <c r="LS14" s="110">
        <v>12426610</v>
      </c>
      <c r="LT14" s="298">
        <v>12426610</v>
      </c>
      <c r="LU14" s="129">
        <v>0</v>
      </c>
      <c r="LV14" s="109">
        <v>0</v>
      </c>
      <c r="LW14" s="110">
        <v>0</v>
      </c>
      <c r="LX14" s="132"/>
      <c r="LY14" s="109">
        <v>1596405</v>
      </c>
      <c r="LZ14" s="109">
        <v>2004282</v>
      </c>
      <c r="MA14" s="109">
        <v>4776068</v>
      </c>
      <c r="MB14" s="109">
        <v>3493490</v>
      </c>
      <c r="MC14" s="109">
        <v>1778390</v>
      </c>
      <c r="MD14" s="110">
        <v>13648635</v>
      </c>
      <c r="ME14" s="111">
        <v>13648635</v>
      </c>
      <c r="MF14" s="129">
        <v>0</v>
      </c>
      <c r="MG14" s="109">
        <v>0</v>
      </c>
      <c r="MH14" s="110">
        <v>0</v>
      </c>
      <c r="MI14" s="132"/>
      <c r="MJ14" s="109">
        <v>14675221</v>
      </c>
      <c r="MK14" s="109">
        <v>38834938</v>
      </c>
      <c r="ML14" s="109">
        <v>149047069</v>
      </c>
      <c r="MM14" s="109">
        <v>164003112</v>
      </c>
      <c r="MN14" s="109">
        <v>102143502</v>
      </c>
      <c r="MO14" s="110">
        <v>468703842</v>
      </c>
      <c r="MP14" s="130">
        <v>468703842</v>
      </c>
      <c r="MQ14" s="129">
        <v>0</v>
      </c>
      <c r="MR14" s="109">
        <v>0</v>
      </c>
      <c r="MS14" s="110">
        <v>0</v>
      </c>
      <c r="MT14" s="132"/>
      <c r="MU14" s="109">
        <v>3225237</v>
      </c>
      <c r="MV14" s="109">
        <v>13684850</v>
      </c>
      <c r="MW14" s="109">
        <v>98563939</v>
      </c>
      <c r="MX14" s="109">
        <v>118757119</v>
      </c>
      <c r="MY14" s="109">
        <v>72284496</v>
      </c>
      <c r="MZ14" s="110">
        <v>306515641</v>
      </c>
      <c r="NA14" s="130">
        <v>306515641</v>
      </c>
      <c r="NB14" s="129">
        <v>0</v>
      </c>
      <c r="NC14" s="109">
        <v>0</v>
      </c>
      <c r="ND14" s="110">
        <v>0</v>
      </c>
      <c r="NE14" s="132"/>
      <c r="NF14" s="109">
        <v>11224570</v>
      </c>
      <c r="NG14" s="109">
        <v>24917747</v>
      </c>
      <c r="NH14" s="109">
        <v>48994484</v>
      </c>
      <c r="NI14" s="109">
        <v>42742865</v>
      </c>
      <c r="NJ14" s="109">
        <v>27352361</v>
      </c>
      <c r="NK14" s="110">
        <v>155232027</v>
      </c>
      <c r="NL14" s="298">
        <v>155232027</v>
      </c>
      <c r="NM14" s="129">
        <v>0</v>
      </c>
      <c r="NN14" s="109">
        <v>0</v>
      </c>
      <c r="NO14" s="110">
        <v>0</v>
      </c>
      <c r="NP14" s="132"/>
      <c r="NQ14" s="109">
        <v>0</v>
      </c>
      <c r="NR14" s="109">
        <v>0</v>
      </c>
      <c r="NS14" s="109">
        <v>0</v>
      </c>
      <c r="NT14" s="109">
        <v>356279</v>
      </c>
      <c r="NU14" s="109">
        <v>0</v>
      </c>
      <c r="NV14" s="110">
        <v>356279</v>
      </c>
      <c r="NW14" s="111">
        <v>356279</v>
      </c>
      <c r="NX14" s="129">
        <v>0</v>
      </c>
      <c r="NY14" s="109">
        <v>0</v>
      </c>
      <c r="NZ14" s="110">
        <v>0</v>
      </c>
      <c r="OA14" s="132"/>
      <c r="OB14" s="109">
        <v>225414</v>
      </c>
      <c r="OC14" s="109">
        <v>232341</v>
      </c>
      <c r="OD14" s="109">
        <v>1488646</v>
      </c>
      <c r="OE14" s="109">
        <v>2146849</v>
      </c>
      <c r="OF14" s="109">
        <v>2506645</v>
      </c>
      <c r="OG14" s="110">
        <v>6599895</v>
      </c>
      <c r="OH14" s="111">
        <v>6599895</v>
      </c>
      <c r="OI14" s="129">
        <v>12835988</v>
      </c>
      <c r="OJ14" s="109">
        <v>16687455</v>
      </c>
      <c r="OK14" s="128">
        <v>29523443</v>
      </c>
      <c r="OL14" s="108">
        <v>0</v>
      </c>
      <c r="OM14" s="109">
        <v>219285667</v>
      </c>
      <c r="ON14" s="109">
        <v>314618277</v>
      </c>
      <c r="OO14" s="109">
        <v>410118560</v>
      </c>
      <c r="OP14" s="109">
        <v>392517389</v>
      </c>
      <c r="OQ14" s="109">
        <v>260935557</v>
      </c>
      <c r="OR14" s="110">
        <v>1597475450</v>
      </c>
      <c r="OS14" s="130">
        <v>1626998893</v>
      </c>
    </row>
    <row r="15" spans="1:409" ht="21" customHeight="1" x14ac:dyDescent="0.2">
      <c r="B15" s="472" t="s">
        <v>9</v>
      </c>
      <c r="C15" s="100">
        <v>11850783</v>
      </c>
      <c r="D15" s="104">
        <v>16471047</v>
      </c>
      <c r="E15" s="103">
        <v>28321830</v>
      </c>
      <c r="F15" s="101">
        <v>0</v>
      </c>
      <c r="G15" s="104">
        <v>155152055</v>
      </c>
      <c r="H15" s="104">
        <v>154282943</v>
      </c>
      <c r="I15" s="104">
        <v>158364621</v>
      </c>
      <c r="J15" s="104">
        <v>167087717</v>
      </c>
      <c r="K15" s="104">
        <v>130733442</v>
      </c>
      <c r="L15" s="99">
        <v>765620778</v>
      </c>
      <c r="M15" s="106">
        <v>793942608</v>
      </c>
      <c r="N15" s="100">
        <v>2045060</v>
      </c>
      <c r="O15" s="104">
        <v>3853689</v>
      </c>
      <c r="P15" s="103">
        <v>5898749</v>
      </c>
      <c r="Q15" s="100">
        <v>0</v>
      </c>
      <c r="R15" s="104">
        <v>45702065</v>
      </c>
      <c r="S15" s="104">
        <v>49696221</v>
      </c>
      <c r="T15" s="104">
        <v>54763192</v>
      </c>
      <c r="U15" s="104">
        <v>71982054</v>
      </c>
      <c r="V15" s="104">
        <v>71468697</v>
      </c>
      <c r="W15" s="103">
        <v>293612229</v>
      </c>
      <c r="X15" s="106">
        <v>299510978</v>
      </c>
      <c r="Y15" s="100">
        <v>0</v>
      </c>
      <c r="Z15" s="104">
        <v>0</v>
      </c>
      <c r="AA15" s="103">
        <v>0</v>
      </c>
      <c r="AB15" s="100">
        <v>0</v>
      </c>
      <c r="AC15" s="104">
        <v>22479553</v>
      </c>
      <c r="AD15" s="104">
        <v>26440661</v>
      </c>
      <c r="AE15" s="104">
        <v>32438206</v>
      </c>
      <c r="AF15" s="104">
        <v>45303544</v>
      </c>
      <c r="AG15" s="104">
        <v>46964677</v>
      </c>
      <c r="AH15" s="103">
        <v>173626641</v>
      </c>
      <c r="AI15" s="106">
        <v>173626641</v>
      </c>
      <c r="AJ15" s="100">
        <v>0</v>
      </c>
      <c r="AK15" s="104">
        <v>0</v>
      </c>
      <c r="AL15" s="103">
        <v>0</v>
      </c>
      <c r="AM15" s="100">
        <v>0</v>
      </c>
      <c r="AN15" s="104">
        <v>69425</v>
      </c>
      <c r="AO15" s="104">
        <v>194684</v>
      </c>
      <c r="AP15" s="104">
        <v>1015889</v>
      </c>
      <c r="AQ15" s="104">
        <v>3635708</v>
      </c>
      <c r="AR15" s="104">
        <v>5992195</v>
      </c>
      <c r="AS15" s="103">
        <v>10907901</v>
      </c>
      <c r="AT15" s="106">
        <v>10907901</v>
      </c>
      <c r="AU15" s="100">
        <v>1045217</v>
      </c>
      <c r="AV15" s="104">
        <v>2639004</v>
      </c>
      <c r="AW15" s="103">
        <v>3684221</v>
      </c>
      <c r="AX15" s="100">
        <v>0</v>
      </c>
      <c r="AY15" s="104">
        <v>14536668</v>
      </c>
      <c r="AZ15" s="104">
        <v>13978754</v>
      </c>
      <c r="BA15" s="104">
        <v>11705711</v>
      </c>
      <c r="BB15" s="104">
        <v>12724778</v>
      </c>
      <c r="BC15" s="104">
        <v>11052795</v>
      </c>
      <c r="BD15" s="103">
        <v>63998706</v>
      </c>
      <c r="BE15" s="106">
        <v>67682927</v>
      </c>
      <c r="BF15" s="100">
        <v>94326</v>
      </c>
      <c r="BG15" s="104">
        <v>353130</v>
      </c>
      <c r="BH15" s="102">
        <v>447456</v>
      </c>
      <c r="BI15" s="101">
        <v>0</v>
      </c>
      <c r="BJ15" s="104">
        <v>1353634</v>
      </c>
      <c r="BK15" s="104">
        <v>1564040</v>
      </c>
      <c r="BL15" s="104">
        <v>1380897</v>
      </c>
      <c r="BM15" s="104">
        <v>1120709</v>
      </c>
      <c r="BN15" s="104">
        <v>967236</v>
      </c>
      <c r="BO15" s="103">
        <v>6386516</v>
      </c>
      <c r="BP15" s="106">
        <v>6833972</v>
      </c>
      <c r="BQ15" s="100">
        <v>905517</v>
      </c>
      <c r="BR15" s="104">
        <v>861555</v>
      </c>
      <c r="BS15" s="103">
        <v>1767072</v>
      </c>
      <c r="BT15" s="100">
        <v>0</v>
      </c>
      <c r="BU15" s="104">
        <v>7262785</v>
      </c>
      <c r="BV15" s="104">
        <v>7518082</v>
      </c>
      <c r="BW15" s="104">
        <v>8222489</v>
      </c>
      <c r="BX15" s="104">
        <v>9197315</v>
      </c>
      <c r="BY15" s="104">
        <v>6491794</v>
      </c>
      <c r="BZ15" s="103">
        <v>38692465</v>
      </c>
      <c r="CA15" s="106">
        <v>40459537</v>
      </c>
      <c r="CB15" s="100">
        <v>1098177</v>
      </c>
      <c r="CC15" s="104">
        <v>2984541</v>
      </c>
      <c r="CD15" s="103">
        <v>4082718</v>
      </c>
      <c r="CE15" s="100">
        <v>0</v>
      </c>
      <c r="CF15" s="104">
        <v>35636963</v>
      </c>
      <c r="CG15" s="104">
        <v>34542588</v>
      </c>
      <c r="CH15" s="104">
        <v>28237084</v>
      </c>
      <c r="CI15" s="104">
        <v>19600894</v>
      </c>
      <c r="CJ15" s="104">
        <v>6649375</v>
      </c>
      <c r="CK15" s="103">
        <v>124666904</v>
      </c>
      <c r="CL15" s="106">
        <v>128749622</v>
      </c>
      <c r="CM15" s="100">
        <v>0</v>
      </c>
      <c r="CN15" s="104">
        <v>0</v>
      </c>
      <c r="CO15" s="103">
        <v>0</v>
      </c>
      <c r="CP15" s="101">
        <v>0</v>
      </c>
      <c r="CQ15" s="104">
        <v>29866918</v>
      </c>
      <c r="CR15" s="104">
        <v>26698467</v>
      </c>
      <c r="CS15" s="104">
        <v>22205724</v>
      </c>
      <c r="CT15" s="104">
        <v>14123278</v>
      </c>
      <c r="CU15" s="104">
        <v>4651649</v>
      </c>
      <c r="CV15" s="103">
        <v>97546036</v>
      </c>
      <c r="CW15" s="106">
        <v>97546036</v>
      </c>
      <c r="CX15" s="100">
        <v>1098177</v>
      </c>
      <c r="CY15" s="104">
        <v>2984541</v>
      </c>
      <c r="CZ15" s="103">
        <v>4082718</v>
      </c>
      <c r="DA15" s="100">
        <v>0</v>
      </c>
      <c r="DB15" s="104">
        <v>5770045</v>
      </c>
      <c r="DC15" s="104">
        <v>7844121</v>
      </c>
      <c r="DD15" s="104">
        <v>6031360</v>
      </c>
      <c r="DE15" s="104">
        <v>5477616</v>
      </c>
      <c r="DF15" s="104">
        <v>1997726</v>
      </c>
      <c r="DG15" s="103">
        <v>27120868</v>
      </c>
      <c r="DH15" s="106">
        <v>31203586</v>
      </c>
      <c r="DI15" s="100">
        <v>120885</v>
      </c>
      <c r="DJ15" s="104">
        <v>297649</v>
      </c>
      <c r="DK15" s="102">
        <v>418534</v>
      </c>
      <c r="DL15" s="101">
        <v>0</v>
      </c>
      <c r="DM15" s="104">
        <v>4427429</v>
      </c>
      <c r="DN15" s="104">
        <v>8314610</v>
      </c>
      <c r="DO15" s="104">
        <v>17378648</v>
      </c>
      <c r="DP15" s="104">
        <v>15166071</v>
      </c>
      <c r="DQ15" s="104">
        <v>8522995</v>
      </c>
      <c r="DR15" s="103">
        <v>53809753</v>
      </c>
      <c r="DS15" s="106">
        <v>54228287</v>
      </c>
      <c r="DT15" s="100">
        <v>120885</v>
      </c>
      <c r="DU15" s="104">
        <v>249385</v>
      </c>
      <c r="DV15" s="103">
        <v>370270</v>
      </c>
      <c r="DW15" s="100">
        <v>0</v>
      </c>
      <c r="DX15" s="104">
        <v>3754310</v>
      </c>
      <c r="DY15" s="104">
        <v>7545294</v>
      </c>
      <c r="DZ15" s="104">
        <v>15341514</v>
      </c>
      <c r="EA15" s="104">
        <v>12614052</v>
      </c>
      <c r="EB15" s="104">
        <v>6611688</v>
      </c>
      <c r="EC15" s="103">
        <v>45866858</v>
      </c>
      <c r="ED15" s="106">
        <v>46237128</v>
      </c>
      <c r="EE15" s="100">
        <v>0</v>
      </c>
      <c r="EF15" s="102">
        <v>48264</v>
      </c>
      <c r="EG15" s="103">
        <v>48264</v>
      </c>
      <c r="EH15" s="100">
        <v>0</v>
      </c>
      <c r="EI15" s="104">
        <v>673119</v>
      </c>
      <c r="EJ15" s="104">
        <v>769316</v>
      </c>
      <c r="EK15" s="104">
        <v>2037134</v>
      </c>
      <c r="EL15" s="104">
        <v>2552019</v>
      </c>
      <c r="EM15" s="104">
        <v>1911307</v>
      </c>
      <c r="EN15" s="102">
        <v>7942895</v>
      </c>
      <c r="EO15" s="106">
        <v>7991159</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3672757</v>
      </c>
      <c r="FM15" s="104">
        <v>4310278</v>
      </c>
      <c r="FN15" s="103">
        <v>7983035</v>
      </c>
      <c r="FO15" s="100">
        <v>0</v>
      </c>
      <c r="FP15" s="104">
        <v>9739245</v>
      </c>
      <c r="FQ15" s="104">
        <v>12875749</v>
      </c>
      <c r="FR15" s="104">
        <v>11110346</v>
      </c>
      <c r="FS15" s="104">
        <v>12034786</v>
      </c>
      <c r="FT15" s="104">
        <v>8433876</v>
      </c>
      <c r="FU15" s="103">
        <v>54194002</v>
      </c>
      <c r="FV15" s="106">
        <v>62177037</v>
      </c>
      <c r="FW15" s="105">
        <v>1827543</v>
      </c>
      <c r="FX15" s="104">
        <v>2930278</v>
      </c>
      <c r="FY15" s="102">
        <v>4757821</v>
      </c>
      <c r="FZ15" s="101">
        <v>0</v>
      </c>
      <c r="GA15" s="104">
        <v>7626376</v>
      </c>
      <c r="GB15" s="104">
        <v>11984011</v>
      </c>
      <c r="GC15" s="104">
        <v>10498912</v>
      </c>
      <c r="GD15" s="104">
        <v>10817466</v>
      </c>
      <c r="GE15" s="104">
        <v>7975108</v>
      </c>
      <c r="GF15" s="103">
        <v>48901873</v>
      </c>
      <c r="GG15" s="296">
        <v>53659694</v>
      </c>
      <c r="GH15" s="105">
        <v>274036</v>
      </c>
      <c r="GI15" s="104">
        <v>286215</v>
      </c>
      <c r="GJ15" s="102">
        <v>560251</v>
      </c>
      <c r="GK15" s="101">
        <v>0</v>
      </c>
      <c r="GL15" s="104">
        <v>344823</v>
      </c>
      <c r="GM15" s="104">
        <v>336546</v>
      </c>
      <c r="GN15" s="104">
        <v>225234</v>
      </c>
      <c r="GO15" s="104">
        <v>307310</v>
      </c>
      <c r="GP15" s="104">
        <v>75068</v>
      </c>
      <c r="GQ15" s="103">
        <v>1288981</v>
      </c>
      <c r="GR15" s="106">
        <v>1849232</v>
      </c>
      <c r="GS15" s="100">
        <v>1571178</v>
      </c>
      <c r="GT15" s="104">
        <v>1093785</v>
      </c>
      <c r="GU15" s="103">
        <v>2664963</v>
      </c>
      <c r="GV15" s="100">
        <v>0</v>
      </c>
      <c r="GW15" s="104">
        <v>1768046</v>
      </c>
      <c r="GX15" s="104">
        <v>555192</v>
      </c>
      <c r="GY15" s="104">
        <v>386200</v>
      </c>
      <c r="GZ15" s="104">
        <v>910010</v>
      </c>
      <c r="HA15" s="104">
        <v>383700</v>
      </c>
      <c r="HB15" s="102">
        <v>4003148</v>
      </c>
      <c r="HC15" s="106">
        <v>6668111</v>
      </c>
      <c r="HD15" s="100">
        <v>2757922</v>
      </c>
      <c r="HE15" s="104">
        <v>2078691</v>
      </c>
      <c r="HF15" s="102">
        <v>4836613</v>
      </c>
      <c r="HG15" s="101">
        <v>0</v>
      </c>
      <c r="HH15" s="104">
        <v>32184962</v>
      </c>
      <c r="HI15" s="104">
        <v>30071252</v>
      </c>
      <c r="HJ15" s="104">
        <v>33219576</v>
      </c>
      <c r="HK15" s="104">
        <v>36837292</v>
      </c>
      <c r="HL15" s="104">
        <v>28934280</v>
      </c>
      <c r="HM15" s="103">
        <v>161247362</v>
      </c>
      <c r="HN15" s="99">
        <v>166083975</v>
      </c>
      <c r="HO15" s="105">
        <v>2155982</v>
      </c>
      <c r="HP15" s="104">
        <v>2946199</v>
      </c>
      <c r="HQ15" s="103">
        <v>5102181</v>
      </c>
      <c r="HR15" s="100">
        <v>0</v>
      </c>
      <c r="HS15" s="104">
        <v>27461391</v>
      </c>
      <c r="HT15" s="104">
        <v>18782523</v>
      </c>
      <c r="HU15" s="104">
        <v>13655775</v>
      </c>
      <c r="HV15" s="104">
        <v>11466620</v>
      </c>
      <c r="HW15" s="104">
        <v>6724219</v>
      </c>
      <c r="HX15" s="102">
        <v>78090528</v>
      </c>
      <c r="HY15" s="106">
        <v>83192709</v>
      </c>
      <c r="HZ15" s="115">
        <v>257333</v>
      </c>
      <c r="IA15" s="136">
        <v>1244138</v>
      </c>
      <c r="IB15" s="116">
        <v>1501471</v>
      </c>
      <c r="IC15" s="133">
        <v>0</v>
      </c>
      <c r="ID15" s="119">
        <v>33655776</v>
      </c>
      <c r="IE15" s="134">
        <v>37213002</v>
      </c>
      <c r="IF15" s="120">
        <v>50085286</v>
      </c>
      <c r="IG15" s="119">
        <v>41205356</v>
      </c>
      <c r="IH15" s="120">
        <v>24775202</v>
      </c>
      <c r="II15" s="135">
        <v>186934622</v>
      </c>
      <c r="IJ15" s="117">
        <v>188436093</v>
      </c>
      <c r="IK15" s="219">
        <v>0</v>
      </c>
      <c r="IL15" s="223">
        <v>0</v>
      </c>
      <c r="IM15" s="224">
        <v>0</v>
      </c>
      <c r="IN15" s="127"/>
      <c r="IO15" s="109">
        <v>0</v>
      </c>
      <c r="IP15" s="109">
        <v>634675</v>
      </c>
      <c r="IQ15" s="109">
        <v>670124</v>
      </c>
      <c r="IR15" s="109">
        <v>3704150</v>
      </c>
      <c r="IS15" s="109">
        <v>1269275</v>
      </c>
      <c r="IT15" s="128">
        <v>6278224</v>
      </c>
      <c r="IU15" s="298">
        <v>6278224</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9348493</v>
      </c>
      <c r="JL15" s="109">
        <v>13898413</v>
      </c>
      <c r="JM15" s="109">
        <v>16668307</v>
      </c>
      <c r="JN15" s="109">
        <v>9640686</v>
      </c>
      <c r="JO15" s="109">
        <v>3866454</v>
      </c>
      <c r="JP15" s="110">
        <v>63422353</v>
      </c>
      <c r="JQ15" s="298">
        <v>63422353</v>
      </c>
      <c r="JR15" s="129">
        <v>0</v>
      </c>
      <c r="JS15" s="109">
        <v>0</v>
      </c>
      <c r="JT15" s="128">
        <v>0</v>
      </c>
      <c r="JU15" s="108">
        <v>0</v>
      </c>
      <c r="JV15" s="109">
        <v>347873</v>
      </c>
      <c r="JW15" s="109">
        <v>471641</v>
      </c>
      <c r="JX15" s="109">
        <v>902330</v>
      </c>
      <c r="JY15" s="109">
        <v>107171</v>
      </c>
      <c r="JZ15" s="109">
        <v>1052943</v>
      </c>
      <c r="KA15" s="110">
        <v>2881958</v>
      </c>
      <c r="KB15" s="298">
        <v>2881958</v>
      </c>
      <c r="KC15" s="221">
        <v>257333</v>
      </c>
      <c r="KD15" s="217">
        <v>464214</v>
      </c>
      <c r="KE15" s="110">
        <v>721547</v>
      </c>
      <c r="KF15" s="108">
        <v>0</v>
      </c>
      <c r="KG15" s="109">
        <v>4333542</v>
      </c>
      <c r="KH15" s="109">
        <v>6495042</v>
      </c>
      <c r="KI15" s="109">
        <v>5396990</v>
      </c>
      <c r="KJ15" s="109">
        <v>4733225</v>
      </c>
      <c r="KK15" s="109">
        <v>3562393</v>
      </c>
      <c r="KL15" s="110">
        <v>24521192</v>
      </c>
      <c r="KM15" s="130">
        <v>25242739</v>
      </c>
      <c r="KN15" s="219">
        <v>0</v>
      </c>
      <c r="KO15" s="223">
        <v>779924</v>
      </c>
      <c r="KP15" s="224">
        <v>779924</v>
      </c>
      <c r="KQ15" s="127"/>
      <c r="KR15" s="109">
        <v>8357833</v>
      </c>
      <c r="KS15" s="109">
        <v>13811026</v>
      </c>
      <c r="KT15" s="109">
        <v>22571988</v>
      </c>
      <c r="KU15" s="109">
        <v>17681097</v>
      </c>
      <c r="KV15" s="109">
        <v>8848589</v>
      </c>
      <c r="KW15" s="110">
        <v>71270533</v>
      </c>
      <c r="KX15" s="298">
        <v>72050457</v>
      </c>
      <c r="KY15" s="129">
        <v>0</v>
      </c>
      <c r="KZ15" s="109">
        <v>0</v>
      </c>
      <c r="LA15" s="110">
        <v>0</v>
      </c>
      <c r="LB15" s="132"/>
      <c r="LC15" s="109">
        <v>367368</v>
      </c>
      <c r="LD15" s="109">
        <v>548880</v>
      </c>
      <c r="LE15" s="109">
        <v>1322862</v>
      </c>
      <c r="LF15" s="109">
        <v>2028461</v>
      </c>
      <c r="LG15" s="109">
        <v>1396406</v>
      </c>
      <c r="LH15" s="110">
        <v>5663977</v>
      </c>
      <c r="LI15" s="111">
        <v>5663977</v>
      </c>
      <c r="LJ15" s="129">
        <v>0</v>
      </c>
      <c r="LK15" s="109">
        <v>0</v>
      </c>
      <c r="LL15" s="110">
        <v>0</v>
      </c>
      <c r="LM15" s="132"/>
      <c r="LN15" s="109">
        <v>0</v>
      </c>
      <c r="LO15" s="109">
        <v>0</v>
      </c>
      <c r="LP15" s="109">
        <v>0</v>
      </c>
      <c r="LQ15" s="109">
        <v>329808</v>
      </c>
      <c r="LR15" s="109">
        <v>0</v>
      </c>
      <c r="LS15" s="110">
        <v>329808</v>
      </c>
      <c r="LT15" s="298">
        <v>329808</v>
      </c>
      <c r="LU15" s="129">
        <v>0</v>
      </c>
      <c r="LV15" s="109">
        <v>0</v>
      </c>
      <c r="LW15" s="110">
        <v>0</v>
      </c>
      <c r="LX15" s="132"/>
      <c r="LY15" s="109">
        <v>900667</v>
      </c>
      <c r="LZ15" s="109">
        <v>1353325</v>
      </c>
      <c r="MA15" s="109">
        <v>2552685</v>
      </c>
      <c r="MB15" s="109">
        <v>2980758</v>
      </c>
      <c r="MC15" s="109">
        <v>4779142</v>
      </c>
      <c r="MD15" s="110">
        <v>12566577</v>
      </c>
      <c r="ME15" s="111">
        <v>12566577</v>
      </c>
      <c r="MF15" s="129">
        <v>0</v>
      </c>
      <c r="MG15" s="109">
        <v>0</v>
      </c>
      <c r="MH15" s="110">
        <v>0</v>
      </c>
      <c r="MI15" s="132"/>
      <c r="MJ15" s="109">
        <v>7182158</v>
      </c>
      <c r="MK15" s="109">
        <v>21427854</v>
      </c>
      <c r="ML15" s="109">
        <v>84647398</v>
      </c>
      <c r="MM15" s="109">
        <v>144556165</v>
      </c>
      <c r="MN15" s="109">
        <v>102738237</v>
      </c>
      <c r="MO15" s="110">
        <v>360551812</v>
      </c>
      <c r="MP15" s="130">
        <v>360551812</v>
      </c>
      <c r="MQ15" s="129">
        <v>0</v>
      </c>
      <c r="MR15" s="109">
        <v>0</v>
      </c>
      <c r="MS15" s="110">
        <v>0</v>
      </c>
      <c r="MT15" s="132"/>
      <c r="MU15" s="109">
        <v>1489562</v>
      </c>
      <c r="MV15" s="109">
        <v>990868</v>
      </c>
      <c r="MW15" s="109">
        <v>55099648</v>
      </c>
      <c r="MX15" s="109">
        <v>105192501</v>
      </c>
      <c r="MY15" s="109">
        <v>81344789</v>
      </c>
      <c r="MZ15" s="110">
        <v>244117368</v>
      </c>
      <c r="NA15" s="130">
        <v>244117368</v>
      </c>
      <c r="NB15" s="129">
        <v>0</v>
      </c>
      <c r="NC15" s="109">
        <v>0</v>
      </c>
      <c r="ND15" s="110">
        <v>0</v>
      </c>
      <c r="NE15" s="132"/>
      <c r="NF15" s="109">
        <v>5692596</v>
      </c>
      <c r="NG15" s="109">
        <v>20436986</v>
      </c>
      <c r="NH15" s="109">
        <v>29187371</v>
      </c>
      <c r="NI15" s="109">
        <v>38607523</v>
      </c>
      <c r="NJ15" s="109">
        <v>20520285</v>
      </c>
      <c r="NK15" s="110">
        <v>114444761</v>
      </c>
      <c r="NL15" s="298">
        <v>114444761</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360379</v>
      </c>
      <c r="OE15" s="109">
        <v>756141</v>
      </c>
      <c r="OF15" s="109">
        <v>873163</v>
      </c>
      <c r="OG15" s="110">
        <v>1989683</v>
      </c>
      <c r="OH15" s="111">
        <v>1989683</v>
      </c>
      <c r="OI15" s="129">
        <v>12108116</v>
      </c>
      <c r="OJ15" s="109">
        <v>17715185</v>
      </c>
      <c r="OK15" s="128">
        <v>29823301</v>
      </c>
      <c r="OL15" s="108">
        <v>0</v>
      </c>
      <c r="OM15" s="109">
        <v>195989989</v>
      </c>
      <c r="ON15" s="109">
        <v>212923799</v>
      </c>
      <c r="OO15" s="109">
        <v>293097305</v>
      </c>
      <c r="OP15" s="109">
        <v>352849238</v>
      </c>
      <c r="OQ15" s="109">
        <v>258246881</v>
      </c>
      <c r="OR15" s="110">
        <v>1313107212</v>
      </c>
      <c r="OS15" s="130">
        <v>1342930513</v>
      </c>
    </row>
    <row r="16" spans="1:409" ht="21" customHeight="1" x14ac:dyDescent="0.2">
      <c r="B16" s="472" t="s">
        <v>10</v>
      </c>
      <c r="C16" s="100">
        <v>24424502</v>
      </c>
      <c r="D16" s="104">
        <v>41600735</v>
      </c>
      <c r="E16" s="103">
        <v>66025237</v>
      </c>
      <c r="F16" s="159">
        <v>0</v>
      </c>
      <c r="G16" s="104">
        <v>341835551</v>
      </c>
      <c r="H16" s="104">
        <v>288893774</v>
      </c>
      <c r="I16" s="104">
        <v>256737675</v>
      </c>
      <c r="J16" s="104">
        <v>265996546</v>
      </c>
      <c r="K16" s="104">
        <v>203525053</v>
      </c>
      <c r="L16" s="99">
        <v>1356988599</v>
      </c>
      <c r="M16" s="106">
        <v>1423013836</v>
      </c>
      <c r="N16" s="100">
        <v>6263217</v>
      </c>
      <c r="O16" s="104">
        <v>13042021</v>
      </c>
      <c r="P16" s="103">
        <v>19305238</v>
      </c>
      <c r="Q16" s="100">
        <v>0</v>
      </c>
      <c r="R16" s="104">
        <v>107248493</v>
      </c>
      <c r="S16" s="104">
        <v>98318048</v>
      </c>
      <c r="T16" s="104">
        <v>97168411</v>
      </c>
      <c r="U16" s="104">
        <v>112539677</v>
      </c>
      <c r="V16" s="104">
        <v>112501859</v>
      </c>
      <c r="W16" s="103">
        <v>527776488</v>
      </c>
      <c r="X16" s="106">
        <v>547081726</v>
      </c>
      <c r="Y16" s="100">
        <v>0</v>
      </c>
      <c r="Z16" s="104">
        <v>0</v>
      </c>
      <c r="AA16" s="103">
        <v>0</v>
      </c>
      <c r="AB16" s="100">
        <v>0</v>
      </c>
      <c r="AC16" s="104">
        <v>53273322</v>
      </c>
      <c r="AD16" s="104">
        <v>51635094</v>
      </c>
      <c r="AE16" s="104">
        <v>63157717</v>
      </c>
      <c r="AF16" s="104">
        <v>74213607</v>
      </c>
      <c r="AG16" s="104">
        <v>68008598</v>
      </c>
      <c r="AH16" s="103">
        <v>310288338</v>
      </c>
      <c r="AI16" s="106">
        <v>310288338</v>
      </c>
      <c r="AJ16" s="100">
        <v>0</v>
      </c>
      <c r="AK16" s="104">
        <v>0</v>
      </c>
      <c r="AL16" s="103">
        <v>0</v>
      </c>
      <c r="AM16" s="100">
        <v>0</v>
      </c>
      <c r="AN16" s="104">
        <v>355737</v>
      </c>
      <c r="AO16" s="104">
        <v>1866323</v>
      </c>
      <c r="AP16" s="104">
        <v>2043419</v>
      </c>
      <c r="AQ16" s="104">
        <v>5134331</v>
      </c>
      <c r="AR16" s="104">
        <v>11019861</v>
      </c>
      <c r="AS16" s="103">
        <v>20419671</v>
      </c>
      <c r="AT16" s="106">
        <v>20419671</v>
      </c>
      <c r="AU16" s="100">
        <v>3537447</v>
      </c>
      <c r="AV16" s="104">
        <v>8554260</v>
      </c>
      <c r="AW16" s="103">
        <v>12091707</v>
      </c>
      <c r="AX16" s="100">
        <v>0</v>
      </c>
      <c r="AY16" s="104">
        <v>32637000</v>
      </c>
      <c r="AZ16" s="104">
        <v>25675502</v>
      </c>
      <c r="BA16" s="104">
        <v>14597655</v>
      </c>
      <c r="BB16" s="104">
        <v>16264555</v>
      </c>
      <c r="BC16" s="104">
        <v>18475599</v>
      </c>
      <c r="BD16" s="103">
        <v>107650311</v>
      </c>
      <c r="BE16" s="106">
        <v>119742018</v>
      </c>
      <c r="BF16" s="100">
        <v>478266</v>
      </c>
      <c r="BG16" s="104">
        <v>1540986</v>
      </c>
      <c r="BH16" s="102">
        <v>2019252</v>
      </c>
      <c r="BI16" s="101">
        <v>0</v>
      </c>
      <c r="BJ16" s="104">
        <v>3370135</v>
      </c>
      <c r="BK16" s="104">
        <v>3170057</v>
      </c>
      <c r="BL16" s="104">
        <v>2364339</v>
      </c>
      <c r="BM16" s="104">
        <v>1262877</v>
      </c>
      <c r="BN16" s="104">
        <v>1672427</v>
      </c>
      <c r="BO16" s="103">
        <v>11839835</v>
      </c>
      <c r="BP16" s="106">
        <v>13859087</v>
      </c>
      <c r="BQ16" s="100">
        <v>2247504</v>
      </c>
      <c r="BR16" s="104">
        <v>2946775</v>
      </c>
      <c r="BS16" s="103">
        <v>5194279</v>
      </c>
      <c r="BT16" s="100">
        <v>0</v>
      </c>
      <c r="BU16" s="104">
        <v>17612299</v>
      </c>
      <c r="BV16" s="104">
        <v>15971072</v>
      </c>
      <c r="BW16" s="104">
        <v>15005281</v>
      </c>
      <c r="BX16" s="104">
        <v>15664307</v>
      </c>
      <c r="BY16" s="104">
        <v>13325374</v>
      </c>
      <c r="BZ16" s="103">
        <v>77578333</v>
      </c>
      <c r="CA16" s="106">
        <v>82772612</v>
      </c>
      <c r="CB16" s="100">
        <v>1324343</v>
      </c>
      <c r="CC16" s="104">
        <v>4163574</v>
      </c>
      <c r="CD16" s="103">
        <v>5487917</v>
      </c>
      <c r="CE16" s="100">
        <v>0</v>
      </c>
      <c r="CF16" s="104">
        <v>100891766</v>
      </c>
      <c r="CG16" s="104">
        <v>78596978</v>
      </c>
      <c r="CH16" s="104">
        <v>53596985</v>
      </c>
      <c r="CI16" s="104">
        <v>43382455</v>
      </c>
      <c r="CJ16" s="104">
        <v>17675536</v>
      </c>
      <c r="CK16" s="103">
        <v>294143720</v>
      </c>
      <c r="CL16" s="106">
        <v>299631637</v>
      </c>
      <c r="CM16" s="100">
        <v>0</v>
      </c>
      <c r="CN16" s="104">
        <v>0</v>
      </c>
      <c r="CO16" s="103">
        <v>0</v>
      </c>
      <c r="CP16" s="101">
        <v>0</v>
      </c>
      <c r="CQ16" s="104">
        <v>87215572</v>
      </c>
      <c r="CR16" s="104">
        <v>64933350</v>
      </c>
      <c r="CS16" s="104">
        <v>46218022</v>
      </c>
      <c r="CT16" s="104">
        <v>37310078</v>
      </c>
      <c r="CU16" s="104">
        <v>15458154</v>
      </c>
      <c r="CV16" s="103">
        <v>251135176</v>
      </c>
      <c r="CW16" s="106">
        <v>251135176</v>
      </c>
      <c r="CX16" s="100">
        <v>1324343</v>
      </c>
      <c r="CY16" s="104">
        <v>4163574</v>
      </c>
      <c r="CZ16" s="103">
        <v>5487917</v>
      </c>
      <c r="DA16" s="100">
        <v>0</v>
      </c>
      <c r="DB16" s="104">
        <v>13676194</v>
      </c>
      <c r="DC16" s="104">
        <v>13663628</v>
      </c>
      <c r="DD16" s="104">
        <v>7378963</v>
      </c>
      <c r="DE16" s="104">
        <v>6072377</v>
      </c>
      <c r="DF16" s="104">
        <v>2217382</v>
      </c>
      <c r="DG16" s="103">
        <v>43008544</v>
      </c>
      <c r="DH16" s="106">
        <v>48496461</v>
      </c>
      <c r="DI16" s="100">
        <v>383054</v>
      </c>
      <c r="DJ16" s="104">
        <v>788632</v>
      </c>
      <c r="DK16" s="102">
        <v>1171686</v>
      </c>
      <c r="DL16" s="101">
        <v>0</v>
      </c>
      <c r="DM16" s="104">
        <v>10141001</v>
      </c>
      <c r="DN16" s="104">
        <v>14430096</v>
      </c>
      <c r="DO16" s="104">
        <v>21398480</v>
      </c>
      <c r="DP16" s="104">
        <v>21618320</v>
      </c>
      <c r="DQ16" s="104">
        <v>12328346</v>
      </c>
      <c r="DR16" s="103">
        <v>79916243</v>
      </c>
      <c r="DS16" s="106">
        <v>81087929</v>
      </c>
      <c r="DT16" s="100">
        <v>307635</v>
      </c>
      <c r="DU16" s="104">
        <v>686108</v>
      </c>
      <c r="DV16" s="103">
        <v>993743</v>
      </c>
      <c r="DW16" s="100">
        <v>0</v>
      </c>
      <c r="DX16" s="104">
        <v>9679748</v>
      </c>
      <c r="DY16" s="104">
        <v>12883793</v>
      </c>
      <c r="DZ16" s="104">
        <v>19335342</v>
      </c>
      <c r="EA16" s="104">
        <v>20287474</v>
      </c>
      <c r="EB16" s="104">
        <v>11106177</v>
      </c>
      <c r="EC16" s="103">
        <v>73292534</v>
      </c>
      <c r="ED16" s="106">
        <v>74286277</v>
      </c>
      <c r="EE16" s="100">
        <v>75419</v>
      </c>
      <c r="EF16" s="102">
        <v>102524</v>
      </c>
      <c r="EG16" s="103">
        <v>177943</v>
      </c>
      <c r="EH16" s="100">
        <v>0</v>
      </c>
      <c r="EI16" s="104">
        <v>461253</v>
      </c>
      <c r="EJ16" s="104">
        <v>1546303</v>
      </c>
      <c r="EK16" s="104">
        <v>2063138</v>
      </c>
      <c r="EL16" s="104">
        <v>1330846</v>
      </c>
      <c r="EM16" s="104">
        <v>1222169</v>
      </c>
      <c r="EN16" s="102">
        <v>6623709</v>
      </c>
      <c r="EO16" s="106">
        <v>680165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6931763</v>
      </c>
      <c r="FM16" s="104">
        <v>10001574</v>
      </c>
      <c r="FN16" s="103">
        <v>16933337</v>
      </c>
      <c r="FO16" s="100">
        <v>0</v>
      </c>
      <c r="FP16" s="104">
        <v>20428337</v>
      </c>
      <c r="FQ16" s="104">
        <v>25995982</v>
      </c>
      <c r="FR16" s="104">
        <v>19138443</v>
      </c>
      <c r="FS16" s="104">
        <v>18361295</v>
      </c>
      <c r="FT16" s="104">
        <v>15391730</v>
      </c>
      <c r="FU16" s="103">
        <v>99315787</v>
      </c>
      <c r="FV16" s="106">
        <v>116249124</v>
      </c>
      <c r="FW16" s="105">
        <v>4633322</v>
      </c>
      <c r="FX16" s="104">
        <v>8190173</v>
      </c>
      <c r="FY16" s="102">
        <v>12823495</v>
      </c>
      <c r="FZ16" s="101">
        <v>0</v>
      </c>
      <c r="GA16" s="104">
        <v>16328311</v>
      </c>
      <c r="GB16" s="104">
        <v>24372188</v>
      </c>
      <c r="GC16" s="104">
        <v>18026945</v>
      </c>
      <c r="GD16" s="104">
        <v>17436326</v>
      </c>
      <c r="GE16" s="104">
        <v>15073493</v>
      </c>
      <c r="GF16" s="103">
        <v>91237263</v>
      </c>
      <c r="GG16" s="296">
        <v>104060758</v>
      </c>
      <c r="GH16" s="105">
        <v>294528</v>
      </c>
      <c r="GI16" s="104">
        <v>342130</v>
      </c>
      <c r="GJ16" s="102">
        <v>636658</v>
      </c>
      <c r="GK16" s="101">
        <v>0</v>
      </c>
      <c r="GL16" s="104">
        <v>1090136</v>
      </c>
      <c r="GM16" s="104">
        <v>600543</v>
      </c>
      <c r="GN16" s="104">
        <v>600298</v>
      </c>
      <c r="GO16" s="104">
        <v>487429</v>
      </c>
      <c r="GP16" s="104">
        <v>64260</v>
      </c>
      <c r="GQ16" s="103">
        <v>2842666</v>
      </c>
      <c r="GR16" s="106">
        <v>3479324</v>
      </c>
      <c r="GS16" s="100">
        <v>2003913</v>
      </c>
      <c r="GT16" s="104">
        <v>1469271</v>
      </c>
      <c r="GU16" s="103">
        <v>3473184</v>
      </c>
      <c r="GV16" s="100">
        <v>0</v>
      </c>
      <c r="GW16" s="104">
        <v>3009890</v>
      </c>
      <c r="GX16" s="104">
        <v>1023251</v>
      </c>
      <c r="GY16" s="104">
        <v>511200</v>
      </c>
      <c r="GZ16" s="104">
        <v>437540</v>
      </c>
      <c r="HA16" s="104">
        <v>253977</v>
      </c>
      <c r="HB16" s="102">
        <v>5235858</v>
      </c>
      <c r="HC16" s="106">
        <v>8709042</v>
      </c>
      <c r="HD16" s="100">
        <v>3908128</v>
      </c>
      <c r="HE16" s="104">
        <v>6401372</v>
      </c>
      <c r="HF16" s="102">
        <v>10309500</v>
      </c>
      <c r="HG16" s="101">
        <v>0</v>
      </c>
      <c r="HH16" s="104">
        <v>49973891</v>
      </c>
      <c r="HI16" s="104">
        <v>41008836</v>
      </c>
      <c r="HJ16" s="104">
        <v>44264428</v>
      </c>
      <c r="HK16" s="104">
        <v>53628740</v>
      </c>
      <c r="HL16" s="104">
        <v>34807798</v>
      </c>
      <c r="HM16" s="103">
        <v>223683693</v>
      </c>
      <c r="HN16" s="99">
        <v>233993193</v>
      </c>
      <c r="HO16" s="105">
        <v>5613997</v>
      </c>
      <c r="HP16" s="104">
        <v>7203562</v>
      </c>
      <c r="HQ16" s="103">
        <v>12817559</v>
      </c>
      <c r="HR16" s="100">
        <v>0</v>
      </c>
      <c r="HS16" s="104">
        <v>53152063</v>
      </c>
      <c r="HT16" s="104">
        <v>30543834</v>
      </c>
      <c r="HU16" s="104">
        <v>21170928</v>
      </c>
      <c r="HV16" s="104">
        <v>16466059</v>
      </c>
      <c r="HW16" s="104">
        <v>10819784</v>
      </c>
      <c r="HX16" s="102">
        <v>132152668</v>
      </c>
      <c r="HY16" s="106">
        <v>144970227</v>
      </c>
      <c r="HZ16" s="137">
        <v>477281</v>
      </c>
      <c r="IA16" s="122">
        <v>2266061</v>
      </c>
      <c r="IB16" s="137">
        <v>2743342</v>
      </c>
      <c r="IC16" s="121">
        <v>0</v>
      </c>
      <c r="ID16" s="122">
        <v>72621151</v>
      </c>
      <c r="IE16" s="123">
        <v>79740099</v>
      </c>
      <c r="IF16" s="124">
        <v>84420875</v>
      </c>
      <c r="IG16" s="122">
        <v>80715314</v>
      </c>
      <c r="IH16" s="124">
        <v>71520682</v>
      </c>
      <c r="II16" s="125">
        <v>389018121</v>
      </c>
      <c r="IJ16" s="137">
        <v>391761463</v>
      </c>
      <c r="IK16" s="219">
        <v>0</v>
      </c>
      <c r="IL16" s="223">
        <v>0</v>
      </c>
      <c r="IM16" s="224">
        <v>0</v>
      </c>
      <c r="IN16" s="127"/>
      <c r="IO16" s="109">
        <v>1287795</v>
      </c>
      <c r="IP16" s="109">
        <v>2644500</v>
      </c>
      <c r="IQ16" s="109">
        <v>2307374</v>
      </c>
      <c r="IR16" s="109">
        <v>4419217</v>
      </c>
      <c r="IS16" s="109">
        <v>3196444</v>
      </c>
      <c r="IT16" s="128">
        <v>13855330</v>
      </c>
      <c r="IU16" s="298">
        <v>13855330</v>
      </c>
      <c r="IV16" s="129">
        <v>0</v>
      </c>
      <c r="IW16" s="109">
        <v>0</v>
      </c>
      <c r="IX16" s="110">
        <v>0</v>
      </c>
      <c r="IY16" s="131"/>
      <c r="IZ16" s="109">
        <v>162189</v>
      </c>
      <c r="JA16" s="109">
        <v>76656</v>
      </c>
      <c r="JB16" s="109">
        <v>149096</v>
      </c>
      <c r="JC16" s="109">
        <v>293198</v>
      </c>
      <c r="JD16" s="109">
        <v>208578</v>
      </c>
      <c r="JE16" s="110">
        <v>889717</v>
      </c>
      <c r="JF16" s="111">
        <v>889717</v>
      </c>
      <c r="JG16" s="129">
        <v>0</v>
      </c>
      <c r="JH16" s="109">
        <v>0</v>
      </c>
      <c r="JI16" s="128">
        <v>0</v>
      </c>
      <c r="JJ16" s="108">
        <v>0</v>
      </c>
      <c r="JK16" s="109">
        <v>24969686</v>
      </c>
      <c r="JL16" s="109">
        <v>17739830</v>
      </c>
      <c r="JM16" s="109">
        <v>11549698</v>
      </c>
      <c r="JN16" s="109">
        <v>6874015</v>
      </c>
      <c r="JO16" s="109">
        <v>2624297</v>
      </c>
      <c r="JP16" s="110">
        <v>63757526</v>
      </c>
      <c r="JQ16" s="298">
        <v>63757526</v>
      </c>
      <c r="JR16" s="129">
        <v>0</v>
      </c>
      <c r="JS16" s="109">
        <v>46251</v>
      </c>
      <c r="JT16" s="128">
        <v>46251</v>
      </c>
      <c r="JU16" s="108">
        <v>0</v>
      </c>
      <c r="JV16" s="109">
        <v>537054</v>
      </c>
      <c r="JW16" s="109">
        <v>1606927</v>
      </c>
      <c r="JX16" s="109">
        <v>3446615</v>
      </c>
      <c r="JY16" s="109">
        <v>1586866</v>
      </c>
      <c r="JZ16" s="109">
        <v>1850677</v>
      </c>
      <c r="KA16" s="110">
        <v>9028139</v>
      </c>
      <c r="KB16" s="298">
        <v>9074390</v>
      </c>
      <c r="KC16" s="221">
        <v>477281</v>
      </c>
      <c r="KD16" s="217">
        <v>1511937</v>
      </c>
      <c r="KE16" s="110">
        <v>1989218</v>
      </c>
      <c r="KF16" s="108">
        <v>0</v>
      </c>
      <c r="KG16" s="109">
        <v>12287643</v>
      </c>
      <c r="KH16" s="109">
        <v>14120728</v>
      </c>
      <c r="KI16" s="109">
        <v>17119224</v>
      </c>
      <c r="KJ16" s="109">
        <v>14380668</v>
      </c>
      <c r="KK16" s="109">
        <v>13214249</v>
      </c>
      <c r="KL16" s="110">
        <v>71122512</v>
      </c>
      <c r="KM16" s="130">
        <v>73111730</v>
      </c>
      <c r="KN16" s="219">
        <v>0</v>
      </c>
      <c r="KO16" s="223">
        <v>707873</v>
      </c>
      <c r="KP16" s="224">
        <v>707873</v>
      </c>
      <c r="KQ16" s="127"/>
      <c r="KR16" s="109">
        <v>24135674</v>
      </c>
      <c r="KS16" s="109">
        <v>31548457</v>
      </c>
      <c r="KT16" s="109">
        <v>33211008</v>
      </c>
      <c r="KU16" s="109">
        <v>25304816</v>
      </c>
      <c r="KV16" s="109">
        <v>26453660</v>
      </c>
      <c r="KW16" s="110">
        <v>140653615</v>
      </c>
      <c r="KX16" s="298">
        <v>141361488</v>
      </c>
      <c r="KY16" s="129">
        <v>0</v>
      </c>
      <c r="KZ16" s="109">
        <v>0</v>
      </c>
      <c r="LA16" s="110">
        <v>0</v>
      </c>
      <c r="LB16" s="132"/>
      <c r="LC16" s="109">
        <v>5453125</v>
      </c>
      <c r="LD16" s="109">
        <v>4164572</v>
      </c>
      <c r="LE16" s="109">
        <v>7744026</v>
      </c>
      <c r="LF16" s="109">
        <v>6154866</v>
      </c>
      <c r="LG16" s="109">
        <v>8174354</v>
      </c>
      <c r="LH16" s="110">
        <v>31690943</v>
      </c>
      <c r="LI16" s="111">
        <v>31690943</v>
      </c>
      <c r="LJ16" s="129">
        <v>0</v>
      </c>
      <c r="LK16" s="109">
        <v>0</v>
      </c>
      <c r="LL16" s="110">
        <v>0</v>
      </c>
      <c r="LM16" s="132"/>
      <c r="LN16" s="109">
        <v>0</v>
      </c>
      <c r="LO16" s="109">
        <v>212983</v>
      </c>
      <c r="LP16" s="109">
        <v>760101</v>
      </c>
      <c r="LQ16" s="109">
        <v>6305085</v>
      </c>
      <c r="LR16" s="109">
        <v>5671388</v>
      </c>
      <c r="LS16" s="110">
        <v>12949557</v>
      </c>
      <c r="LT16" s="298">
        <v>12949557</v>
      </c>
      <c r="LU16" s="129">
        <v>0</v>
      </c>
      <c r="LV16" s="109">
        <v>0</v>
      </c>
      <c r="LW16" s="110">
        <v>0</v>
      </c>
      <c r="LX16" s="132"/>
      <c r="LY16" s="109">
        <v>3787985</v>
      </c>
      <c r="LZ16" s="109">
        <v>7625446</v>
      </c>
      <c r="MA16" s="109">
        <v>8133733</v>
      </c>
      <c r="MB16" s="109">
        <v>15396583</v>
      </c>
      <c r="MC16" s="109">
        <v>10127035</v>
      </c>
      <c r="MD16" s="110">
        <v>45070782</v>
      </c>
      <c r="ME16" s="111">
        <v>45070782</v>
      </c>
      <c r="MF16" s="129">
        <v>0</v>
      </c>
      <c r="MG16" s="109">
        <v>0</v>
      </c>
      <c r="MH16" s="110">
        <v>0</v>
      </c>
      <c r="MI16" s="132"/>
      <c r="MJ16" s="109">
        <v>30376314</v>
      </c>
      <c r="MK16" s="109">
        <v>45567407</v>
      </c>
      <c r="ML16" s="109">
        <v>135766553</v>
      </c>
      <c r="MM16" s="109">
        <v>212156077</v>
      </c>
      <c r="MN16" s="109">
        <v>191166537</v>
      </c>
      <c r="MO16" s="110">
        <v>615032888</v>
      </c>
      <c r="MP16" s="130">
        <v>615032888</v>
      </c>
      <c r="MQ16" s="129">
        <v>0</v>
      </c>
      <c r="MR16" s="109">
        <v>0</v>
      </c>
      <c r="MS16" s="110">
        <v>0</v>
      </c>
      <c r="MT16" s="132"/>
      <c r="MU16" s="109">
        <v>3606151</v>
      </c>
      <c r="MV16" s="109">
        <v>9709361</v>
      </c>
      <c r="MW16" s="109">
        <v>87114971</v>
      </c>
      <c r="MX16" s="109">
        <v>155041856</v>
      </c>
      <c r="MY16" s="109">
        <v>146003606</v>
      </c>
      <c r="MZ16" s="110">
        <v>401475945</v>
      </c>
      <c r="NA16" s="130">
        <v>401475945</v>
      </c>
      <c r="NB16" s="129">
        <v>0</v>
      </c>
      <c r="NC16" s="109">
        <v>0</v>
      </c>
      <c r="ND16" s="110">
        <v>0</v>
      </c>
      <c r="NE16" s="132"/>
      <c r="NF16" s="109">
        <v>26770163</v>
      </c>
      <c r="NG16" s="109">
        <v>35858046</v>
      </c>
      <c r="NH16" s="109">
        <v>48350435</v>
      </c>
      <c r="NI16" s="109">
        <v>55527107</v>
      </c>
      <c r="NJ16" s="109">
        <v>40775810</v>
      </c>
      <c r="NK16" s="110">
        <v>207281561</v>
      </c>
      <c r="NL16" s="298">
        <v>207281561</v>
      </c>
      <c r="NM16" s="129">
        <v>0</v>
      </c>
      <c r="NN16" s="109">
        <v>0</v>
      </c>
      <c r="NO16" s="110">
        <v>0</v>
      </c>
      <c r="NP16" s="132"/>
      <c r="NQ16" s="109">
        <v>0</v>
      </c>
      <c r="NR16" s="109">
        <v>0</v>
      </c>
      <c r="NS16" s="109">
        <v>0</v>
      </c>
      <c r="NT16" s="109">
        <v>0</v>
      </c>
      <c r="NU16" s="109">
        <v>658090</v>
      </c>
      <c r="NV16" s="110">
        <v>658090</v>
      </c>
      <c r="NW16" s="111">
        <v>658090</v>
      </c>
      <c r="NX16" s="129">
        <v>0</v>
      </c>
      <c r="NY16" s="109">
        <v>0</v>
      </c>
      <c r="NZ16" s="110">
        <v>0</v>
      </c>
      <c r="OA16" s="132"/>
      <c r="OB16" s="109">
        <v>0</v>
      </c>
      <c r="OC16" s="109">
        <v>0</v>
      </c>
      <c r="OD16" s="109">
        <v>301147</v>
      </c>
      <c r="OE16" s="109">
        <v>1587114</v>
      </c>
      <c r="OF16" s="109">
        <v>3729031</v>
      </c>
      <c r="OG16" s="110">
        <v>5617292</v>
      </c>
      <c r="OH16" s="111">
        <v>5617292</v>
      </c>
      <c r="OI16" s="129">
        <v>24901783</v>
      </c>
      <c r="OJ16" s="109">
        <v>43866796</v>
      </c>
      <c r="OK16" s="128">
        <v>68768579</v>
      </c>
      <c r="OL16" s="108">
        <v>0</v>
      </c>
      <c r="OM16" s="109">
        <v>444833016</v>
      </c>
      <c r="ON16" s="109">
        <v>414201280</v>
      </c>
      <c r="OO16" s="109">
        <v>476925103</v>
      </c>
      <c r="OP16" s="109">
        <v>558867937</v>
      </c>
      <c r="OQ16" s="109">
        <v>466212272</v>
      </c>
      <c r="OR16" s="110">
        <v>2361039608</v>
      </c>
      <c r="OS16" s="130">
        <v>2429808187</v>
      </c>
    </row>
    <row r="17" spans="2:409" ht="21" customHeight="1" x14ac:dyDescent="0.2">
      <c r="B17" s="472" t="s">
        <v>11</v>
      </c>
      <c r="C17" s="100">
        <v>9585819</v>
      </c>
      <c r="D17" s="104">
        <v>13932522</v>
      </c>
      <c r="E17" s="158">
        <v>23518341</v>
      </c>
      <c r="F17" s="101">
        <v>0</v>
      </c>
      <c r="G17" s="104">
        <v>161302656</v>
      </c>
      <c r="H17" s="104">
        <v>144824138</v>
      </c>
      <c r="I17" s="104">
        <v>137919626</v>
      </c>
      <c r="J17" s="104">
        <v>144531055</v>
      </c>
      <c r="K17" s="104">
        <v>91823540</v>
      </c>
      <c r="L17" s="99">
        <v>680401015</v>
      </c>
      <c r="M17" s="106">
        <v>703919356</v>
      </c>
      <c r="N17" s="100">
        <v>1514280</v>
      </c>
      <c r="O17" s="104">
        <v>2027465</v>
      </c>
      <c r="P17" s="103">
        <v>3541745</v>
      </c>
      <c r="Q17" s="100">
        <v>0</v>
      </c>
      <c r="R17" s="104">
        <v>37044332</v>
      </c>
      <c r="S17" s="104">
        <v>41234956</v>
      </c>
      <c r="T17" s="104">
        <v>42217902</v>
      </c>
      <c r="U17" s="104">
        <v>48875799</v>
      </c>
      <c r="V17" s="104">
        <v>46572980</v>
      </c>
      <c r="W17" s="103">
        <v>215945969</v>
      </c>
      <c r="X17" s="106">
        <v>219487714</v>
      </c>
      <c r="Y17" s="100">
        <v>0</v>
      </c>
      <c r="Z17" s="104">
        <v>0</v>
      </c>
      <c r="AA17" s="103">
        <v>0</v>
      </c>
      <c r="AB17" s="100">
        <v>0</v>
      </c>
      <c r="AC17" s="104">
        <v>18048462</v>
      </c>
      <c r="AD17" s="104">
        <v>23340920</v>
      </c>
      <c r="AE17" s="104">
        <v>25495070</v>
      </c>
      <c r="AF17" s="104">
        <v>30098833</v>
      </c>
      <c r="AG17" s="104">
        <v>30851232</v>
      </c>
      <c r="AH17" s="103">
        <v>127834517</v>
      </c>
      <c r="AI17" s="106">
        <v>127834517</v>
      </c>
      <c r="AJ17" s="100">
        <v>0</v>
      </c>
      <c r="AK17" s="104">
        <v>0</v>
      </c>
      <c r="AL17" s="103">
        <v>0</v>
      </c>
      <c r="AM17" s="100">
        <v>0</v>
      </c>
      <c r="AN17" s="104">
        <v>191832</v>
      </c>
      <c r="AO17" s="104">
        <v>536097</v>
      </c>
      <c r="AP17" s="104">
        <v>1482604</v>
      </c>
      <c r="AQ17" s="104">
        <v>3042545</v>
      </c>
      <c r="AR17" s="104">
        <v>4549162</v>
      </c>
      <c r="AS17" s="103">
        <v>9802240</v>
      </c>
      <c r="AT17" s="106">
        <v>9802240</v>
      </c>
      <c r="AU17" s="100">
        <v>849048</v>
      </c>
      <c r="AV17" s="104">
        <v>1289918</v>
      </c>
      <c r="AW17" s="103">
        <v>2138966</v>
      </c>
      <c r="AX17" s="100">
        <v>0</v>
      </c>
      <c r="AY17" s="104">
        <v>12640683</v>
      </c>
      <c r="AZ17" s="104">
        <v>10350394</v>
      </c>
      <c r="BA17" s="104">
        <v>8631104</v>
      </c>
      <c r="BB17" s="104">
        <v>8973964</v>
      </c>
      <c r="BC17" s="104">
        <v>7545764</v>
      </c>
      <c r="BD17" s="103">
        <v>48141909</v>
      </c>
      <c r="BE17" s="106">
        <v>50280875</v>
      </c>
      <c r="BF17" s="100">
        <v>150592</v>
      </c>
      <c r="BG17" s="104">
        <v>216729</v>
      </c>
      <c r="BH17" s="102">
        <v>367321</v>
      </c>
      <c r="BI17" s="101">
        <v>0</v>
      </c>
      <c r="BJ17" s="104">
        <v>914465</v>
      </c>
      <c r="BK17" s="104">
        <v>893413</v>
      </c>
      <c r="BL17" s="104">
        <v>1075339</v>
      </c>
      <c r="BM17" s="104">
        <v>1016084</v>
      </c>
      <c r="BN17" s="104">
        <v>166250</v>
      </c>
      <c r="BO17" s="103">
        <v>4065551</v>
      </c>
      <c r="BP17" s="106">
        <v>4432872</v>
      </c>
      <c r="BQ17" s="100">
        <v>514640</v>
      </c>
      <c r="BR17" s="104">
        <v>520818</v>
      </c>
      <c r="BS17" s="103">
        <v>1035458</v>
      </c>
      <c r="BT17" s="100">
        <v>0</v>
      </c>
      <c r="BU17" s="104">
        <v>5248890</v>
      </c>
      <c r="BV17" s="104">
        <v>6114132</v>
      </c>
      <c r="BW17" s="104">
        <v>5533785</v>
      </c>
      <c r="BX17" s="104">
        <v>5744373</v>
      </c>
      <c r="BY17" s="104">
        <v>3460572</v>
      </c>
      <c r="BZ17" s="103">
        <v>26101752</v>
      </c>
      <c r="CA17" s="106">
        <v>27137210</v>
      </c>
      <c r="CB17" s="100">
        <v>1635101</v>
      </c>
      <c r="CC17" s="104">
        <v>2514589</v>
      </c>
      <c r="CD17" s="103">
        <v>4149690</v>
      </c>
      <c r="CE17" s="100">
        <v>0</v>
      </c>
      <c r="CF17" s="104">
        <v>51400399</v>
      </c>
      <c r="CG17" s="104">
        <v>40670551</v>
      </c>
      <c r="CH17" s="104">
        <v>34216331</v>
      </c>
      <c r="CI17" s="104">
        <v>28552887</v>
      </c>
      <c r="CJ17" s="104">
        <v>11518455</v>
      </c>
      <c r="CK17" s="103">
        <v>166358623</v>
      </c>
      <c r="CL17" s="106">
        <v>170508313</v>
      </c>
      <c r="CM17" s="100">
        <v>0</v>
      </c>
      <c r="CN17" s="104">
        <v>0</v>
      </c>
      <c r="CO17" s="103">
        <v>0</v>
      </c>
      <c r="CP17" s="101">
        <v>0</v>
      </c>
      <c r="CQ17" s="104">
        <v>41777677</v>
      </c>
      <c r="CR17" s="104">
        <v>31960861</v>
      </c>
      <c r="CS17" s="104">
        <v>27054159</v>
      </c>
      <c r="CT17" s="104">
        <v>23165210</v>
      </c>
      <c r="CU17" s="104">
        <v>10046658</v>
      </c>
      <c r="CV17" s="103">
        <v>134004565</v>
      </c>
      <c r="CW17" s="106">
        <v>134004565</v>
      </c>
      <c r="CX17" s="100">
        <v>1635101</v>
      </c>
      <c r="CY17" s="104">
        <v>2514589</v>
      </c>
      <c r="CZ17" s="103">
        <v>4149690</v>
      </c>
      <c r="DA17" s="100">
        <v>0</v>
      </c>
      <c r="DB17" s="104">
        <v>9622722</v>
      </c>
      <c r="DC17" s="104">
        <v>8709690</v>
      </c>
      <c r="DD17" s="104">
        <v>7162172</v>
      </c>
      <c r="DE17" s="104">
        <v>5387677</v>
      </c>
      <c r="DF17" s="104">
        <v>1471797</v>
      </c>
      <c r="DG17" s="103">
        <v>32354058</v>
      </c>
      <c r="DH17" s="106">
        <v>36503748</v>
      </c>
      <c r="DI17" s="100">
        <v>199569</v>
      </c>
      <c r="DJ17" s="104">
        <v>547624</v>
      </c>
      <c r="DK17" s="102">
        <v>747193</v>
      </c>
      <c r="DL17" s="101">
        <v>0</v>
      </c>
      <c r="DM17" s="104">
        <v>5414714</v>
      </c>
      <c r="DN17" s="104">
        <v>8543048</v>
      </c>
      <c r="DO17" s="104">
        <v>11596751</v>
      </c>
      <c r="DP17" s="104">
        <v>10850733</v>
      </c>
      <c r="DQ17" s="104">
        <v>5359351</v>
      </c>
      <c r="DR17" s="103">
        <v>41764597</v>
      </c>
      <c r="DS17" s="106">
        <v>42511790</v>
      </c>
      <c r="DT17" s="100">
        <v>199569</v>
      </c>
      <c r="DU17" s="104">
        <v>547624</v>
      </c>
      <c r="DV17" s="103">
        <v>747193</v>
      </c>
      <c r="DW17" s="100">
        <v>0</v>
      </c>
      <c r="DX17" s="104">
        <v>5296341</v>
      </c>
      <c r="DY17" s="104">
        <v>7654640</v>
      </c>
      <c r="DZ17" s="104">
        <v>10818933</v>
      </c>
      <c r="EA17" s="104">
        <v>10061125</v>
      </c>
      <c r="EB17" s="104">
        <v>4239016</v>
      </c>
      <c r="EC17" s="103">
        <v>38070055</v>
      </c>
      <c r="ED17" s="106">
        <v>38817248</v>
      </c>
      <c r="EE17" s="100">
        <v>0</v>
      </c>
      <c r="EF17" s="102">
        <v>0</v>
      </c>
      <c r="EG17" s="103">
        <v>0</v>
      </c>
      <c r="EH17" s="100">
        <v>0</v>
      </c>
      <c r="EI17" s="104">
        <v>118373</v>
      </c>
      <c r="EJ17" s="104">
        <v>888408</v>
      </c>
      <c r="EK17" s="104">
        <v>777818</v>
      </c>
      <c r="EL17" s="104">
        <v>789608</v>
      </c>
      <c r="EM17" s="104">
        <v>1120335</v>
      </c>
      <c r="EN17" s="102">
        <v>3694542</v>
      </c>
      <c r="EO17" s="106">
        <v>3694542</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2075003</v>
      </c>
      <c r="FM17" s="104">
        <v>3618905</v>
      </c>
      <c r="FN17" s="103">
        <v>5693908</v>
      </c>
      <c r="FO17" s="100">
        <v>0</v>
      </c>
      <c r="FP17" s="104">
        <v>8862755</v>
      </c>
      <c r="FQ17" s="104">
        <v>12304650</v>
      </c>
      <c r="FR17" s="104">
        <v>10406924</v>
      </c>
      <c r="FS17" s="104">
        <v>10709004</v>
      </c>
      <c r="FT17" s="104">
        <v>6163999</v>
      </c>
      <c r="FU17" s="103">
        <v>48447332</v>
      </c>
      <c r="FV17" s="106">
        <v>54141240</v>
      </c>
      <c r="FW17" s="105">
        <v>1603369</v>
      </c>
      <c r="FX17" s="104">
        <v>2566652</v>
      </c>
      <c r="FY17" s="102">
        <v>4170021</v>
      </c>
      <c r="FZ17" s="101">
        <v>0</v>
      </c>
      <c r="GA17" s="104">
        <v>6610504</v>
      </c>
      <c r="GB17" s="104">
        <v>11201540</v>
      </c>
      <c r="GC17" s="104">
        <v>9698614</v>
      </c>
      <c r="GD17" s="104">
        <v>10043324</v>
      </c>
      <c r="GE17" s="104">
        <v>5816766</v>
      </c>
      <c r="GF17" s="103">
        <v>43370748</v>
      </c>
      <c r="GG17" s="296">
        <v>47540769</v>
      </c>
      <c r="GH17" s="105">
        <v>239300</v>
      </c>
      <c r="GI17" s="104">
        <v>161883</v>
      </c>
      <c r="GJ17" s="102">
        <v>401183</v>
      </c>
      <c r="GK17" s="101">
        <v>0</v>
      </c>
      <c r="GL17" s="104">
        <v>347140</v>
      </c>
      <c r="GM17" s="104">
        <v>288265</v>
      </c>
      <c r="GN17" s="104">
        <v>249850</v>
      </c>
      <c r="GO17" s="104">
        <v>323442</v>
      </c>
      <c r="GP17" s="104">
        <v>170626</v>
      </c>
      <c r="GQ17" s="103">
        <v>1379323</v>
      </c>
      <c r="GR17" s="106">
        <v>1780506</v>
      </c>
      <c r="GS17" s="100">
        <v>232334</v>
      </c>
      <c r="GT17" s="104">
        <v>890370</v>
      </c>
      <c r="GU17" s="103">
        <v>1122704</v>
      </c>
      <c r="GV17" s="100">
        <v>0</v>
      </c>
      <c r="GW17" s="104">
        <v>1905111</v>
      </c>
      <c r="GX17" s="104">
        <v>814845</v>
      </c>
      <c r="GY17" s="104">
        <v>458460</v>
      </c>
      <c r="GZ17" s="104">
        <v>342238</v>
      </c>
      <c r="HA17" s="104">
        <v>176607</v>
      </c>
      <c r="HB17" s="102">
        <v>3697261</v>
      </c>
      <c r="HC17" s="106">
        <v>4819965</v>
      </c>
      <c r="HD17" s="100">
        <v>2037665</v>
      </c>
      <c r="HE17" s="104">
        <v>2914001</v>
      </c>
      <c r="HF17" s="102">
        <v>4951666</v>
      </c>
      <c r="HG17" s="101">
        <v>0</v>
      </c>
      <c r="HH17" s="104">
        <v>30778608</v>
      </c>
      <c r="HI17" s="104">
        <v>24543207</v>
      </c>
      <c r="HJ17" s="104">
        <v>25709807</v>
      </c>
      <c r="HK17" s="104">
        <v>34795795</v>
      </c>
      <c r="HL17" s="104">
        <v>16708019</v>
      </c>
      <c r="HM17" s="103">
        <v>132535436</v>
      </c>
      <c r="HN17" s="99">
        <v>137487102</v>
      </c>
      <c r="HO17" s="105">
        <v>2124201</v>
      </c>
      <c r="HP17" s="104">
        <v>2309938</v>
      </c>
      <c r="HQ17" s="103">
        <v>4434139</v>
      </c>
      <c r="HR17" s="100">
        <v>0</v>
      </c>
      <c r="HS17" s="104">
        <v>27801848</v>
      </c>
      <c r="HT17" s="104">
        <v>17527726</v>
      </c>
      <c r="HU17" s="104">
        <v>13771911</v>
      </c>
      <c r="HV17" s="104">
        <v>10746837</v>
      </c>
      <c r="HW17" s="104">
        <v>5500736</v>
      </c>
      <c r="HX17" s="102">
        <v>75349058</v>
      </c>
      <c r="HY17" s="106">
        <v>79783197</v>
      </c>
      <c r="HZ17" s="118">
        <v>82127</v>
      </c>
      <c r="IA17" s="119">
        <v>1186918</v>
      </c>
      <c r="IB17" s="120">
        <v>1269045</v>
      </c>
      <c r="IC17" s="133">
        <v>0</v>
      </c>
      <c r="ID17" s="119">
        <v>48722638</v>
      </c>
      <c r="IE17" s="134">
        <v>51547796</v>
      </c>
      <c r="IF17" s="120">
        <v>54379710</v>
      </c>
      <c r="IG17" s="119">
        <v>32470624</v>
      </c>
      <c r="IH17" s="120">
        <v>14436489</v>
      </c>
      <c r="II17" s="135">
        <v>201557257</v>
      </c>
      <c r="IJ17" s="126">
        <v>202826302</v>
      </c>
      <c r="IK17" s="219">
        <v>0</v>
      </c>
      <c r="IL17" s="223">
        <v>0</v>
      </c>
      <c r="IM17" s="224">
        <v>0</v>
      </c>
      <c r="IN17" s="127"/>
      <c r="IO17" s="109">
        <v>940992</v>
      </c>
      <c r="IP17" s="109">
        <v>1032165</v>
      </c>
      <c r="IQ17" s="109">
        <v>1100339</v>
      </c>
      <c r="IR17" s="109">
        <v>1857410</v>
      </c>
      <c r="IS17" s="109">
        <v>1679945</v>
      </c>
      <c r="IT17" s="128">
        <v>6610851</v>
      </c>
      <c r="IU17" s="298">
        <v>6610851</v>
      </c>
      <c r="IV17" s="129">
        <v>0</v>
      </c>
      <c r="IW17" s="109">
        <v>0</v>
      </c>
      <c r="IX17" s="110">
        <v>0</v>
      </c>
      <c r="IY17" s="131"/>
      <c r="IZ17" s="109">
        <v>383860</v>
      </c>
      <c r="JA17" s="109">
        <v>295085</v>
      </c>
      <c r="JB17" s="109">
        <v>252359</v>
      </c>
      <c r="JC17" s="109">
        <v>410505</v>
      </c>
      <c r="JD17" s="109">
        <v>90295</v>
      </c>
      <c r="JE17" s="110">
        <v>1432104</v>
      </c>
      <c r="JF17" s="111">
        <v>1432104</v>
      </c>
      <c r="JG17" s="129">
        <v>0</v>
      </c>
      <c r="JH17" s="109">
        <v>0</v>
      </c>
      <c r="JI17" s="128">
        <v>0</v>
      </c>
      <c r="JJ17" s="108">
        <v>0</v>
      </c>
      <c r="JK17" s="109">
        <v>28194305</v>
      </c>
      <c r="JL17" s="109">
        <v>21818219</v>
      </c>
      <c r="JM17" s="109">
        <v>16963356</v>
      </c>
      <c r="JN17" s="109">
        <v>8216620</v>
      </c>
      <c r="JO17" s="109">
        <v>4633170</v>
      </c>
      <c r="JP17" s="110">
        <v>79825670</v>
      </c>
      <c r="JQ17" s="298">
        <v>79825670</v>
      </c>
      <c r="JR17" s="129">
        <v>29497</v>
      </c>
      <c r="JS17" s="109">
        <v>0</v>
      </c>
      <c r="JT17" s="128">
        <v>29497</v>
      </c>
      <c r="JU17" s="108">
        <v>0</v>
      </c>
      <c r="JV17" s="109">
        <v>1328965</v>
      </c>
      <c r="JW17" s="109">
        <v>1016399</v>
      </c>
      <c r="JX17" s="109">
        <v>1909871</v>
      </c>
      <c r="JY17" s="109">
        <v>0</v>
      </c>
      <c r="JZ17" s="109">
        <v>113132</v>
      </c>
      <c r="KA17" s="110">
        <v>4368367</v>
      </c>
      <c r="KB17" s="298">
        <v>4397864</v>
      </c>
      <c r="KC17" s="221">
        <v>52630</v>
      </c>
      <c r="KD17" s="217">
        <v>424058</v>
      </c>
      <c r="KE17" s="110">
        <v>476688</v>
      </c>
      <c r="KF17" s="108">
        <v>0</v>
      </c>
      <c r="KG17" s="109">
        <v>4394468</v>
      </c>
      <c r="KH17" s="109">
        <v>6444996</v>
      </c>
      <c r="KI17" s="109">
        <v>9879392</v>
      </c>
      <c r="KJ17" s="109">
        <v>5798124</v>
      </c>
      <c r="KK17" s="109">
        <v>865276</v>
      </c>
      <c r="KL17" s="110">
        <v>27382256</v>
      </c>
      <c r="KM17" s="130">
        <v>27858944</v>
      </c>
      <c r="KN17" s="219">
        <v>0</v>
      </c>
      <c r="KO17" s="223">
        <v>762860</v>
      </c>
      <c r="KP17" s="224">
        <v>762860</v>
      </c>
      <c r="KQ17" s="127"/>
      <c r="KR17" s="109">
        <v>12599096</v>
      </c>
      <c r="KS17" s="109">
        <v>19473802</v>
      </c>
      <c r="KT17" s="109">
        <v>23143011</v>
      </c>
      <c r="KU17" s="109">
        <v>14076168</v>
      </c>
      <c r="KV17" s="109">
        <v>6314633</v>
      </c>
      <c r="KW17" s="110">
        <v>75606710</v>
      </c>
      <c r="KX17" s="298">
        <v>76369570</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247185</v>
      </c>
      <c r="LP17" s="109">
        <v>0</v>
      </c>
      <c r="LQ17" s="109">
        <v>0</v>
      </c>
      <c r="LR17" s="109">
        <v>0</v>
      </c>
      <c r="LS17" s="110">
        <v>247185</v>
      </c>
      <c r="LT17" s="298">
        <v>247185</v>
      </c>
      <c r="LU17" s="129">
        <v>0</v>
      </c>
      <c r="LV17" s="109">
        <v>0</v>
      </c>
      <c r="LW17" s="110">
        <v>0</v>
      </c>
      <c r="LX17" s="132"/>
      <c r="LY17" s="109">
        <v>880952</v>
      </c>
      <c r="LZ17" s="109">
        <v>1219945</v>
      </c>
      <c r="MA17" s="109">
        <v>1131382</v>
      </c>
      <c r="MB17" s="109">
        <v>2111797</v>
      </c>
      <c r="MC17" s="109">
        <v>740038</v>
      </c>
      <c r="MD17" s="110">
        <v>6084114</v>
      </c>
      <c r="ME17" s="111">
        <v>6084114</v>
      </c>
      <c r="MF17" s="129">
        <v>0</v>
      </c>
      <c r="MG17" s="109">
        <v>0</v>
      </c>
      <c r="MH17" s="110">
        <v>0</v>
      </c>
      <c r="MI17" s="132"/>
      <c r="MJ17" s="109">
        <v>17652627</v>
      </c>
      <c r="MK17" s="109">
        <v>26906530</v>
      </c>
      <c r="ML17" s="109">
        <v>88510106</v>
      </c>
      <c r="MM17" s="109">
        <v>143607452</v>
      </c>
      <c r="MN17" s="109">
        <v>92569357</v>
      </c>
      <c r="MO17" s="110">
        <v>369246072</v>
      </c>
      <c r="MP17" s="130">
        <v>369246072</v>
      </c>
      <c r="MQ17" s="129">
        <v>0</v>
      </c>
      <c r="MR17" s="109">
        <v>0</v>
      </c>
      <c r="MS17" s="110">
        <v>0</v>
      </c>
      <c r="MT17" s="132"/>
      <c r="MU17" s="109">
        <v>184698</v>
      </c>
      <c r="MV17" s="109">
        <v>1644525</v>
      </c>
      <c r="MW17" s="109">
        <v>42502456</v>
      </c>
      <c r="MX17" s="109">
        <v>96740916</v>
      </c>
      <c r="MY17" s="109">
        <v>55434519</v>
      </c>
      <c r="MZ17" s="110">
        <v>196507114</v>
      </c>
      <c r="NA17" s="130">
        <v>196507114</v>
      </c>
      <c r="NB17" s="129">
        <v>0</v>
      </c>
      <c r="NC17" s="109">
        <v>0</v>
      </c>
      <c r="ND17" s="110">
        <v>0</v>
      </c>
      <c r="NE17" s="132"/>
      <c r="NF17" s="109">
        <v>16320325</v>
      </c>
      <c r="NG17" s="109">
        <v>23339033</v>
      </c>
      <c r="NH17" s="109">
        <v>41822548</v>
      </c>
      <c r="NI17" s="109">
        <v>43168429</v>
      </c>
      <c r="NJ17" s="109">
        <v>24855678</v>
      </c>
      <c r="NK17" s="110">
        <v>149506013</v>
      </c>
      <c r="NL17" s="298">
        <v>149506013</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1147604</v>
      </c>
      <c r="OC17" s="109">
        <v>1922972</v>
      </c>
      <c r="OD17" s="109">
        <v>4185102</v>
      </c>
      <c r="OE17" s="109">
        <v>3698107</v>
      </c>
      <c r="OF17" s="109">
        <v>12279160</v>
      </c>
      <c r="OG17" s="110">
        <v>23232945</v>
      </c>
      <c r="OH17" s="111">
        <v>23232945</v>
      </c>
      <c r="OI17" s="129">
        <v>9667946</v>
      </c>
      <c r="OJ17" s="109">
        <v>15119440</v>
      </c>
      <c r="OK17" s="128">
        <v>24787386</v>
      </c>
      <c r="OL17" s="108">
        <v>0</v>
      </c>
      <c r="OM17" s="109">
        <v>227677921</v>
      </c>
      <c r="ON17" s="109">
        <v>223278464</v>
      </c>
      <c r="OO17" s="109">
        <v>280809442</v>
      </c>
      <c r="OP17" s="109">
        <v>320609131</v>
      </c>
      <c r="OQ17" s="109">
        <v>198829386</v>
      </c>
      <c r="OR17" s="110">
        <v>1251204344</v>
      </c>
      <c r="OS17" s="130">
        <v>1275991730</v>
      </c>
    </row>
    <row r="18" spans="2:409" ht="21" customHeight="1" x14ac:dyDescent="0.2">
      <c r="B18" s="472" t="s">
        <v>12</v>
      </c>
      <c r="C18" s="100">
        <v>15920427</v>
      </c>
      <c r="D18" s="104">
        <v>33182410</v>
      </c>
      <c r="E18" s="103">
        <v>49102837</v>
      </c>
      <c r="F18" s="99">
        <v>0</v>
      </c>
      <c r="G18" s="104">
        <v>130573776</v>
      </c>
      <c r="H18" s="157">
        <v>158852844</v>
      </c>
      <c r="I18" s="157">
        <v>146627150</v>
      </c>
      <c r="J18" s="157">
        <v>158704899</v>
      </c>
      <c r="K18" s="157">
        <v>112150322</v>
      </c>
      <c r="L18" s="102">
        <v>706908991</v>
      </c>
      <c r="M18" s="106">
        <v>756011828</v>
      </c>
      <c r="N18" s="100">
        <v>3504500</v>
      </c>
      <c r="O18" s="104">
        <v>9577931</v>
      </c>
      <c r="P18" s="103">
        <v>13082431</v>
      </c>
      <c r="Q18" s="100">
        <v>0</v>
      </c>
      <c r="R18" s="104">
        <v>34245132</v>
      </c>
      <c r="S18" s="104">
        <v>51914887</v>
      </c>
      <c r="T18" s="104">
        <v>46574767</v>
      </c>
      <c r="U18" s="104">
        <v>60155286</v>
      </c>
      <c r="V18" s="104">
        <v>57237754</v>
      </c>
      <c r="W18" s="103">
        <v>250127826</v>
      </c>
      <c r="X18" s="106">
        <v>263210257</v>
      </c>
      <c r="Y18" s="100">
        <v>0</v>
      </c>
      <c r="Z18" s="104">
        <v>0</v>
      </c>
      <c r="AA18" s="103">
        <v>0</v>
      </c>
      <c r="AB18" s="100">
        <v>0</v>
      </c>
      <c r="AC18" s="104">
        <v>19210512</v>
      </c>
      <c r="AD18" s="104">
        <v>29346951</v>
      </c>
      <c r="AE18" s="104">
        <v>30658417</v>
      </c>
      <c r="AF18" s="104">
        <v>39496862</v>
      </c>
      <c r="AG18" s="104">
        <v>37363561</v>
      </c>
      <c r="AH18" s="103">
        <v>156076303</v>
      </c>
      <c r="AI18" s="106">
        <v>156076303</v>
      </c>
      <c r="AJ18" s="100">
        <v>0</v>
      </c>
      <c r="AK18" s="104">
        <v>192884</v>
      </c>
      <c r="AL18" s="103">
        <v>192884</v>
      </c>
      <c r="AM18" s="100">
        <v>0</v>
      </c>
      <c r="AN18" s="104">
        <v>236762</v>
      </c>
      <c r="AO18" s="104">
        <v>1076560</v>
      </c>
      <c r="AP18" s="104">
        <v>1027183</v>
      </c>
      <c r="AQ18" s="104">
        <v>4440926</v>
      </c>
      <c r="AR18" s="104">
        <v>5586065</v>
      </c>
      <c r="AS18" s="103">
        <v>12367496</v>
      </c>
      <c r="AT18" s="106">
        <v>12560380</v>
      </c>
      <c r="AU18" s="100">
        <v>2637306</v>
      </c>
      <c r="AV18" s="104">
        <v>7330454</v>
      </c>
      <c r="AW18" s="103">
        <v>9967760</v>
      </c>
      <c r="AX18" s="100">
        <v>0</v>
      </c>
      <c r="AY18" s="104">
        <v>9994267</v>
      </c>
      <c r="AZ18" s="104">
        <v>14505282</v>
      </c>
      <c r="BA18" s="104">
        <v>9130579</v>
      </c>
      <c r="BB18" s="104">
        <v>9401144</v>
      </c>
      <c r="BC18" s="104">
        <v>9400384</v>
      </c>
      <c r="BD18" s="103">
        <v>52431656</v>
      </c>
      <c r="BE18" s="106">
        <v>62399416</v>
      </c>
      <c r="BF18" s="100">
        <v>100225</v>
      </c>
      <c r="BG18" s="104">
        <v>789921</v>
      </c>
      <c r="BH18" s="102">
        <v>890146</v>
      </c>
      <c r="BI18" s="101">
        <v>0</v>
      </c>
      <c r="BJ18" s="104">
        <v>577220</v>
      </c>
      <c r="BK18" s="104">
        <v>1563668</v>
      </c>
      <c r="BL18" s="104">
        <v>931945</v>
      </c>
      <c r="BM18" s="104">
        <v>904954</v>
      </c>
      <c r="BN18" s="104">
        <v>452448</v>
      </c>
      <c r="BO18" s="103">
        <v>4430235</v>
      </c>
      <c r="BP18" s="106">
        <v>5320381</v>
      </c>
      <c r="BQ18" s="100">
        <v>766969</v>
      </c>
      <c r="BR18" s="104">
        <v>1264672</v>
      </c>
      <c r="BS18" s="103">
        <v>2031641</v>
      </c>
      <c r="BT18" s="100">
        <v>0</v>
      </c>
      <c r="BU18" s="104">
        <v>4226371</v>
      </c>
      <c r="BV18" s="104">
        <v>5422426</v>
      </c>
      <c r="BW18" s="104">
        <v>4826643</v>
      </c>
      <c r="BX18" s="104">
        <v>5911400</v>
      </c>
      <c r="BY18" s="104">
        <v>4435296</v>
      </c>
      <c r="BZ18" s="103">
        <v>24822136</v>
      </c>
      <c r="CA18" s="106">
        <v>26853777</v>
      </c>
      <c r="CB18" s="100">
        <v>2825273</v>
      </c>
      <c r="CC18" s="104">
        <v>5729164</v>
      </c>
      <c r="CD18" s="103">
        <v>8554437</v>
      </c>
      <c r="CE18" s="100">
        <v>0</v>
      </c>
      <c r="CF18" s="104">
        <v>45005898</v>
      </c>
      <c r="CG18" s="104">
        <v>44939747</v>
      </c>
      <c r="CH18" s="104">
        <v>36858117</v>
      </c>
      <c r="CI18" s="104">
        <v>29550682</v>
      </c>
      <c r="CJ18" s="104">
        <v>14337937</v>
      </c>
      <c r="CK18" s="103">
        <v>170692381</v>
      </c>
      <c r="CL18" s="106">
        <v>179246818</v>
      </c>
      <c r="CM18" s="100">
        <v>0</v>
      </c>
      <c r="CN18" s="104">
        <v>0</v>
      </c>
      <c r="CO18" s="103">
        <v>0</v>
      </c>
      <c r="CP18" s="101">
        <v>0</v>
      </c>
      <c r="CQ18" s="104">
        <v>37938525</v>
      </c>
      <c r="CR18" s="104">
        <v>34115960</v>
      </c>
      <c r="CS18" s="104">
        <v>27585609</v>
      </c>
      <c r="CT18" s="104">
        <v>23073373</v>
      </c>
      <c r="CU18" s="104">
        <v>11255588</v>
      </c>
      <c r="CV18" s="103">
        <v>133969055</v>
      </c>
      <c r="CW18" s="106">
        <v>133969055</v>
      </c>
      <c r="CX18" s="100">
        <v>2825273</v>
      </c>
      <c r="CY18" s="104">
        <v>5729164</v>
      </c>
      <c r="CZ18" s="103">
        <v>8554437</v>
      </c>
      <c r="DA18" s="100">
        <v>0</v>
      </c>
      <c r="DB18" s="104">
        <v>7067373</v>
      </c>
      <c r="DC18" s="104">
        <v>10823787</v>
      </c>
      <c r="DD18" s="104">
        <v>9272508</v>
      </c>
      <c r="DE18" s="104">
        <v>6477309</v>
      </c>
      <c r="DF18" s="104">
        <v>3082349</v>
      </c>
      <c r="DG18" s="103">
        <v>36723326</v>
      </c>
      <c r="DH18" s="106">
        <v>45277763</v>
      </c>
      <c r="DI18" s="100">
        <v>70250</v>
      </c>
      <c r="DJ18" s="104">
        <v>988097</v>
      </c>
      <c r="DK18" s="102">
        <v>1058347</v>
      </c>
      <c r="DL18" s="101">
        <v>0</v>
      </c>
      <c r="DM18" s="104">
        <v>5675407</v>
      </c>
      <c r="DN18" s="104">
        <v>7635418</v>
      </c>
      <c r="DO18" s="104">
        <v>13812159</v>
      </c>
      <c r="DP18" s="104">
        <v>11285309</v>
      </c>
      <c r="DQ18" s="104">
        <v>8280890</v>
      </c>
      <c r="DR18" s="103">
        <v>46689183</v>
      </c>
      <c r="DS18" s="106">
        <v>47747530</v>
      </c>
      <c r="DT18" s="100">
        <v>70250</v>
      </c>
      <c r="DU18" s="104">
        <v>988097</v>
      </c>
      <c r="DV18" s="103">
        <v>1058347</v>
      </c>
      <c r="DW18" s="100">
        <v>0</v>
      </c>
      <c r="DX18" s="104">
        <v>5355990</v>
      </c>
      <c r="DY18" s="104">
        <v>7124572</v>
      </c>
      <c r="DZ18" s="104">
        <v>13457935</v>
      </c>
      <c r="EA18" s="104">
        <v>10881752</v>
      </c>
      <c r="EB18" s="104">
        <v>8111357</v>
      </c>
      <c r="EC18" s="103">
        <v>44931606</v>
      </c>
      <c r="ED18" s="106">
        <v>45989953</v>
      </c>
      <c r="EE18" s="100">
        <v>0</v>
      </c>
      <c r="EF18" s="102">
        <v>0</v>
      </c>
      <c r="EG18" s="103">
        <v>0</v>
      </c>
      <c r="EH18" s="100">
        <v>0</v>
      </c>
      <c r="EI18" s="104">
        <v>319417</v>
      </c>
      <c r="EJ18" s="104">
        <v>510846</v>
      </c>
      <c r="EK18" s="104">
        <v>354224</v>
      </c>
      <c r="EL18" s="104">
        <v>403557</v>
      </c>
      <c r="EM18" s="104">
        <v>169533</v>
      </c>
      <c r="EN18" s="102">
        <v>1757577</v>
      </c>
      <c r="EO18" s="106">
        <v>1757577</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3876342</v>
      </c>
      <c r="FM18" s="104">
        <v>7523456</v>
      </c>
      <c r="FN18" s="103">
        <v>11399798</v>
      </c>
      <c r="FO18" s="100">
        <v>0</v>
      </c>
      <c r="FP18" s="104">
        <v>4961959</v>
      </c>
      <c r="FQ18" s="104">
        <v>14622486</v>
      </c>
      <c r="FR18" s="104">
        <v>12367051</v>
      </c>
      <c r="FS18" s="104">
        <v>13379080</v>
      </c>
      <c r="FT18" s="104">
        <v>8398102</v>
      </c>
      <c r="FU18" s="103">
        <v>53728678</v>
      </c>
      <c r="FV18" s="106">
        <v>65128476</v>
      </c>
      <c r="FW18" s="105">
        <v>2317574</v>
      </c>
      <c r="FX18" s="104">
        <v>5755393</v>
      </c>
      <c r="FY18" s="102">
        <v>8072967</v>
      </c>
      <c r="FZ18" s="101">
        <v>0</v>
      </c>
      <c r="GA18" s="104">
        <v>3969315</v>
      </c>
      <c r="GB18" s="104">
        <v>13206367</v>
      </c>
      <c r="GC18" s="104">
        <v>11127484</v>
      </c>
      <c r="GD18" s="104">
        <v>11707114</v>
      </c>
      <c r="GE18" s="104">
        <v>8141283</v>
      </c>
      <c r="GF18" s="103">
        <v>48151563</v>
      </c>
      <c r="GG18" s="296">
        <v>56224530</v>
      </c>
      <c r="GH18" s="105">
        <v>367688</v>
      </c>
      <c r="GI18" s="104">
        <v>516350</v>
      </c>
      <c r="GJ18" s="102">
        <v>884038</v>
      </c>
      <c r="GK18" s="101">
        <v>0</v>
      </c>
      <c r="GL18" s="104">
        <v>174586</v>
      </c>
      <c r="GM18" s="104">
        <v>606659</v>
      </c>
      <c r="GN18" s="104">
        <v>397902</v>
      </c>
      <c r="GO18" s="104">
        <v>329239</v>
      </c>
      <c r="GP18" s="104">
        <v>256819</v>
      </c>
      <c r="GQ18" s="103">
        <v>1765205</v>
      </c>
      <c r="GR18" s="106">
        <v>2649243</v>
      </c>
      <c r="GS18" s="100">
        <v>1191080</v>
      </c>
      <c r="GT18" s="104">
        <v>1251713</v>
      </c>
      <c r="GU18" s="103">
        <v>2442793</v>
      </c>
      <c r="GV18" s="100">
        <v>0</v>
      </c>
      <c r="GW18" s="104">
        <v>818058</v>
      </c>
      <c r="GX18" s="104">
        <v>809460</v>
      </c>
      <c r="GY18" s="104">
        <v>841665</v>
      </c>
      <c r="GZ18" s="104">
        <v>1342727</v>
      </c>
      <c r="HA18" s="104">
        <v>0</v>
      </c>
      <c r="HB18" s="102">
        <v>3811910</v>
      </c>
      <c r="HC18" s="106">
        <v>6254703</v>
      </c>
      <c r="HD18" s="100">
        <v>2430598</v>
      </c>
      <c r="HE18" s="104">
        <v>4133752</v>
      </c>
      <c r="HF18" s="102">
        <v>6564350</v>
      </c>
      <c r="HG18" s="101">
        <v>0</v>
      </c>
      <c r="HH18" s="104">
        <v>18057576</v>
      </c>
      <c r="HI18" s="104">
        <v>20991338</v>
      </c>
      <c r="HJ18" s="104">
        <v>22861965</v>
      </c>
      <c r="HK18" s="104">
        <v>32751594</v>
      </c>
      <c r="HL18" s="104">
        <v>17765451</v>
      </c>
      <c r="HM18" s="103">
        <v>112427924</v>
      </c>
      <c r="HN18" s="99">
        <v>118992274</v>
      </c>
      <c r="HO18" s="105">
        <v>3213464</v>
      </c>
      <c r="HP18" s="104">
        <v>5230010</v>
      </c>
      <c r="HQ18" s="103">
        <v>8443474</v>
      </c>
      <c r="HR18" s="100">
        <v>0</v>
      </c>
      <c r="HS18" s="104">
        <v>22627804</v>
      </c>
      <c r="HT18" s="104">
        <v>18748968</v>
      </c>
      <c r="HU18" s="104">
        <v>14153091</v>
      </c>
      <c r="HV18" s="104">
        <v>11582948</v>
      </c>
      <c r="HW18" s="104">
        <v>6130188</v>
      </c>
      <c r="HX18" s="102">
        <v>73242999</v>
      </c>
      <c r="HY18" s="106">
        <v>81686473</v>
      </c>
      <c r="HZ18" s="137">
        <v>0</v>
      </c>
      <c r="IA18" s="122">
        <v>89109</v>
      </c>
      <c r="IB18" s="137">
        <v>89109</v>
      </c>
      <c r="IC18" s="121">
        <v>0</v>
      </c>
      <c r="ID18" s="122">
        <v>34302385</v>
      </c>
      <c r="IE18" s="123">
        <v>44982790</v>
      </c>
      <c r="IF18" s="124">
        <v>47412239</v>
      </c>
      <c r="IG18" s="122">
        <v>41762926</v>
      </c>
      <c r="IH18" s="124">
        <v>34144286</v>
      </c>
      <c r="II18" s="125">
        <v>202604626</v>
      </c>
      <c r="IJ18" s="137">
        <v>202693735</v>
      </c>
      <c r="IK18" s="219">
        <v>0</v>
      </c>
      <c r="IL18" s="223">
        <v>0</v>
      </c>
      <c r="IM18" s="224">
        <v>0</v>
      </c>
      <c r="IN18" s="127"/>
      <c r="IO18" s="109">
        <v>795037</v>
      </c>
      <c r="IP18" s="109">
        <v>650076</v>
      </c>
      <c r="IQ18" s="109">
        <v>186533</v>
      </c>
      <c r="IR18" s="109">
        <v>747559</v>
      </c>
      <c r="IS18" s="109">
        <v>2075383</v>
      </c>
      <c r="IT18" s="128">
        <v>4454588</v>
      </c>
      <c r="IU18" s="298">
        <v>4454588</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20439665</v>
      </c>
      <c r="JL18" s="109">
        <v>16414281</v>
      </c>
      <c r="JM18" s="109">
        <v>13468979</v>
      </c>
      <c r="JN18" s="109">
        <v>7693610</v>
      </c>
      <c r="JO18" s="109">
        <v>3815650</v>
      </c>
      <c r="JP18" s="110">
        <v>61832185</v>
      </c>
      <c r="JQ18" s="298">
        <v>61832185</v>
      </c>
      <c r="JR18" s="129">
        <v>0</v>
      </c>
      <c r="JS18" s="109">
        <v>0</v>
      </c>
      <c r="JT18" s="128">
        <v>0</v>
      </c>
      <c r="JU18" s="108">
        <v>0</v>
      </c>
      <c r="JV18" s="109">
        <v>312042</v>
      </c>
      <c r="JW18" s="109">
        <v>179253</v>
      </c>
      <c r="JX18" s="109">
        <v>156989</v>
      </c>
      <c r="JY18" s="109">
        <v>253752</v>
      </c>
      <c r="JZ18" s="109">
        <v>201447</v>
      </c>
      <c r="KA18" s="110">
        <v>1103483</v>
      </c>
      <c r="KB18" s="298">
        <v>1103483</v>
      </c>
      <c r="KC18" s="221">
        <v>0</v>
      </c>
      <c r="KD18" s="217">
        <v>89109</v>
      </c>
      <c r="KE18" s="110">
        <v>89109</v>
      </c>
      <c r="KF18" s="108">
        <v>0</v>
      </c>
      <c r="KG18" s="109">
        <v>3008574</v>
      </c>
      <c r="KH18" s="109">
        <v>7180763</v>
      </c>
      <c r="KI18" s="109">
        <v>11861262</v>
      </c>
      <c r="KJ18" s="109">
        <v>10411298</v>
      </c>
      <c r="KK18" s="109">
        <v>8056241</v>
      </c>
      <c r="KL18" s="110">
        <v>40518138</v>
      </c>
      <c r="KM18" s="130">
        <v>40607247</v>
      </c>
      <c r="KN18" s="219">
        <v>0</v>
      </c>
      <c r="KO18" s="223">
        <v>0</v>
      </c>
      <c r="KP18" s="224">
        <v>0</v>
      </c>
      <c r="KQ18" s="127"/>
      <c r="KR18" s="109">
        <v>8881746</v>
      </c>
      <c r="KS18" s="109">
        <v>15102704</v>
      </c>
      <c r="KT18" s="109">
        <v>11178601</v>
      </c>
      <c r="KU18" s="109">
        <v>10153336</v>
      </c>
      <c r="KV18" s="109">
        <v>10714011</v>
      </c>
      <c r="KW18" s="110">
        <v>56030398</v>
      </c>
      <c r="KX18" s="298">
        <v>56030398</v>
      </c>
      <c r="KY18" s="129">
        <v>0</v>
      </c>
      <c r="KZ18" s="109">
        <v>0</v>
      </c>
      <c r="LA18" s="110">
        <v>0</v>
      </c>
      <c r="LB18" s="132"/>
      <c r="LC18" s="109">
        <v>0</v>
      </c>
      <c r="LD18" s="109">
        <v>1114266</v>
      </c>
      <c r="LE18" s="109">
        <v>1620328</v>
      </c>
      <c r="LF18" s="109">
        <v>2226730</v>
      </c>
      <c r="LG18" s="109">
        <v>1031648</v>
      </c>
      <c r="LH18" s="110">
        <v>5992972</v>
      </c>
      <c r="LI18" s="111">
        <v>5992972</v>
      </c>
      <c r="LJ18" s="129">
        <v>0</v>
      </c>
      <c r="LK18" s="109">
        <v>0</v>
      </c>
      <c r="LL18" s="110">
        <v>0</v>
      </c>
      <c r="LM18" s="132"/>
      <c r="LN18" s="109">
        <v>0</v>
      </c>
      <c r="LO18" s="109">
        <v>0</v>
      </c>
      <c r="LP18" s="109">
        <v>2508022</v>
      </c>
      <c r="LQ18" s="109">
        <v>3462234</v>
      </c>
      <c r="LR18" s="109">
        <v>2282431</v>
      </c>
      <c r="LS18" s="110">
        <v>8252687</v>
      </c>
      <c r="LT18" s="298">
        <v>8252687</v>
      </c>
      <c r="LU18" s="129">
        <v>0</v>
      </c>
      <c r="LV18" s="109">
        <v>0</v>
      </c>
      <c r="LW18" s="110">
        <v>0</v>
      </c>
      <c r="LX18" s="132"/>
      <c r="LY18" s="109">
        <v>865321</v>
      </c>
      <c r="LZ18" s="109">
        <v>4341447</v>
      </c>
      <c r="MA18" s="109">
        <v>6431525</v>
      </c>
      <c r="MB18" s="109">
        <v>6814407</v>
      </c>
      <c r="MC18" s="109">
        <v>5967475</v>
      </c>
      <c r="MD18" s="110">
        <v>24420175</v>
      </c>
      <c r="ME18" s="111">
        <v>24420175</v>
      </c>
      <c r="MF18" s="129">
        <v>0</v>
      </c>
      <c r="MG18" s="109">
        <v>0</v>
      </c>
      <c r="MH18" s="110">
        <v>0</v>
      </c>
      <c r="MI18" s="132"/>
      <c r="MJ18" s="109">
        <v>11891027</v>
      </c>
      <c r="MK18" s="109">
        <v>28625808</v>
      </c>
      <c r="ML18" s="109">
        <v>97949438</v>
      </c>
      <c r="MM18" s="109">
        <v>145177241</v>
      </c>
      <c r="MN18" s="109">
        <v>102573335</v>
      </c>
      <c r="MO18" s="110">
        <v>386216849</v>
      </c>
      <c r="MP18" s="130">
        <v>386216849</v>
      </c>
      <c r="MQ18" s="129">
        <v>0</v>
      </c>
      <c r="MR18" s="109">
        <v>0</v>
      </c>
      <c r="MS18" s="110">
        <v>0</v>
      </c>
      <c r="MT18" s="132"/>
      <c r="MU18" s="109">
        <v>397276</v>
      </c>
      <c r="MV18" s="109">
        <v>4594196</v>
      </c>
      <c r="MW18" s="109">
        <v>49180395</v>
      </c>
      <c r="MX18" s="109">
        <v>88892002</v>
      </c>
      <c r="MY18" s="109">
        <v>69152486</v>
      </c>
      <c r="MZ18" s="110">
        <v>212216355</v>
      </c>
      <c r="NA18" s="130">
        <v>212216355</v>
      </c>
      <c r="NB18" s="129">
        <v>0</v>
      </c>
      <c r="NC18" s="109">
        <v>0</v>
      </c>
      <c r="ND18" s="110">
        <v>0</v>
      </c>
      <c r="NE18" s="132"/>
      <c r="NF18" s="109">
        <v>11493751</v>
      </c>
      <c r="NG18" s="109">
        <v>23421377</v>
      </c>
      <c r="NH18" s="109">
        <v>48065255</v>
      </c>
      <c r="NI18" s="109">
        <v>50886848</v>
      </c>
      <c r="NJ18" s="109">
        <v>29674516</v>
      </c>
      <c r="NK18" s="110">
        <v>163541747</v>
      </c>
      <c r="NL18" s="298">
        <v>163541747</v>
      </c>
      <c r="NM18" s="129">
        <v>0</v>
      </c>
      <c r="NN18" s="109">
        <v>0</v>
      </c>
      <c r="NO18" s="110">
        <v>0</v>
      </c>
      <c r="NP18" s="132"/>
      <c r="NQ18" s="109">
        <v>0</v>
      </c>
      <c r="NR18" s="109">
        <v>0</v>
      </c>
      <c r="NS18" s="109">
        <v>0</v>
      </c>
      <c r="NT18" s="109">
        <v>0</v>
      </c>
      <c r="NU18" s="109">
        <v>803561</v>
      </c>
      <c r="NV18" s="110">
        <v>803561</v>
      </c>
      <c r="NW18" s="111">
        <v>803561</v>
      </c>
      <c r="NX18" s="129">
        <v>0</v>
      </c>
      <c r="NY18" s="109">
        <v>0</v>
      </c>
      <c r="NZ18" s="110">
        <v>0</v>
      </c>
      <c r="OA18" s="132"/>
      <c r="OB18" s="109">
        <v>0</v>
      </c>
      <c r="OC18" s="109">
        <v>610235</v>
      </c>
      <c r="OD18" s="109">
        <v>703788</v>
      </c>
      <c r="OE18" s="109">
        <v>5398391</v>
      </c>
      <c r="OF18" s="109">
        <v>2942772</v>
      </c>
      <c r="OG18" s="110">
        <v>9655186</v>
      </c>
      <c r="OH18" s="111">
        <v>9655186</v>
      </c>
      <c r="OI18" s="129">
        <v>15920427</v>
      </c>
      <c r="OJ18" s="109">
        <v>33271519</v>
      </c>
      <c r="OK18" s="128">
        <v>49191946</v>
      </c>
      <c r="OL18" s="108">
        <v>0</v>
      </c>
      <c r="OM18" s="109">
        <v>176767188</v>
      </c>
      <c r="ON18" s="109">
        <v>232461442</v>
      </c>
      <c r="OO18" s="109">
        <v>291988827</v>
      </c>
      <c r="OP18" s="109">
        <v>345645066</v>
      </c>
      <c r="OQ18" s="109">
        <v>248867943</v>
      </c>
      <c r="OR18" s="110">
        <v>1295730466</v>
      </c>
      <c r="OS18" s="130">
        <v>1344922412</v>
      </c>
    </row>
    <row r="19" spans="2:409" ht="21" customHeight="1" x14ac:dyDescent="0.2">
      <c r="B19" s="472" t="s">
        <v>13</v>
      </c>
      <c r="C19" s="100">
        <v>3476328</v>
      </c>
      <c r="D19" s="104">
        <v>5501218</v>
      </c>
      <c r="E19" s="103">
        <v>8977546</v>
      </c>
      <c r="F19" s="100">
        <v>0</v>
      </c>
      <c r="G19" s="157">
        <v>49152285</v>
      </c>
      <c r="H19" s="104">
        <v>62569768</v>
      </c>
      <c r="I19" s="104">
        <v>54871693</v>
      </c>
      <c r="J19" s="104">
        <v>60434021</v>
      </c>
      <c r="K19" s="104">
        <v>55405761</v>
      </c>
      <c r="L19" s="102">
        <v>282433528</v>
      </c>
      <c r="M19" s="106">
        <v>291411074</v>
      </c>
      <c r="N19" s="100">
        <v>785812</v>
      </c>
      <c r="O19" s="104">
        <v>1297403</v>
      </c>
      <c r="P19" s="103">
        <v>2083215</v>
      </c>
      <c r="Q19" s="100">
        <v>0</v>
      </c>
      <c r="R19" s="104">
        <v>14379039</v>
      </c>
      <c r="S19" s="104">
        <v>20167690</v>
      </c>
      <c r="T19" s="104">
        <v>16749502</v>
      </c>
      <c r="U19" s="104">
        <v>22288426</v>
      </c>
      <c r="V19" s="104">
        <v>29867636</v>
      </c>
      <c r="W19" s="103">
        <v>103452293</v>
      </c>
      <c r="X19" s="106">
        <v>105535508</v>
      </c>
      <c r="Y19" s="100">
        <v>0</v>
      </c>
      <c r="Z19" s="104">
        <v>0</v>
      </c>
      <c r="AA19" s="103">
        <v>0</v>
      </c>
      <c r="AB19" s="100">
        <v>0</v>
      </c>
      <c r="AC19" s="104">
        <v>6788623</v>
      </c>
      <c r="AD19" s="104">
        <v>10124986</v>
      </c>
      <c r="AE19" s="104">
        <v>9511963</v>
      </c>
      <c r="AF19" s="104">
        <v>14092917</v>
      </c>
      <c r="AG19" s="104">
        <v>20129608</v>
      </c>
      <c r="AH19" s="103">
        <v>60648097</v>
      </c>
      <c r="AI19" s="106">
        <v>60648097</v>
      </c>
      <c r="AJ19" s="100">
        <v>0</v>
      </c>
      <c r="AK19" s="104">
        <v>0</v>
      </c>
      <c r="AL19" s="103">
        <v>0</v>
      </c>
      <c r="AM19" s="100">
        <v>0</v>
      </c>
      <c r="AN19" s="104">
        <v>15742</v>
      </c>
      <c r="AO19" s="104">
        <v>81056</v>
      </c>
      <c r="AP19" s="104">
        <v>229137</v>
      </c>
      <c r="AQ19" s="104">
        <v>1005616</v>
      </c>
      <c r="AR19" s="104">
        <v>2450046</v>
      </c>
      <c r="AS19" s="103">
        <v>3781597</v>
      </c>
      <c r="AT19" s="106">
        <v>3781597</v>
      </c>
      <c r="AU19" s="100">
        <v>269139</v>
      </c>
      <c r="AV19" s="104">
        <v>813942</v>
      </c>
      <c r="AW19" s="103">
        <v>1083081</v>
      </c>
      <c r="AX19" s="100">
        <v>0</v>
      </c>
      <c r="AY19" s="104">
        <v>4553441</v>
      </c>
      <c r="AZ19" s="104">
        <v>6452748</v>
      </c>
      <c r="BA19" s="104">
        <v>4050608</v>
      </c>
      <c r="BB19" s="104">
        <v>4037856</v>
      </c>
      <c r="BC19" s="104">
        <v>4279252</v>
      </c>
      <c r="BD19" s="103">
        <v>23373905</v>
      </c>
      <c r="BE19" s="106">
        <v>24456986</v>
      </c>
      <c r="BF19" s="100">
        <v>26507</v>
      </c>
      <c r="BG19" s="104">
        <v>185405</v>
      </c>
      <c r="BH19" s="102">
        <v>211912</v>
      </c>
      <c r="BI19" s="101">
        <v>0</v>
      </c>
      <c r="BJ19" s="104">
        <v>643209</v>
      </c>
      <c r="BK19" s="104">
        <v>668867</v>
      </c>
      <c r="BL19" s="104">
        <v>355355</v>
      </c>
      <c r="BM19" s="104">
        <v>368243</v>
      </c>
      <c r="BN19" s="104">
        <v>333153</v>
      </c>
      <c r="BO19" s="103">
        <v>2368827</v>
      </c>
      <c r="BP19" s="106">
        <v>2580739</v>
      </c>
      <c r="BQ19" s="100">
        <v>490166</v>
      </c>
      <c r="BR19" s="104">
        <v>298056</v>
      </c>
      <c r="BS19" s="103">
        <v>788222</v>
      </c>
      <c r="BT19" s="100">
        <v>0</v>
      </c>
      <c r="BU19" s="104">
        <v>2378024</v>
      </c>
      <c r="BV19" s="104">
        <v>2840033</v>
      </c>
      <c r="BW19" s="104">
        <v>2602439</v>
      </c>
      <c r="BX19" s="104">
        <v>2783794</v>
      </c>
      <c r="BY19" s="104">
        <v>2675577</v>
      </c>
      <c r="BZ19" s="103">
        <v>13279867</v>
      </c>
      <c r="CA19" s="106">
        <v>14068089</v>
      </c>
      <c r="CB19" s="100">
        <v>135752</v>
      </c>
      <c r="CC19" s="104">
        <v>907606</v>
      </c>
      <c r="CD19" s="103">
        <v>1043358</v>
      </c>
      <c r="CE19" s="100">
        <v>0</v>
      </c>
      <c r="CF19" s="104">
        <v>10365376</v>
      </c>
      <c r="CG19" s="104">
        <v>13991137</v>
      </c>
      <c r="CH19" s="104">
        <v>10882557</v>
      </c>
      <c r="CI19" s="104">
        <v>8747311</v>
      </c>
      <c r="CJ19" s="104">
        <v>4926402</v>
      </c>
      <c r="CK19" s="103">
        <v>48912783</v>
      </c>
      <c r="CL19" s="106">
        <v>49956141</v>
      </c>
      <c r="CM19" s="100">
        <v>0</v>
      </c>
      <c r="CN19" s="104">
        <v>0</v>
      </c>
      <c r="CO19" s="103">
        <v>0</v>
      </c>
      <c r="CP19" s="101">
        <v>0</v>
      </c>
      <c r="CQ19" s="104">
        <v>9281030</v>
      </c>
      <c r="CR19" s="104">
        <v>12153013</v>
      </c>
      <c r="CS19" s="104">
        <v>9005596</v>
      </c>
      <c r="CT19" s="104">
        <v>6444477</v>
      </c>
      <c r="CU19" s="104">
        <v>3847234</v>
      </c>
      <c r="CV19" s="103">
        <v>40731350</v>
      </c>
      <c r="CW19" s="106">
        <v>40731350</v>
      </c>
      <c r="CX19" s="100">
        <v>135752</v>
      </c>
      <c r="CY19" s="104">
        <v>907606</v>
      </c>
      <c r="CZ19" s="103">
        <v>1043358</v>
      </c>
      <c r="DA19" s="100">
        <v>0</v>
      </c>
      <c r="DB19" s="104">
        <v>1084346</v>
      </c>
      <c r="DC19" s="104">
        <v>1838124</v>
      </c>
      <c r="DD19" s="104">
        <v>1876961</v>
      </c>
      <c r="DE19" s="104">
        <v>2302834</v>
      </c>
      <c r="DF19" s="104">
        <v>1079168</v>
      </c>
      <c r="DG19" s="103">
        <v>8181433</v>
      </c>
      <c r="DH19" s="106">
        <v>9224791</v>
      </c>
      <c r="DI19" s="100">
        <v>0</v>
      </c>
      <c r="DJ19" s="104">
        <v>0</v>
      </c>
      <c r="DK19" s="102">
        <v>0</v>
      </c>
      <c r="DL19" s="101">
        <v>0</v>
      </c>
      <c r="DM19" s="104">
        <v>1642490</v>
      </c>
      <c r="DN19" s="104">
        <v>2193774</v>
      </c>
      <c r="DO19" s="104">
        <v>5184810</v>
      </c>
      <c r="DP19" s="104">
        <v>5250322</v>
      </c>
      <c r="DQ19" s="104">
        <v>2347434</v>
      </c>
      <c r="DR19" s="103">
        <v>16618830</v>
      </c>
      <c r="DS19" s="106">
        <v>16618830</v>
      </c>
      <c r="DT19" s="100">
        <v>0</v>
      </c>
      <c r="DU19" s="104">
        <v>0</v>
      </c>
      <c r="DV19" s="103">
        <v>0</v>
      </c>
      <c r="DW19" s="100">
        <v>0</v>
      </c>
      <c r="DX19" s="104">
        <v>1530963</v>
      </c>
      <c r="DY19" s="104">
        <v>1834780</v>
      </c>
      <c r="DZ19" s="104">
        <v>4393017</v>
      </c>
      <c r="EA19" s="104">
        <v>4339821</v>
      </c>
      <c r="EB19" s="104">
        <v>2250131</v>
      </c>
      <c r="EC19" s="103">
        <v>14348712</v>
      </c>
      <c r="ED19" s="106">
        <v>14348712</v>
      </c>
      <c r="EE19" s="100">
        <v>0</v>
      </c>
      <c r="EF19" s="102">
        <v>0</v>
      </c>
      <c r="EG19" s="103">
        <v>0</v>
      </c>
      <c r="EH19" s="100">
        <v>0</v>
      </c>
      <c r="EI19" s="104">
        <v>111527</v>
      </c>
      <c r="EJ19" s="104">
        <v>358994</v>
      </c>
      <c r="EK19" s="104">
        <v>791793</v>
      </c>
      <c r="EL19" s="104">
        <v>910501</v>
      </c>
      <c r="EM19" s="104">
        <v>97303</v>
      </c>
      <c r="EN19" s="102">
        <v>2270118</v>
      </c>
      <c r="EO19" s="106">
        <v>2270118</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824833</v>
      </c>
      <c r="FM19" s="104">
        <v>1381974</v>
      </c>
      <c r="FN19" s="103">
        <v>2206807</v>
      </c>
      <c r="FO19" s="100">
        <v>0</v>
      </c>
      <c r="FP19" s="104">
        <v>2364616</v>
      </c>
      <c r="FQ19" s="104">
        <v>5046333</v>
      </c>
      <c r="FR19" s="104">
        <v>3749841</v>
      </c>
      <c r="FS19" s="104">
        <v>4178499</v>
      </c>
      <c r="FT19" s="104">
        <v>3097988</v>
      </c>
      <c r="FU19" s="103">
        <v>18437277</v>
      </c>
      <c r="FV19" s="106">
        <v>20644084</v>
      </c>
      <c r="FW19" s="105">
        <v>389893</v>
      </c>
      <c r="FX19" s="104">
        <v>868751</v>
      </c>
      <c r="FY19" s="102">
        <v>1258644</v>
      </c>
      <c r="FZ19" s="101">
        <v>0</v>
      </c>
      <c r="GA19" s="104">
        <v>1695045</v>
      </c>
      <c r="GB19" s="104">
        <v>4714224</v>
      </c>
      <c r="GC19" s="104">
        <v>3425031</v>
      </c>
      <c r="GD19" s="104">
        <v>3978025</v>
      </c>
      <c r="GE19" s="104">
        <v>2902553</v>
      </c>
      <c r="GF19" s="103">
        <v>16714878</v>
      </c>
      <c r="GG19" s="296">
        <v>17973522</v>
      </c>
      <c r="GH19" s="105">
        <v>0</v>
      </c>
      <c r="GI19" s="104">
        <v>114914</v>
      </c>
      <c r="GJ19" s="102">
        <v>114914</v>
      </c>
      <c r="GK19" s="101">
        <v>0</v>
      </c>
      <c r="GL19" s="104">
        <v>92499</v>
      </c>
      <c r="GM19" s="104">
        <v>68409</v>
      </c>
      <c r="GN19" s="104">
        <v>84510</v>
      </c>
      <c r="GO19" s="104">
        <v>26684</v>
      </c>
      <c r="GP19" s="104">
        <v>195435</v>
      </c>
      <c r="GQ19" s="103">
        <v>467537</v>
      </c>
      <c r="GR19" s="106">
        <v>582451</v>
      </c>
      <c r="GS19" s="100">
        <v>434940</v>
      </c>
      <c r="GT19" s="104">
        <v>398309</v>
      </c>
      <c r="GU19" s="103">
        <v>833249</v>
      </c>
      <c r="GV19" s="100">
        <v>0</v>
      </c>
      <c r="GW19" s="104">
        <v>577072</v>
      </c>
      <c r="GX19" s="104">
        <v>263700</v>
      </c>
      <c r="GY19" s="104">
        <v>240300</v>
      </c>
      <c r="GZ19" s="104">
        <v>173790</v>
      </c>
      <c r="HA19" s="104">
        <v>0</v>
      </c>
      <c r="HB19" s="102">
        <v>1254862</v>
      </c>
      <c r="HC19" s="106">
        <v>2088111</v>
      </c>
      <c r="HD19" s="100">
        <v>1276391</v>
      </c>
      <c r="HE19" s="104">
        <v>973910</v>
      </c>
      <c r="HF19" s="102">
        <v>2250301</v>
      </c>
      <c r="HG19" s="101">
        <v>0</v>
      </c>
      <c r="HH19" s="104">
        <v>12082604</v>
      </c>
      <c r="HI19" s="104">
        <v>13222286</v>
      </c>
      <c r="HJ19" s="104">
        <v>13119975</v>
      </c>
      <c r="HK19" s="104">
        <v>15671585</v>
      </c>
      <c r="HL19" s="104">
        <v>12171286</v>
      </c>
      <c r="HM19" s="103">
        <v>66267736</v>
      </c>
      <c r="HN19" s="99">
        <v>68518037</v>
      </c>
      <c r="HO19" s="105">
        <v>453540</v>
      </c>
      <c r="HP19" s="104">
        <v>940325</v>
      </c>
      <c r="HQ19" s="103">
        <v>1393865</v>
      </c>
      <c r="HR19" s="100">
        <v>0</v>
      </c>
      <c r="HS19" s="104">
        <v>8318160</v>
      </c>
      <c r="HT19" s="104">
        <v>7948548</v>
      </c>
      <c r="HU19" s="104">
        <v>5185008</v>
      </c>
      <c r="HV19" s="104">
        <v>4297878</v>
      </c>
      <c r="HW19" s="104">
        <v>2995015</v>
      </c>
      <c r="HX19" s="102">
        <v>28744609</v>
      </c>
      <c r="HY19" s="106">
        <v>30138474</v>
      </c>
      <c r="HZ19" s="118">
        <v>70026</v>
      </c>
      <c r="IA19" s="119">
        <v>199974</v>
      </c>
      <c r="IB19" s="120">
        <v>270000</v>
      </c>
      <c r="IC19" s="133">
        <v>0</v>
      </c>
      <c r="ID19" s="119">
        <v>11871449</v>
      </c>
      <c r="IE19" s="134">
        <v>15319053</v>
      </c>
      <c r="IF19" s="120">
        <v>16477378</v>
      </c>
      <c r="IG19" s="119">
        <v>10253902</v>
      </c>
      <c r="IH19" s="120">
        <v>6302159</v>
      </c>
      <c r="II19" s="135">
        <v>60223941</v>
      </c>
      <c r="IJ19" s="126">
        <v>60493941</v>
      </c>
      <c r="IK19" s="219">
        <v>0</v>
      </c>
      <c r="IL19" s="223">
        <v>0</v>
      </c>
      <c r="IM19" s="224">
        <v>0</v>
      </c>
      <c r="IN19" s="127"/>
      <c r="IO19" s="109">
        <v>82355</v>
      </c>
      <c r="IP19" s="109">
        <v>139182</v>
      </c>
      <c r="IQ19" s="109">
        <v>278220</v>
      </c>
      <c r="IR19" s="109">
        <v>252872</v>
      </c>
      <c r="IS19" s="109">
        <v>336488</v>
      </c>
      <c r="IT19" s="128">
        <v>1089117</v>
      </c>
      <c r="IU19" s="298">
        <v>1089117</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7493876</v>
      </c>
      <c r="JL19" s="109">
        <v>7555645</v>
      </c>
      <c r="JM19" s="109">
        <v>6720800</v>
      </c>
      <c r="JN19" s="109">
        <v>2719362</v>
      </c>
      <c r="JO19" s="109">
        <v>2092726</v>
      </c>
      <c r="JP19" s="110">
        <v>26582409</v>
      </c>
      <c r="JQ19" s="298">
        <v>26582409</v>
      </c>
      <c r="JR19" s="129">
        <v>0</v>
      </c>
      <c r="JS19" s="109">
        <v>0</v>
      </c>
      <c r="JT19" s="128">
        <v>0</v>
      </c>
      <c r="JU19" s="108">
        <v>0</v>
      </c>
      <c r="JV19" s="109">
        <v>195391</v>
      </c>
      <c r="JW19" s="109">
        <v>648250</v>
      </c>
      <c r="JX19" s="109">
        <v>988805</v>
      </c>
      <c r="JY19" s="109">
        <v>614427</v>
      </c>
      <c r="JZ19" s="109">
        <v>548156</v>
      </c>
      <c r="KA19" s="110">
        <v>2995029</v>
      </c>
      <c r="KB19" s="298">
        <v>2995029</v>
      </c>
      <c r="KC19" s="221">
        <v>70026</v>
      </c>
      <c r="KD19" s="217">
        <v>199974</v>
      </c>
      <c r="KE19" s="110">
        <v>270000</v>
      </c>
      <c r="KF19" s="108">
        <v>0</v>
      </c>
      <c r="KG19" s="109">
        <v>1404237</v>
      </c>
      <c r="KH19" s="109">
        <v>1692636</v>
      </c>
      <c r="KI19" s="109">
        <v>1865519</v>
      </c>
      <c r="KJ19" s="109">
        <v>265773</v>
      </c>
      <c r="KK19" s="109">
        <v>0</v>
      </c>
      <c r="KL19" s="110">
        <v>5228165</v>
      </c>
      <c r="KM19" s="130">
        <v>5498165</v>
      </c>
      <c r="KN19" s="219">
        <v>0</v>
      </c>
      <c r="KO19" s="223">
        <v>0</v>
      </c>
      <c r="KP19" s="224">
        <v>0</v>
      </c>
      <c r="KQ19" s="127"/>
      <c r="KR19" s="109">
        <v>2695590</v>
      </c>
      <c r="KS19" s="109">
        <v>5081934</v>
      </c>
      <c r="KT19" s="109">
        <v>6290868</v>
      </c>
      <c r="KU19" s="109">
        <v>5228858</v>
      </c>
      <c r="KV19" s="109">
        <v>2580536</v>
      </c>
      <c r="KW19" s="110">
        <v>21877786</v>
      </c>
      <c r="KX19" s="298">
        <v>21877786</v>
      </c>
      <c r="KY19" s="129">
        <v>0</v>
      </c>
      <c r="KZ19" s="109">
        <v>0</v>
      </c>
      <c r="LA19" s="110">
        <v>0</v>
      </c>
      <c r="LB19" s="132"/>
      <c r="LC19" s="109">
        <v>0</v>
      </c>
      <c r="LD19" s="109">
        <v>201406</v>
      </c>
      <c r="LE19" s="109">
        <v>333166</v>
      </c>
      <c r="LF19" s="109">
        <v>1172610</v>
      </c>
      <c r="LG19" s="109">
        <v>744253</v>
      </c>
      <c r="LH19" s="110">
        <v>2451435</v>
      </c>
      <c r="LI19" s="111">
        <v>2451435</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2897272</v>
      </c>
      <c r="MK19" s="109">
        <v>9599387</v>
      </c>
      <c r="ML19" s="109">
        <v>29648544</v>
      </c>
      <c r="MM19" s="109">
        <v>52907432</v>
      </c>
      <c r="MN19" s="109">
        <v>45051360</v>
      </c>
      <c r="MO19" s="110">
        <v>140103995</v>
      </c>
      <c r="MP19" s="130">
        <v>140103995</v>
      </c>
      <c r="MQ19" s="129">
        <v>0</v>
      </c>
      <c r="MR19" s="109">
        <v>0</v>
      </c>
      <c r="MS19" s="110">
        <v>0</v>
      </c>
      <c r="MT19" s="132"/>
      <c r="MU19" s="109">
        <v>452558</v>
      </c>
      <c r="MV19" s="109">
        <v>731948</v>
      </c>
      <c r="MW19" s="109">
        <v>17008870</v>
      </c>
      <c r="MX19" s="109">
        <v>43211506</v>
      </c>
      <c r="MY19" s="109">
        <v>37105258</v>
      </c>
      <c r="MZ19" s="110">
        <v>98510140</v>
      </c>
      <c r="NA19" s="130">
        <v>98510140</v>
      </c>
      <c r="NB19" s="129">
        <v>0</v>
      </c>
      <c r="NC19" s="109">
        <v>0</v>
      </c>
      <c r="ND19" s="110">
        <v>0</v>
      </c>
      <c r="NE19" s="132"/>
      <c r="NF19" s="109">
        <v>2444714</v>
      </c>
      <c r="NG19" s="109">
        <v>8867439</v>
      </c>
      <c r="NH19" s="109">
        <v>12639674</v>
      </c>
      <c r="NI19" s="109">
        <v>9695926</v>
      </c>
      <c r="NJ19" s="109">
        <v>7523426</v>
      </c>
      <c r="NK19" s="110">
        <v>41171179</v>
      </c>
      <c r="NL19" s="298">
        <v>41171179</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422676</v>
      </c>
      <c r="OG19" s="110">
        <v>422676</v>
      </c>
      <c r="OH19" s="111">
        <v>422676</v>
      </c>
      <c r="OI19" s="129">
        <v>3546354</v>
      </c>
      <c r="OJ19" s="109">
        <v>5701192</v>
      </c>
      <c r="OK19" s="128">
        <v>9247546</v>
      </c>
      <c r="OL19" s="108">
        <v>0</v>
      </c>
      <c r="OM19" s="109">
        <v>63921006</v>
      </c>
      <c r="ON19" s="109">
        <v>87488208</v>
      </c>
      <c r="OO19" s="109">
        <v>100997615</v>
      </c>
      <c r="OP19" s="109">
        <v>123595355</v>
      </c>
      <c r="OQ19" s="109">
        <v>106759280</v>
      </c>
      <c r="OR19" s="110">
        <v>482761464</v>
      </c>
      <c r="OS19" s="130">
        <v>492009010</v>
      </c>
    </row>
    <row r="20" spans="2:409" ht="21" customHeight="1" x14ac:dyDescent="0.2">
      <c r="B20" s="472" t="s">
        <v>15</v>
      </c>
      <c r="C20" s="100">
        <v>2471836</v>
      </c>
      <c r="D20" s="104">
        <v>3981442</v>
      </c>
      <c r="E20" s="103">
        <v>6453278</v>
      </c>
      <c r="F20" s="99">
        <v>0</v>
      </c>
      <c r="G20" s="104">
        <v>32837195</v>
      </c>
      <c r="H20" s="104">
        <v>44722913</v>
      </c>
      <c r="I20" s="104">
        <v>40536500</v>
      </c>
      <c r="J20" s="104">
        <v>36451305</v>
      </c>
      <c r="K20" s="104">
        <v>28954033</v>
      </c>
      <c r="L20" s="99">
        <v>183501946</v>
      </c>
      <c r="M20" s="106">
        <v>189955224</v>
      </c>
      <c r="N20" s="100">
        <v>238465</v>
      </c>
      <c r="O20" s="104">
        <v>637371</v>
      </c>
      <c r="P20" s="103">
        <v>875836</v>
      </c>
      <c r="Q20" s="100">
        <v>0</v>
      </c>
      <c r="R20" s="104">
        <v>7043581</v>
      </c>
      <c r="S20" s="104">
        <v>12467887</v>
      </c>
      <c r="T20" s="104">
        <v>9899213</v>
      </c>
      <c r="U20" s="104">
        <v>10175945</v>
      </c>
      <c r="V20" s="104">
        <v>14097223</v>
      </c>
      <c r="W20" s="103">
        <v>53683849</v>
      </c>
      <c r="X20" s="106">
        <v>54559685</v>
      </c>
      <c r="Y20" s="100">
        <v>0</v>
      </c>
      <c r="Z20" s="104">
        <v>0</v>
      </c>
      <c r="AA20" s="103">
        <v>0</v>
      </c>
      <c r="AB20" s="100">
        <v>0</v>
      </c>
      <c r="AC20" s="104">
        <v>3163491</v>
      </c>
      <c r="AD20" s="104">
        <v>7236169</v>
      </c>
      <c r="AE20" s="104">
        <v>5887670</v>
      </c>
      <c r="AF20" s="104">
        <v>6205582</v>
      </c>
      <c r="AG20" s="104">
        <v>8082714</v>
      </c>
      <c r="AH20" s="103">
        <v>30575626</v>
      </c>
      <c r="AI20" s="106">
        <v>30575626</v>
      </c>
      <c r="AJ20" s="100">
        <v>0</v>
      </c>
      <c r="AK20" s="104">
        <v>0</v>
      </c>
      <c r="AL20" s="103">
        <v>0</v>
      </c>
      <c r="AM20" s="100">
        <v>0</v>
      </c>
      <c r="AN20" s="104">
        <v>0</v>
      </c>
      <c r="AO20" s="104">
        <v>52608</v>
      </c>
      <c r="AP20" s="104">
        <v>551100</v>
      </c>
      <c r="AQ20" s="104">
        <v>570757</v>
      </c>
      <c r="AR20" s="104">
        <v>2016859</v>
      </c>
      <c r="AS20" s="103">
        <v>3191324</v>
      </c>
      <c r="AT20" s="106">
        <v>3191324</v>
      </c>
      <c r="AU20" s="100">
        <v>44132</v>
      </c>
      <c r="AV20" s="104">
        <v>443955</v>
      </c>
      <c r="AW20" s="103">
        <v>488087</v>
      </c>
      <c r="AX20" s="100">
        <v>0</v>
      </c>
      <c r="AY20" s="104">
        <v>1965484</v>
      </c>
      <c r="AZ20" s="104">
        <v>2999663</v>
      </c>
      <c r="BA20" s="104">
        <v>1715149</v>
      </c>
      <c r="BB20" s="104">
        <v>1556361</v>
      </c>
      <c r="BC20" s="104">
        <v>2717117</v>
      </c>
      <c r="BD20" s="103">
        <v>10953774</v>
      </c>
      <c r="BE20" s="106">
        <v>11441861</v>
      </c>
      <c r="BF20" s="100">
        <v>0</v>
      </c>
      <c r="BG20" s="104">
        <v>54153</v>
      </c>
      <c r="BH20" s="102">
        <v>54153</v>
      </c>
      <c r="BI20" s="101">
        <v>0</v>
      </c>
      <c r="BJ20" s="104">
        <v>288299</v>
      </c>
      <c r="BK20" s="104">
        <v>469180</v>
      </c>
      <c r="BL20" s="104">
        <v>104756</v>
      </c>
      <c r="BM20" s="104">
        <v>119875</v>
      </c>
      <c r="BN20" s="104">
        <v>248481</v>
      </c>
      <c r="BO20" s="103">
        <v>1230591</v>
      </c>
      <c r="BP20" s="106">
        <v>1284744</v>
      </c>
      <c r="BQ20" s="100">
        <v>194333</v>
      </c>
      <c r="BR20" s="104">
        <v>139263</v>
      </c>
      <c r="BS20" s="103">
        <v>333596</v>
      </c>
      <c r="BT20" s="100">
        <v>0</v>
      </c>
      <c r="BU20" s="104">
        <v>1626307</v>
      </c>
      <c r="BV20" s="104">
        <v>1710267</v>
      </c>
      <c r="BW20" s="104">
        <v>1640538</v>
      </c>
      <c r="BX20" s="104">
        <v>1723370</v>
      </c>
      <c r="BY20" s="104">
        <v>1032052</v>
      </c>
      <c r="BZ20" s="103">
        <v>7732534</v>
      </c>
      <c r="CA20" s="106">
        <v>8066130</v>
      </c>
      <c r="CB20" s="100">
        <v>0</v>
      </c>
      <c r="CC20" s="104">
        <v>221879</v>
      </c>
      <c r="CD20" s="103">
        <v>221879</v>
      </c>
      <c r="CE20" s="100">
        <v>0</v>
      </c>
      <c r="CF20" s="104">
        <v>7954095</v>
      </c>
      <c r="CG20" s="104">
        <v>11289889</v>
      </c>
      <c r="CH20" s="104">
        <v>7686372</v>
      </c>
      <c r="CI20" s="104">
        <v>3740184</v>
      </c>
      <c r="CJ20" s="104">
        <v>2042505</v>
      </c>
      <c r="CK20" s="103">
        <v>32713045</v>
      </c>
      <c r="CL20" s="106">
        <v>32934924</v>
      </c>
      <c r="CM20" s="100">
        <v>0</v>
      </c>
      <c r="CN20" s="104">
        <v>0</v>
      </c>
      <c r="CO20" s="103">
        <v>0</v>
      </c>
      <c r="CP20" s="101">
        <v>0</v>
      </c>
      <c r="CQ20" s="104">
        <v>6283492</v>
      </c>
      <c r="CR20" s="104">
        <v>9409555</v>
      </c>
      <c r="CS20" s="104">
        <v>5509985</v>
      </c>
      <c r="CT20" s="104">
        <v>2375004</v>
      </c>
      <c r="CU20" s="104">
        <v>1179305</v>
      </c>
      <c r="CV20" s="103">
        <v>24757341</v>
      </c>
      <c r="CW20" s="106">
        <v>24757341</v>
      </c>
      <c r="CX20" s="100">
        <v>0</v>
      </c>
      <c r="CY20" s="104">
        <v>221879</v>
      </c>
      <c r="CZ20" s="103">
        <v>221879</v>
      </c>
      <c r="DA20" s="100">
        <v>0</v>
      </c>
      <c r="DB20" s="104">
        <v>1670603</v>
      </c>
      <c r="DC20" s="104">
        <v>1880334</v>
      </c>
      <c r="DD20" s="104">
        <v>2176387</v>
      </c>
      <c r="DE20" s="104">
        <v>1365180</v>
      </c>
      <c r="DF20" s="104">
        <v>863200</v>
      </c>
      <c r="DG20" s="103">
        <v>7955704</v>
      </c>
      <c r="DH20" s="106">
        <v>8177583</v>
      </c>
      <c r="DI20" s="100">
        <v>0</v>
      </c>
      <c r="DJ20" s="104">
        <v>92799</v>
      </c>
      <c r="DK20" s="102">
        <v>92799</v>
      </c>
      <c r="DL20" s="101">
        <v>0</v>
      </c>
      <c r="DM20" s="104">
        <v>283312</v>
      </c>
      <c r="DN20" s="104">
        <v>3199418</v>
      </c>
      <c r="DO20" s="104">
        <v>7397506</v>
      </c>
      <c r="DP20" s="104">
        <v>7909059</v>
      </c>
      <c r="DQ20" s="104">
        <v>4955018</v>
      </c>
      <c r="DR20" s="103">
        <v>23744313</v>
      </c>
      <c r="DS20" s="106">
        <v>23837112</v>
      </c>
      <c r="DT20" s="100">
        <v>0</v>
      </c>
      <c r="DU20" s="104">
        <v>92799</v>
      </c>
      <c r="DV20" s="103">
        <v>92799</v>
      </c>
      <c r="DW20" s="100">
        <v>0</v>
      </c>
      <c r="DX20" s="104">
        <v>283312</v>
      </c>
      <c r="DY20" s="104">
        <v>2975623</v>
      </c>
      <c r="DZ20" s="104">
        <v>6908245</v>
      </c>
      <c r="EA20" s="104">
        <v>7394168</v>
      </c>
      <c r="EB20" s="104">
        <v>4955018</v>
      </c>
      <c r="EC20" s="103">
        <v>22516366</v>
      </c>
      <c r="ED20" s="106">
        <v>22609165</v>
      </c>
      <c r="EE20" s="100">
        <v>0</v>
      </c>
      <c r="EF20" s="102">
        <v>0</v>
      </c>
      <c r="EG20" s="103">
        <v>0</v>
      </c>
      <c r="EH20" s="100">
        <v>0</v>
      </c>
      <c r="EI20" s="104">
        <v>0</v>
      </c>
      <c r="EJ20" s="104">
        <v>223795</v>
      </c>
      <c r="EK20" s="104">
        <v>489261</v>
      </c>
      <c r="EL20" s="104">
        <v>514891</v>
      </c>
      <c r="EM20" s="104">
        <v>0</v>
      </c>
      <c r="EN20" s="102">
        <v>1227947</v>
      </c>
      <c r="EO20" s="106">
        <v>1227947</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698445</v>
      </c>
      <c r="FM20" s="104">
        <v>956967</v>
      </c>
      <c r="FN20" s="103">
        <v>1655412</v>
      </c>
      <c r="FO20" s="100">
        <v>0</v>
      </c>
      <c r="FP20" s="104">
        <v>1657614</v>
      </c>
      <c r="FQ20" s="104">
        <v>4534366</v>
      </c>
      <c r="FR20" s="104">
        <v>3091377</v>
      </c>
      <c r="FS20" s="104">
        <v>2299502</v>
      </c>
      <c r="FT20" s="104">
        <v>2143727</v>
      </c>
      <c r="FU20" s="103">
        <v>13726586</v>
      </c>
      <c r="FV20" s="106">
        <v>15381998</v>
      </c>
      <c r="FW20" s="105">
        <v>341809</v>
      </c>
      <c r="FX20" s="104">
        <v>812908</v>
      </c>
      <c r="FY20" s="102">
        <v>1154717</v>
      </c>
      <c r="FZ20" s="101">
        <v>0</v>
      </c>
      <c r="GA20" s="104">
        <v>1417003</v>
      </c>
      <c r="GB20" s="104">
        <v>4234846</v>
      </c>
      <c r="GC20" s="104">
        <v>2706105</v>
      </c>
      <c r="GD20" s="104">
        <v>2068999</v>
      </c>
      <c r="GE20" s="104">
        <v>1914427</v>
      </c>
      <c r="GF20" s="103">
        <v>12341380</v>
      </c>
      <c r="GG20" s="296">
        <v>13496097</v>
      </c>
      <c r="GH20" s="105">
        <v>0</v>
      </c>
      <c r="GI20" s="104">
        <v>21225</v>
      </c>
      <c r="GJ20" s="102">
        <v>21225</v>
      </c>
      <c r="GK20" s="101">
        <v>0</v>
      </c>
      <c r="GL20" s="104">
        <v>145480</v>
      </c>
      <c r="GM20" s="104">
        <v>146520</v>
      </c>
      <c r="GN20" s="104">
        <v>101772</v>
      </c>
      <c r="GO20" s="104">
        <v>90733</v>
      </c>
      <c r="GP20" s="104">
        <v>97900</v>
      </c>
      <c r="GQ20" s="103">
        <v>582405</v>
      </c>
      <c r="GR20" s="106">
        <v>603630</v>
      </c>
      <c r="GS20" s="100">
        <v>356636</v>
      </c>
      <c r="GT20" s="104">
        <v>122834</v>
      </c>
      <c r="GU20" s="103">
        <v>479470</v>
      </c>
      <c r="GV20" s="100">
        <v>0</v>
      </c>
      <c r="GW20" s="104">
        <v>95131</v>
      </c>
      <c r="GX20" s="104">
        <v>153000</v>
      </c>
      <c r="GY20" s="104">
        <v>283500</v>
      </c>
      <c r="GZ20" s="104">
        <v>139770</v>
      </c>
      <c r="HA20" s="104">
        <v>131400</v>
      </c>
      <c r="HB20" s="102">
        <v>802801</v>
      </c>
      <c r="HC20" s="106">
        <v>1282271</v>
      </c>
      <c r="HD20" s="100">
        <v>1207827</v>
      </c>
      <c r="HE20" s="104">
        <v>1256582</v>
      </c>
      <c r="HF20" s="102">
        <v>2464409</v>
      </c>
      <c r="HG20" s="101">
        <v>0</v>
      </c>
      <c r="HH20" s="104">
        <v>9511185</v>
      </c>
      <c r="HI20" s="104">
        <v>6020067</v>
      </c>
      <c r="HJ20" s="104">
        <v>8241914</v>
      </c>
      <c r="HK20" s="104">
        <v>9653814</v>
      </c>
      <c r="HL20" s="104">
        <v>3764002</v>
      </c>
      <c r="HM20" s="103">
        <v>37190982</v>
      </c>
      <c r="HN20" s="99">
        <v>39655391</v>
      </c>
      <c r="HO20" s="105">
        <v>327099</v>
      </c>
      <c r="HP20" s="104">
        <v>815844</v>
      </c>
      <c r="HQ20" s="103">
        <v>1142943</v>
      </c>
      <c r="HR20" s="100">
        <v>0</v>
      </c>
      <c r="HS20" s="104">
        <v>6387408</v>
      </c>
      <c r="HT20" s="104">
        <v>7211286</v>
      </c>
      <c r="HU20" s="104">
        <v>4220118</v>
      </c>
      <c r="HV20" s="104">
        <v>2672801</v>
      </c>
      <c r="HW20" s="104">
        <v>1951558</v>
      </c>
      <c r="HX20" s="102">
        <v>22443171</v>
      </c>
      <c r="HY20" s="106">
        <v>23586114</v>
      </c>
      <c r="HZ20" s="137">
        <v>129001</v>
      </c>
      <c r="IA20" s="122">
        <v>1828147</v>
      </c>
      <c r="IB20" s="137">
        <v>1957148</v>
      </c>
      <c r="IC20" s="121">
        <v>0</v>
      </c>
      <c r="ID20" s="122">
        <v>18830375</v>
      </c>
      <c r="IE20" s="123">
        <v>23327650</v>
      </c>
      <c r="IF20" s="124">
        <v>23764838</v>
      </c>
      <c r="IG20" s="122">
        <v>17060418</v>
      </c>
      <c r="IH20" s="124">
        <v>11076517</v>
      </c>
      <c r="II20" s="125">
        <v>94059798</v>
      </c>
      <c r="IJ20" s="137">
        <v>96016946</v>
      </c>
      <c r="IK20" s="219">
        <v>0</v>
      </c>
      <c r="IL20" s="223">
        <v>0</v>
      </c>
      <c r="IM20" s="224">
        <v>0</v>
      </c>
      <c r="IN20" s="127"/>
      <c r="IO20" s="109">
        <v>96405</v>
      </c>
      <c r="IP20" s="109">
        <v>333377</v>
      </c>
      <c r="IQ20" s="109">
        <v>662091</v>
      </c>
      <c r="IR20" s="109">
        <v>1404116</v>
      </c>
      <c r="IS20" s="109">
        <v>1521811</v>
      </c>
      <c r="IT20" s="128">
        <v>4017800</v>
      </c>
      <c r="IU20" s="298">
        <v>4017800</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6720454</v>
      </c>
      <c r="JL20" s="109">
        <v>9714340</v>
      </c>
      <c r="JM20" s="109">
        <v>7310602</v>
      </c>
      <c r="JN20" s="109">
        <v>2937862</v>
      </c>
      <c r="JO20" s="109">
        <v>1235190</v>
      </c>
      <c r="JP20" s="110">
        <v>27918448</v>
      </c>
      <c r="JQ20" s="298">
        <v>27918448</v>
      </c>
      <c r="JR20" s="129">
        <v>0</v>
      </c>
      <c r="JS20" s="109">
        <v>0</v>
      </c>
      <c r="JT20" s="128">
        <v>0</v>
      </c>
      <c r="JU20" s="108">
        <v>0</v>
      </c>
      <c r="JV20" s="109">
        <v>281239</v>
      </c>
      <c r="JW20" s="109">
        <v>196682</v>
      </c>
      <c r="JX20" s="109">
        <v>531707</v>
      </c>
      <c r="JY20" s="109">
        <v>263675</v>
      </c>
      <c r="JZ20" s="109">
        <v>362263</v>
      </c>
      <c r="KA20" s="110">
        <v>1635566</v>
      </c>
      <c r="KB20" s="298">
        <v>1635566</v>
      </c>
      <c r="KC20" s="221">
        <v>129001</v>
      </c>
      <c r="KD20" s="217">
        <v>828355</v>
      </c>
      <c r="KE20" s="110">
        <v>957356</v>
      </c>
      <c r="KF20" s="108">
        <v>0</v>
      </c>
      <c r="KG20" s="109">
        <v>2479009</v>
      </c>
      <c r="KH20" s="109">
        <v>2724221</v>
      </c>
      <c r="KI20" s="109">
        <v>2688551</v>
      </c>
      <c r="KJ20" s="109">
        <v>1647905</v>
      </c>
      <c r="KK20" s="109">
        <v>1224619</v>
      </c>
      <c r="KL20" s="110">
        <v>10764305</v>
      </c>
      <c r="KM20" s="130">
        <v>11721661</v>
      </c>
      <c r="KN20" s="219">
        <v>0</v>
      </c>
      <c r="KO20" s="223">
        <v>999792</v>
      </c>
      <c r="KP20" s="224">
        <v>999792</v>
      </c>
      <c r="KQ20" s="127"/>
      <c r="KR20" s="109">
        <v>9253268</v>
      </c>
      <c r="KS20" s="109">
        <v>10359030</v>
      </c>
      <c r="KT20" s="109">
        <v>10597655</v>
      </c>
      <c r="KU20" s="109">
        <v>6428856</v>
      </c>
      <c r="KV20" s="109">
        <v>4168819</v>
      </c>
      <c r="KW20" s="110">
        <v>40807628</v>
      </c>
      <c r="KX20" s="298">
        <v>41807420</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1974232</v>
      </c>
      <c r="LQ20" s="109">
        <v>4378004</v>
      </c>
      <c r="LR20" s="109">
        <v>2563815</v>
      </c>
      <c r="LS20" s="110">
        <v>8916051</v>
      </c>
      <c r="LT20" s="298">
        <v>8916051</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4679506</v>
      </c>
      <c r="MK20" s="109">
        <v>9754950</v>
      </c>
      <c r="ML20" s="109">
        <v>35850067</v>
      </c>
      <c r="MM20" s="109">
        <v>58629797</v>
      </c>
      <c r="MN20" s="109">
        <v>34138847</v>
      </c>
      <c r="MO20" s="110">
        <v>143053167</v>
      </c>
      <c r="MP20" s="130">
        <v>143053167</v>
      </c>
      <c r="MQ20" s="129">
        <v>0</v>
      </c>
      <c r="MR20" s="109">
        <v>0</v>
      </c>
      <c r="MS20" s="110">
        <v>0</v>
      </c>
      <c r="MT20" s="132"/>
      <c r="MU20" s="109">
        <v>210634</v>
      </c>
      <c r="MV20" s="109">
        <v>95562</v>
      </c>
      <c r="MW20" s="109">
        <v>21686696</v>
      </c>
      <c r="MX20" s="109">
        <v>41221170</v>
      </c>
      <c r="MY20" s="109">
        <v>25387947</v>
      </c>
      <c r="MZ20" s="110">
        <v>88602009</v>
      </c>
      <c r="NA20" s="130">
        <v>88602009</v>
      </c>
      <c r="NB20" s="129">
        <v>0</v>
      </c>
      <c r="NC20" s="109">
        <v>0</v>
      </c>
      <c r="ND20" s="110">
        <v>0</v>
      </c>
      <c r="NE20" s="132"/>
      <c r="NF20" s="109">
        <v>4468872</v>
      </c>
      <c r="NG20" s="109">
        <v>9659388</v>
      </c>
      <c r="NH20" s="109">
        <v>14163371</v>
      </c>
      <c r="NI20" s="109">
        <v>17408627</v>
      </c>
      <c r="NJ20" s="109">
        <v>8750900</v>
      </c>
      <c r="NK20" s="110">
        <v>54451158</v>
      </c>
      <c r="NL20" s="298">
        <v>54451158</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2600837</v>
      </c>
      <c r="OJ20" s="109">
        <v>5809589</v>
      </c>
      <c r="OK20" s="128">
        <v>8410426</v>
      </c>
      <c r="OL20" s="108">
        <v>0</v>
      </c>
      <c r="OM20" s="109">
        <v>56347076</v>
      </c>
      <c r="ON20" s="109">
        <v>77805513</v>
      </c>
      <c r="OO20" s="109">
        <v>100151405</v>
      </c>
      <c r="OP20" s="109">
        <v>112141520</v>
      </c>
      <c r="OQ20" s="109">
        <v>74169397</v>
      </c>
      <c r="OR20" s="110">
        <v>420614911</v>
      </c>
      <c r="OS20" s="130">
        <v>429025337</v>
      </c>
    </row>
    <row r="21" spans="2:409" ht="21" customHeight="1" x14ac:dyDescent="0.2">
      <c r="B21" s="472" t="s">
        <v>16</v>
      </c>
      <c r="C21" s="100">
        <v>6100656</v>
      </c>
      <c r="D21" s="104">
        <v>14680077</v>
      </c>
      <c r="E21" s="103">
        <v>20780733</v>
      </c>
      <c r="F21" s="99">
        <v>0</v>
      </c>
      <c r="G21" s="104">
        <v>83596657</v>
      </c>
      <c r="H21" s="104">
        <v>144876110</v>
      </c>
      <c r="I21" s="104">
        <v>105827075</v>
      </c>
      <c r="J21" s="104">
        <v>98390896</v>
      </c>
      <c r="K21" s="104">
        <v>72698191</v>
      </c>
      <c r="L21" s="99">
        <v>505388929</v>
      </c>
      <c r="M21" s="106">
        <v>526169662</v>
      </c>
      <c r="N21" s="100">
        <v>1289095</v>
      </c>
      <c r="O21" s="104">
        <v>2418276</v>
      </c>
      <c r="P21" s="103">
        <v>3707371</v>
      </c>
      <c r="Q21" s="100">
        <v>0</v>
      </c>
      <c r="R21" s="104">
        <v>16970773</v>
      </c>
      <c r="S21" s="104">
        <v>33910170</v>
      </c>
      <c r="T21" s="104">
        <v>26616545</v>
      </c>
      <c r="U21" s="104">
        <v>26640580</v>
      </c>
      <c r="V21" s="104">
        <v>27196769</v>
      </c>
      <c r="W21" s="103">
        <v>131334837</v>
      </c>
      <c r="X21" s="106">
        <v>135042208</v>
      </c>
      <c r="Y21" s="100">
        <v>0</v>
      </c>
      <c r="Z21" s="104">
        <v>0</v>
      </c>
      <c r="AA21" s="103">
        <v>0</v>
      </c>
      <c r="AB21" s="100">
        <v>0</v>
      </c>
      <c r="AC21" s="104">
        <v>7232911</v>
      </c>
      <c r="AD21" s="104">
        <v>14300148</v>
      </c>
      <c r="AE21" s="104">
        <v>12843646</v>
      </c>
      <c r="AF21" s="104">
        <v>13474424</v>
      </c>
      <c r="AG21" s="104">
        <v>13921821</v>
      </c>
      <c r="AH21" s="103">
        <v>61772950</v>
      </c>
      <c r="AI21" s="106">
        <v>61772950</v>
      </c>
      <c r="AJ21" s="100">
        <v>0</v>
      </c>
      <c r="AK21" s="104">
        <v>0</v>
      </c>
      <c r="AL21" s="103">
        <v>0</v>
      </c>
      <c r="AM21" s="100">
        <v>0</v>
      </c>
      <c r="AN21" s="104">
        <v>75126</v>
      </c>
      <c r="AO21" s="104">
        <v>412821</v>
      </c>
      <c r="AP21" s="104">
        <v>723751</v>
      </c>
      <c r="AQ21" s="104">
        <v>1251210</v>
      </c>
      <c r="AR21" s="104">
        <v>2723400</v>
      </c>
      <c r="AS21" s="103">
        <v>5186308</v>
      </c>
      <c r="AT21" s="106">
        <v>5186308</v>
      </c>
      <c r="AU21" s="100">
        <v>602860</v>
      </c>
      <c r="AV21" s="104">
        <v>1454652</v>
      </c>
      <c r="AW21" s="103">
        <v>2057512</v>
      </c>
      <c r="AX21" s="100">
        <v>0</v>
      </c>
      <c r="AY21" s="104">
        <v>6365371</v>
      </c>
      <c r="AZ21" s="104">
        <v>13233786</v>
      </c>
      <c r="BA21" s="104">
        <v>8481979</v>
      </c>
      <c r="BB21" s="104">
        <v>7550055</v>
      </c>
      <c r="BC21" s="104">
        <v>6786043</v>
      </c>
      <c r="BD21" s="103">
        <v>42417234</v>
      </c>
      <c r="BE21" s="106">
        <v>44474746</v>
      </c>
      <c r="BF21" s="100">
        <v>182605</v>
      </c>
      <c r="BG21" s="104">
        <v>414802</v>
      </c>
      <c r="BH21" s="102">
        <v>597407</v>
      </c>
      <c r="BI21" s="101">
        <v>0</v>
      </c>
      <c r="BJ21" s="104">
        <v>490237</v>
      </c>
      <c r="BK21" s="104">
        <v>1500075</v>
      </c>
      <c r="BL21" s="104">
        <v>658914</v>
      </c>
      <c r="BM21" s="104">
        <v>298529</v>
      </c>
      <c r="BN21" s="104">
        <v>537167</v>
      </c>
      <c r="BO21" s="103">
        <v>3484922</v>
      </c>
      <c r="BP21" s="106">
        <v>4082329</v>
      </c>
      <c r="BQ21" s="100">
        <v>503630</v>
      </c>
      <c r="BR21" s="104">
        <v>548822</v>
      </c>
      <c r="BS21" s="103">
        <v>1052452</v>
      </c>
      <c r="BT21" s="100">
        <v>0</v>
      </c>
      <c r="BU21" s="104">
        <v>2807128</v>
      </c>
      <c r="BV21" s="104">
        <v>4463340</v>
      </c>
      <c r="BW21" s="104">
        <v>3908255</v>
      </c>
      <c r="BX21" s="104">
        <v>4066362</v>
      </c>
      <c r="BY21" s="104">
        <v>3228338</v>
      </c>
      <c r="BZ21" s="103">
        <v>18473423</v>
      </c>
      <c r="CA21" s="106">
        <v>19525875</v>
      </c>
      <c r="CB21" s="100">
        <v>867367</v>
      </c>
      <c r="CC21" s="104">
        <v>4273979</v>
      </c>
      <c r="CD21" s="103">
        <v>5141346</v>
      </c>
      <c r="CE21" s="100">
        <v>0</v>
      </c>
      <c r="CF21" s="104">
        <v>30148856</v>
      </c>
      <c r="CG21" s="104">
        <v>54224036</v>
      </c>
      <c r="CH21" s="104">
        <v>35429572</v>
      </c>
      <c r="CI21" s="104">
        <v>24668480</v>
      </c>
      <c r="CJ21" s="104">
        <v>15278302</v>
      </c>
      <c r="CK21" s="103">
        <v>159749246</v>
      </c>
      <c r="CL21" s="106">
        <v>164890592</v>
      </c>
      <c r="CM21" s="100">
        <v>0</v>
      </c>
      <c r="CN21" s="104">
        <v>0</v>
      </c>
      <c r="CO21" s="103">
        <v>0</v>
      </c>
      <c r="CP21" s="101">
        <v>0</v>
      </c>
      <c r="CQ21" s="104">
        <v>19718814</v>
      </c>
      <c r="CR21" s="104">
        <v>35850946</v>
      </c>
      <c r="CS21" s="104">
        <v>25677354</v>
      </c>
      <c r="CT21" s="104">
        <v>18253692</v>
      </c>
      <c r="CU21" s="104">
        <v>13100899</v>
      </c>
      <c r="CV21" s="103">
        <v>112601705</v>
      </c>
      <c r="CW21" s="106">
        <v>112601705</v>
      </c>
      <c r="CX21" s="100">
        <v>867367</v>
      </c>
      <c r="CY21" s="104">
        <v>4273979</v>
      </c>
      <c r="CZ21" s="103">
        <v>5141346</v>
      </c>
      <c r="DA21" s="100">
        <v>0</v>
      </c>
      <c r="DB21" s="104">
        <v>10430042</v>
      </c>
      <c r="DC21" s="104">
        <v>18373090</v>
      </c>
      <c r="DD21" s="104">
        <v>9752218</v>
      </c>
      <c r="DE21" s="104">
        <v>6414788</v>
      </c>
      <c r="DF21" s="104">
        <v>2177403</v>
      </c>
      <c r="DG21" s="103">
        <v>47147541</v>
      </c>
      <c r="DH21" s="106">
        <v>52288887</v>
      </c>
      <c r="DI21" s="100">
        <v>40896</v>
      </c>
      <c r="DJ21" s="104">
        <v>67438</v>
      </c>
      <c r="DK21" s="102">
        <v>108334</v>
      </c>
      <c r="DL21" s="101">
        <v>0</v>
      </c>
      <c r="DM21" s="104">
        <v>2327465</v>
      </c>
      <c r="DN21" s="104">
        <v>5888132</v>
      </c>
      <c r="DO21" s="104">
        <v>7175854</v>
      </c>
      <c r="DP21" s="104">
        <v>6461923</v>
      </c>
      <c r="DQ21" s="104">
        <v>3094949</v>
      </c>
      <c r="DR21" s="103">
        <v>24948323</v>
      </c>
      <c r="DS21" s="106">
        <v>25056657</v>
      </c>
      <c r="DT21" s="100">
        <v>40896</v>
      </c>
      <c r="DU21" s="104">
        <v>67438</v>
      </c>
      <c r="DV21" s="103">
        <v>108334</v>
      </c>
      <c r="DW21" s="100">
        <v>0</v>
      </c>
      <c r="DX21" s="104">
        <v>2211192</v>
      </c>
      <c r="DY21" s="104">
        <v>5247545</v>
      </c>
      <c r="DZ21" s="104">
        <v>6762204</v>
      </c>
      <c r="EA21" s="104">
        <v>5548955</v>
      </c>
      <c r="EB21" s="104">
        <v>2709298</v>
      </c>
      <c r="EC21" s="103">
        <v>22479194</v>
      </c>
      <c r="ED21" s="106">
        <v>22587528</v>
      </c>
      <c r="EE21" s="100">
        <v>0</v>
      </c>
      <c r="EF21" s="102">
        <v>0</v>
      </c>
      <c r="EG21" s="103">
        <v>0</v>
      </c>
      <c r="EH21" s="100">
        <v>0</v>
      </c>
      <c r="EI21" s="104">
        <v>116273</v>
      </c>
      <c r="EJ21" s="104">
        <v>640587</v>
      </c>
      <c r="EK21" s="104">
        <v>413650</v>
      </c>
      <c r="EL21" s="104">
        <v>912968</v>
      </c>
      <c r="EM21" s="104">
        <v>385651</v>
      </c>
      <c r="EN21" s="102">
        <v>2469129</v>
      </c>
      <c r="EO21" s="106">
        <v>2469129</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1327546</v>
      </c>
      <c r="FM21" s="104">
        <v>3476760</v>
      </c>
      <c r="FN21" s="103">
        <v>4804306</v>
      </c>
      <c r="FO21" s="100">
        <v>0</v>
      </c>
      <c r="FP21" s="104">
        <v>3947551</v>
      </c>
      <c r="FQ21" s="104">
        <v>12613557</v>
      </c>
      <c r="FR21" s="104">
        <v>8029351</v>
      </c>
      <c r="FS21" s="104">
        <v>7269896</v>
      </c>
      <c r="FT21" s="104">
        <v>5530251</v>
      </c>
      <c r="FU21" s="103">
        <v>37390606</v>
      </c>
      <c r="FV21" s="106">
        <v>42194912</v>
      </c>
      <c r="FW21" s="105">
        <v>870908</v>
      </c>
      <c r="FX21" s="104">
        <v>2185682</v>
      </c>
      <c r="FY21" s="102">
        <v>3056590</v>
      </c>
      <c r="FZ21" s="101">
        <v>0</v>
      </c>
      <c r="GA21" s="104">
        <v>2852124</v>
      </c>
      <c r="GB21" s="104">
        <v>11835214</v>
      </c>
      <c r="GC21" s="104">
        <v>7475858</v>
      </c>
      <c r="GD21" s="104">
        <v>6990302</v>
      </c>
      <c r="GE21" s="104">
        <v>5194345</v>
      </c>
      <c r="GF21" s="103">
        <v>34347843</v>
      </c>
      <c r="GG21" s="296">
        <v>37404433</v>
      </c>
      <c r="GH21" s="105">
        <v>80235</v>
      </c>
      <c r="GI21" s="104">
        <v>368488</v>
      </c>
      <c r="GJ21" s="102">
        <v>448723</v>
      </c>
      <c r="GK21" s="101">
        <v>0</v>
      </c>
      <c r="GL21" s="104">
        <v>198808</v>
      </c>
      <c r="GM21" s="104">
        <v>309553</v>
      </c>
      <c r="GN21" s="104">
        <v>171610</v>
      </c>
      <c r="GO21" s="104">
        <v>181224</v>
      </c>
      <c r="GP21" s="104">
        <v>116020</v>
      </c>
      <c r="GQ21" s="103">
        <v>977215</v>
      </c>
      <c r="GR21" s="106">
        <v>1425938</v>
      </c>
      <c r="GS21" s="100">
        <v>376403</v>
      </c>
      <c r="GT21" s="104">
        <v>922590</v>
      </c>
      <c r="GU21" s="103">
        <v>1298993</v>
      </c>
      <c r="GV21" s="100">
        <v>0</v>
      </c>
      <c r="GW21" s="104">
        <v>896619</v>
      </c>
      <c r="GX21" s="104">
        <v>468790</v>
      </c>
      <c r="GY21" s="104">
        <v>381883</v>
      </c>
      <c r="GZ21" s="104">
        <v>98370</v>
      </c>
      <c r="HA21" s="104">
        <v>219886</v>
      </c>
      <c r="HB21" s="102">
        <v>2065548</v>
      </c>
      <c r="HC21" s="106">
        <v>3364541</v>
      </c>
      <c r="HD21" s="100">
        <v>1541817</v>
      </c>
      <c r="HE21" s="104">
        <v>2348874</v>
      </c>
      <c r="HF21" s="102">
        <v>3890691</v>
      </c>
      <c r="HG21" s="101">
        <v>0</v>
      </c>
      <c r="HH21" s="104">
        <v>17471183</v>
      </c>
      <c r="HI21" s="104">
        <v>20826270</v>
      </c>
      <c r="HJ21" s="104">
        <v>18371711</v>
      </c>
      <c r="HK21" s="104">
        <v>26614351</v>
      </c>
      <c r="HL21" s="104">
        <v>17374672</v>
      </c>
      <c r="HM21" s="103">
        <v>100658187</v>
      </c>
      <c r="HN21" s="99">
        <v>104548878</v>
      </c>
      <c r="HO21" s="105">
        <v>1033935</v>
      </c>
      <c r="HP21" s="104">
        <v>2094750</v>
      </c>
      <c r="HQ21" s="103">
        <v>3128685</v>
      </c>
      <c r="HR21" s="100">
        <v>0</v>
      </c>
      <c r="HS21" s="104">
        <v>12730829</v>
      </c>
      <c r="HT21" s="104">
        <v>17413945</v>
      </c>
      <c r="HU21" s="104">
        <v>10204042</v>
      </c>
      <c r="HV21" s="104">
        <v>6735666</v>
      </c>
      <c r="HW21" s="104">
        <v>4223248</v>
      </c>
      <c r="HX21" s="102">
        <v>51307730</v>
      </c>
      <c r="HY21" s="106">
        <v>54436415</v>
      </c>
      <c r="HZ21" s="118">
        <v>82807</v>
      </c>
      <c r="IA21" s="119">
        <v>151942</v>
      </c>
      <c r="IB21" s="120">
        <v>234749</v>
      </c>
      <c r="IC21" s="133">
        <v>0</v>
      </c>
      <c r="ID21" s="119">
        <v>15559117</v>
      </c>
      <c r="IE21" s="134">
        <v>30040610</v>
      </c>
      <c r="IF21" s="120">
        <v>37876320</v>
      </c>
      <c r="IG21" s="119">
        <v>25544296</v>
      </c>
      <c r="IH21" s="120">
        <v>24969250</v>
      </c>
      <c r="II21" s="135">
        <v>133989593</v>
      </c>
      <c r="IJ21" s="126">
        <v>134224342</v>
      </c>
      <c r="IK21" s="219">
        <v>0</v>
      </c>
      <c r="IL21" s="223">
        <v>0</v>
      </c>
      <c r="IM21" s="224">
        <v>0</v>
      </c>
      <c r="IN21" s="127"/>
      <c r="IO21" s="109">
        <v>615041</v>
      </c>
      <c r="IP21" s="109">
        <v>1621332</v>
      </c>
      <c r="IQ21" s="109">
        <v>2651406</v>
      </c>
      <c r="IR21" s="109">
        <v>1765870</v>
      </c>
      <c r="IS21" s="109">
        <v>2400530</v>
      </c>
      <c r="IT21" s="128">
        <v>9054179</v>
      </c>
      <c r="IU21" s="298">
        <v>9054179</v>
      </c>
      <c r="IV21" s="129">
        <v>0</v>
      </c>
      <c r="IW21" s="109">
        <v>0</v>
      </c>
      <c r="IX21" s="110">
        <v>0</v>
      </c>
      <c r="IY21" s="131"/>
      <c r="IZ21" s="109">
        <v>0</v>
      </c>
      <c r="JA21" s="109">
        <v>18446</v>
      </c>
      <c r="JB21" s="109">
        <v>59559</v>
      </c>
      <c r="JC21" s="109">
        <v>372209</v>
      </c>
      <c r="JD21" s="109">
        <v>25770</v>
      </c>
      <c r="JE21" s="110">
        <v>475984</v>
      </c>
      <c r="JF21" s="111">
        <v>475984</v>
      </c>
      <c r="JG21" s="129">
        <v>0</v>
      </c>
      <c r="JH21" s="109">
        <v>0</v>
      </c>
      <c r="JI21" s="128">
        <v>0</v>
      </c>
      <c r="JJ21" s="108">
        <v>0</v>
      </c>
      <c r="JK21" s="109">
        <v>8165901</v>
      </c>
      <c r="JL21" s="109">
        <v>9460359</v>
      </c>
      <c r="JM21" s="109">
        <v>7848950</v>
      </c>
      <c r="JN21" s="109">
        <v>4533917</v>
      </c>
      <c r="JO21" s="109">
        <v>3065195</v>
      </c>
      <c r="JP21" s="110">
        <v>33074322</v>
      </c>
      <c r="JQ21" s="298">
        <v>33074322</v>
      </c>
      <c r="JR21" s="129">
        <v>0</v>
      </c>
      <c r="JS21" s="109">
        <v>0</v>
      </c>
      <c r="JT21" s="128">
        <v>0</v>
      </c>
      <c r="JU21" s="108">
        <v>0</v>
      </c>
      <c r="JV21" s="109">
        <v>374376</v>
      </c>
      <c r="JW21" s="109">
        <v>1382782</v>
      </c>
      <c r="JX21" s="109">
        <v>1345319</v>
      </c>
      <c r="JY21" s="109">
        <v>424220</v>
      </c>
      <c r="JZ21" s="109">
        <v>732041</v>
      </c>
      <c r="KA21" s="110">
        <v>4258738</v>
      </c>
      <c r="KB21" s="298">
        <v>4258738</v>
      </c>
      <c r="KC21" s="221">
        <v>82807</v>
      </c>
      <c r="KD21" s="217">
        <v>151942</v>
      </c>
      <c r="KE21" s="110">
        <v>234749</v>
      </c>
      <c r="KF21" s="108">
        <v>0</v>
      </c>
      <c r="KG21" s="109">
        <v>2294124</v>
      </c>
      <c r="KH21" s="109">
        <v>5225348</v>
      </c>
      <c r="KI21" s="109">
        <v>4859837</v>
      </c>
      <c r="KJ21" s="109">
        <v>6046889</v>
      </c>
      <c r="KK21" s="109">
        <v>2416039</v>
      </c>
      <c r="KL21" s="110">
        <v>20842237</v>
      </c>
      <c r="KM21" s="130">
        <v>21076986</v>
      </c>
      <c r="KN21" s="219">
        <v>0</v>
      </c>
      <c r="KO21" s="223">
        <v>0</v>
      </c>
      <c r="KP21" s="224">
        <v>0</v>
      </c>
      <c r="KQ21" s="127"/>
      <c r="KR21" s="109">
        <v>3684210</v>
      </c>
      <c r="KS21" s="109">
        <v>10410064</v>
      </c>
      <c r="KT21" s="109">
        <v>17028113</v>
      </c>
      <c r="KU21" s="109">
        <v>9096147</v>
      </c>
      <c r="KV21" s="109">
        <v>11160439</v>
      </c>
      <c r="KW21" s="110">
        <v>51378973</v>
      </c>
      <c r="KX21" s="298">
        <v>51378973</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793554</v>
      </c>
      <c r="LP21" s="109">
        <v>2821445</v>
      </c>
      <c r="LQ21" s="109">
        <v>2785371</v>
      </c>
      <c r="LR21" s="109">
        <v>3787295</v>
      </c>
      <c r="LS21" s="110">
        <v>10187665</v>
      </c>
      <c r="LT21" s="298">
        <v>10187665</v>
      </c>
      <c r="LU21" s="129">
        <v>0</v>
      </c>
      <c r="LV21" s="109">
        <v>0</v>
      </c>
      <c r="LW21" s="110">
        <v>0</v>
      </c>
      <c r="LX21" s="132"/>
      <c r="LY21" s="109">
        <v>425465</v>
      </c>
      <c r="LZ21" s="109">
        <v>1128725</v>
      </c>
      <c r="MA21" s="109">
        <v>1261691</v>
      </c>
      <c r="MB21" s="109">
        <v>519673</v>
      </c>
      <c r="MC21" s="109">
        <v>1381941</v>
      </c>
      <c r="MD21" s="110">
        <v>4717495</v>
      </c>
      <c r="ME21" s="111">
        <v>4717495</v>
      </c>
      <c r="MF21" s="129">
        <v>0</v>
      </c>
      <c r="MG21" s="109">
        <v>0</v>
      </c>
      <c r="MH21" s="110">
        <v>0</v>
      </c>
      <c r="MI21" s="132"/>
      <c r="MJ21" s="109">
        <v>13853274</v>
      </c>
      <c r="MK21" s="109">
        <v>28770456</v>
      </c>
      <c r="ML21" s="109">
        <v>94597077</v>
      </c>
      <c r="MM21" s="109">
        <v>131726249</v>
      </c>
      <c r="MN21" s="109">
        <v>89951498</v>
      </c>
      <c r="MO21" s="110">
        <v>358898554</v>
      </c>
      <c r="MP21" s="130">
        <v>358898554</v>
      </c>
      <c r="MQ21" s="129">
        <v>0</v>
      </c>
      <c r="MR21" s="109">
        <v>0</v>
      </c>
      <c r="MS21" s="110">
        <v>0</v>
      </c>
      <c r="MT21" s="132"/>
      <c r="MU21" s="109">
        <v>1274264</v>
      </c>
      <c r="MV21" s="109">
        <v>3879301</v>
      </c>
      <c r="MW21" s="109">
        <v>50438277</v>
      </c>
      <c r="MX21" s="109">
        <v>85623525</v>
      </c>
      <c r="MY21" s="109">
        <v>60728539</v>
      </c>
      <c r="MZ21" s="110">
        <v>201943906</v>
      </c>
      <c r="NA21" s="130">
        <v>201943906</v>
      </c>
      <c r="NB21" s="129">
        <v>0</v>
      </c>
      <c r="NC21" s="109">
        <v>0</v>
      </c>
      <c r="ND21" s="110">
        <v>0</v>
      </c>
      <c r="NE21" s="132"/>
      <c r="NF21" s="109">
        <v>12579010</v>
      </c>
      <c r="NG21" s="109">
        <v>24891155</v>
      </c>
      <c r="NH21" s="109">
        <v>43443639</v>
      </c>
      <c r="NI21" s="109">
        <v>41905166</v>
      </c>
      <c r="NJ21" s="109">
        <v>22179895</v>
      </c>
      <c r="NK21" s="110">
        <v>144998865</v>
      </c>
      <c r="NL21" s="298">
        <v>144998865</v>
      </c>
      <c r="NM21" s="129">
        <v>0</v>
      </c>
      <c r="NN21" s="109">
        <v>0</v>
      </c>
      <c r="NO21" s="110">
        <v>0</v>
      </c>
      <c r="NP21" s="132"/>
      <c r="NQ21" s="109">
        <v>0</v>
      </c>
      <c r="NR21" s="109">
        <v>0</v>
      </c>
      <c r="NS21" s="109">
        <v>0</v>
      </c>
      <c r="NT21" s="109">
        <v>341316</v>
      </c>
      <c r="NU21" s="109">
        <v>0</v>
      </c>
      <c r="NV21" s="110">
        <v>341316</v>
      </c>
      <c r="NW21" s="111">
        <v>341316</v>
      </c>
      <c r="NX21" s="129">
        <v>0</v>
      </c>
      <c r="NY21" s="109">
        <v>0</v>
      </c>
      <c r="NZ21" s="110">
        <v>0</v>
      </c>
      <c r="OA21" s="132"/>
      <c r="OB21" s="109">
        <v>0</v>
      </c>
      <c r="OC21" s="109">
        <v>0</v>
      </c>
      <c r="OD21" s="109">
        <v>715161</v>
      </c>
      <c r="OE21" s="109">
        <v>3856242</v>
      </c>
      <c r="OF21" s="109">
        <v>7043064</v>
      </c>
      <c r="OG21" s="110">
        <v>11614467</v>
      </c>
      <c r="OH21" s="111">
        <v>11614467</v>
      </c>
      <c r="OI21" s="129">
        <v>6183463</v>
      </c>
      <c r="OJ21" s="109">
        <v>14832019</v>
      </c>
      <c r="OK21" s="128">
        <v>21015482</v>
      </c>
      <c r="OL21" s="108">
        <v>0</v>
      </c>
      <c r="OM21" s="109">
        <v>113009048</v>
      </c>
      <c r="ON21" s="109">
        <v>203687176</v>
      </c>
      <c r="OO21" s="109">
        <v>238300472</v>
      </c>
      <c r="OP21" s="109">
        <v>255661441</v>
      </c>
      <c r="OQ21" s="109">
        <v>187618939</v>
      </c>
      <c r="OR21" s="110">
        <v>998277076</v>
      </c>
      <c r="OS21" s="130">
        <v>1019292558</v>
      </c>
    </row>
    <row r="22" spans="2:409" ht="21" customHeight="1" x14ac:dyDescent="0.2">
      <c r="B22" s="472" t="s">
        <v>17</v>
      </c>
      <c r="C22" s="100">
        <v>6854270</v>
      </c>
      <c r="D22" s="104">
        <v>16455728</v>
      </c>
      <c r="E22" s="103">
        <v>23309998</v>
      </c>
      <c r="F22" s="99">
        <v>0</v>
      </c>
      <c r="G22" s="104">
        <v>85673394</v>
      </c>
      <c r="H22" s="104">
        <v>164942825</v>
      </c>
      <c r="I22" s="104">
        <v>151840124</v>
      </c>
      <c r="J22" s="104">
        <v>135193846</v>
      </c>
      <c r="K22" s="104">
        <v>101129836</v>
      </c>
      <c r="L22" s="99">
        <v>638780025</v>
      </c>
      <c r="M22" s="106">
        <v>662090023</v>
      </c>
      <c r="N22" s="100">
        <v>1402593</v>
      </c>
      <c r="O22" s="104">
        <v>3274956</v>
      </c>
      <c r="P22" s="103">
        <v>4677549</v>
      </c>
      <c r="Q22" s="100">
        <v>0</v>
      </c>
      <c r="R22" s="104">
        <v>19538919</v>
      </c>
      <c r="S22" s="104">
        <v>42820693</v>
      </c>
      <c r="T22" s="104">
        <v>47433384</v>
      </c>
      <c r="U22" s="104">
        <v>49925800</v>
      </c>
      <c r="V22" s="104">
        <v>50242869</v>
      </c>
      <c r="W22" s="103">
        <v>209961665</v>
      </c>
      <c r="X22" s="106">
        <v>214639214</v>
      </c>
      <c r="Y22" s="100">
        <v>0</v>
      </c>
      <c r="Z22" s="104">
        <v>0</v>
      </c>
      <c r="AA22" s="103">
        <v>0</v>
      </c>
      <c r="AB22" s="100">
        <v>0</v>
      </c>
      <c r="AC22" s="104">
        <v>8331991</v>
      </c>
      <c r="AD22" s="104">
        <v>22912733</v>
      </c>
      <c r="AE22" s="104">
        <v>28865135</v>
      </c>
      <c r="AF22" s="104">
        <v>30557940</v>
      </c>
      <c r="AG22" s="104">
        <v>30135548</v>
      </c>
      <c r="AH22" s="103">
        <v>120803347</v>
      </c>
      <c r="AI22" s="106">
        <v>120803347</v>
      </c>
      <c r="AJ22" s="100">
        <v>0</v>
      </c>
      <c r="AK22" s="104">
        <v>0</v>
      </c>
      <c r="AL22" s="103">
        <v>0</v>
      </c>
      <c r="AM22" s="100">
        <v>0</v>
      </c>
      <c r="AN22" s="104">
        <v>52555</v>
      </c>
      <c r="AO22" s="104">
        <v>411519</v>
      </c>
      <c r="AP22" s="104">
        <v>1304673</v>
      </c>
      <c r="AQ22" s="104">
        <v>2620789</v>
      </c>
      <c r="AR22" s="104">
        <v>5271197</v>
      </c>
      <c r="AS22" s="103">
        <v>9660733</v>
      </c>
      <c r="AT22" s="106">
        <v>9660733</v>
      </c>
      <c r="AU22" s="100">
        <v>797252</v>
      </c>
      <c r="AV22" s="104">
        <v>2475979</v>
      </c>
      <c r="AW22" s="103">
        <v>3273231</v>
      </c>
      <c r="AX22" s="100">
        <v>0</v>
      </c>
      <c r="AY22" s="104">
        <v>6874881</v>
      </c>
      <c r="AZ22" s="104">
        <v>12328245</v>
      </c>
      <c r="BA22" s="104">
        <v>10416364</v>
      </c>
      <c r="BB22" s="104">
        <v>10087229</v>
      </c>
      <c r="BC22" s="104">
        <v>9599745</v>
      </c>
      <c r="BD22" s="103">
        <v>49306464</v>
      </c>
      <c r="BE22" s="106">
        <v>52579695</v>
      </c>
      <c r="BF22" s="100">
        <v>123365</v>
      </c>
      <c r="BG22" s="104">
        <v>228802</v>
      </c>
      <c r="BH22" s="102">
        <v>352167</v>
      </c>
      <c r="BI22" s="101">
        <v>0</v>
      </c>
      <c r="BJ22" s="104">
        <v>179721</v>
      </c>
      <c r="BK22" s="104">
        <v>973517</v>
      </c>
      <c r="BL22" s="104">
        <v>648594</v>
      </c>
      <c r="BM22" s="104">
        <v>283942</v>
      </c>
      <c r="BN22" s="104">
        <v>439922</v>
      </c>
      <c r="BO22" s="103">
        <v>2525696</v>
      </c>
      <c r="BP22" s="106">
        <v>2877863</v>
      </c>
      <c r="BQ22" s="100">
        <v>481976</v>
      </c>
      <c r="BR22" s="104">
        <v>570175</v>
      </c>
      <c r="BS22" s="103">
        <v>1052151</v>
      </c>
      <c r="BT22" s="100">
        <v>0</v>
      </c>
      <c r="BU22" s="104">
        <v>4099771</v>
      </c>
      <c r="BV22" s="104">
        <v>6194679</v>
      </c>
      <c r="BW22" s="104">
        <v>6198618</v>
      </c>
      <c r="BX22" s="104">
        <v>6375900</v>
      </c>
      <c r="BY22" s="104">
        <v>4796457</v>
      </c>
      <c r="BZ22" s="103">
        <v>27665425</v>
      </c>
      <c r="CA22" s="106">
        <v>28717576</v>
      </c>
      <c r="CB22" s="100">
        <v>803083</v>
      </c>
      <c r="CC22" s="104">
        <v>3453996</v>
      </c>
      <c r="CD22" s="103">
        <v>4257079</v>
      </c>
      <c r="CE22" s="100">
        <v>0</v>
      </c>
      <c r="CF22" s="104">
        <v>26130599</v>
      </c>
      <c r="CG22" s="104">
        <v>54630310</v>
      </c>
      <c r="CH22" s="104">
        <v>41701900</v>
      </c>
      <c r="CI22" s="104">
        <v>26938074</v>
      </c>
      <c r="CJ22" s="104">
        <v>15056157</v>
      </c>
      <c r="CK22" s="103">
        <v>164457040</v>
      </c>
      <c r="CL22" s="106">
        <v>168714119</v>
      </c>
      <c r="CM22" s="100">
        <v>0</v>
      </c>
      <c r="CN22" s="104">
        <v>0</v>
      </c>
      <c r="CO22" s="103">
        <v>0</v>
      </c>
      <c r="CP22" s="101">
        <v>0</v>
      </c>
      <c r="CQ22" s="104">
        <v>22429068</v>
      </c>
      <c r="CR22" s="104">
        <v>41951997</v>
      </c>
      <c r="CS22" s="104">
        <v>32553292</v>
      </c>
      <c r="CT22" s="104">
        <v>22331865</v>
      </c>
      <c r="CU22" s="104">
        <v>12792077</v>
      </c>
      <c r="CV22" s="103">
        <v>132058299</v>
      </c>
      <c r="CW22" s="106">
        <v>132058299</v>
      </c>
      <c r="CX22" s="100">
        <v>803083</v>
      </c>
      <c r="CY22" s="104">
        <v>3453996</v>
      </c>
      <c r="CZ22" s="103">
        <v>4257079</v>
      </c>
      <c r="DA22" s="100">
        <v>0</v>
      </c>
      <c r="DB22" s="104">
        <v>3701531</v>
      </c>
      <c r="DC22" s="104">
        <v>12678313</v>
      </c>
      <c r="DD22" s="104">
        <v>9148608</v>
      </c>
      <c r="DE22" s="104">
        <v>4606209</v>
      </c>
      <c r="DF22" s="104">
        <v>2264080</v>
      </c>
      <c r="DG22" s="103">
        <v>32398741</v>
      </c>
      <c r="DH22" s="106">
        <v>36655820</v>
      </c>
      <c r="DI22" s="100">
        <v>0</v>
      </c>
      <c r="DJ22" s="104">
        <v>140798</v>
      </c>
      <c r="DK22" s="102">
        <v>140798</v>
      </c>
      <c r="DL22" s="101">
        <v>0</v>
      </c>
      <c r="DM22" s="104">
        <v>3333840</v>
      </c>
      <c r="DN22" s="104">
        <v>6233882</v>
      </c>
      <c r="DO22" s="104">
        <v>13281688</v>
      </c>
      <c r="DP22" s="104">
        <v>12967661</v>
      </c>
      <c r="DQ22" s="104">
        <v>5510010</v>
      </c>
      <c r="DR22" s="103">
        <v>41327081</v>
      </c>
      <c r="DS22" s="106">
        <v>41467879</v>
      </c>
      <c r="DT22" s="100">
        <v>0</v>
      </c>
      <c r="DU22" s="104">
        <v>140798</v>
      </c>
      <c r="DV22" s="103">
        <v>140798</v>
      </c>
      <c r="DW22" s="100">
        <v>0</v>
      </c>
      <c r="DX22" s="104">
        <v>2843109</v>
      </c>
      <c r="DY22" s="104">
        <v>4754280</v>
      </c>
      <c r="DZ22" s="104">
        <v>11763551</v>
      </c>
      <c r="EA22" s="104">
        <v>11612566</v>
      </c>
      <c r="EB22" s="104">
        <v>4644183</v>
      </c>
      <c r="EC22" s="103">
        <v>35617689</v>
      </c>
      <c r="ED22" s="106">
        <v>35758487</v>
      </c>
      <c r="EE22" s="100">
        <v>0</v>
      </c>
      <c r="EF22" s="102">
        <v>0</v>
      </c>
      <c r="EG22" s="103">
        <v>0</v>
      </c>
      <c r="EH22" s="100">
        <v>0</v>
      </c>
      <c r="EI22" s="104">
        <v>490731</v>
      </c>
      <c r="EJ22" s="104">
        <v>1479602</v>
      </c>
      <c r="EK22" s="104">
        <v>1518137</v>
      </c>
      <c r="EL22" s="104">
        <v>1355095</v>
      </c>
      <c r="EM22" s="104">
        <v>865827</v>
      </c>
      <c r="EN22" s="102">
        <v>5709392</v>
      </c>
      <c r="EO22" s="106">
        <v>5709392</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1686060</v>
      </c>
      <c r="FM22" s="104">
        <v>3984153</v>
      </c>
      <c r="FN22" s="103">
        <v>5670213</v>
      </c>
      <c r="FO22" s="100">
        <v>0</v>
      </c>
      <c r="FP22" s="104">
        <v>4125567</v>
      </c>
      <c r="FQ22" s="104">
        <v>16373892</v>
      </c>
      <c r="FR22" s="104">
        <v>13381530</v>
      </c>
      <c r="FS22" s="104">
        <v>11075886</v>
      </c>
      <c r="FT22" s="104">
        <v>8350995</v>
      </c>
      <c r="FU22" s="103">
        <v>53307870</v>
      </c>
      <c r="FV22" s="106">
        <v>58978083</v>
      </c>
      <c r="FW22" s="105">
        <v>1080971</v>
      </c>
      <c r="FX22" s="104">
        <v>3107939</v>
      </c>
      <c r="FY22" s="102">
        <v>4188910</v>
      </c>
      <c r="FZ22" s="101">
        <v>0</v>
      </c>
      <c r="GA22" s="104">
        <v>3216874</v>
      </c>
      <c r="GB22" s="104">
        <v>15043254</v>
      </c>
      <c r="GC22" s="104">
        <v>11871789</v>
      </c>
      <c r="GD22" s="104">
        <v>10021847</v>
      </c>
      <c r="GE22" s="104">
        <v>8283153</v>
      </c>
      <c r="GF22" s="103">
        <v>48436917</v>
      </c>
      <c r="GG22" s="296">
        <v>52625827</v>
      </c>
      <c r="GH22" s="105">
        <v>104589</v>
      </c>
      <c r="GI22" s="104">
        <v>151714</v>
      </c>
      <c r="GJ22" s="102">
        <v>256303</v>
      </c>
      <c r="GK22" s="101">
        <v>0</v>
      </c>
      <c r="GL22" s="104">
        <v>267885</v>
      </c>
      <c r="GM22" s="104">
        <v>249459</v>
      </c>
      <c r="GN22" s="104">
        <v>316767</v>
      </c>
      <c r="GO22" s="104">
        <v>380245</v>
      </c>
      <c r="GP22" s="104">
        <v>67842</v>
      </c>
      <c r="GQ22" s="103">
        <v>1282198</v>
      </c>
      <c r="GR22" s="106">
        <v>1538501</v>
      </c>
      <c r="GS22" s="100">
        <v>500500</v>
      </c>
      <c r="GT22" s="104">
        <v>724500</v>
      </c>
      <c r="GU22" s="103">
        <v>1225000</v>
      </c>
      <c r="GV22" s="100">
        <v>0</v>
      </c>
      <c r="GW22" s="104">
        <v>640808</v>
      </c>
      <c r="GX22" s="104">
        <v>1081179</v>
      </c>
      <c r="GY22" s="104">
        <v>1192974</v>
      </c>
      <c r="GZ22" s="104">
        <v>673794</v>
      </c>
      <c r="HA22" s="104">
        <v>0</v>
      </c>
      <c r="HB22" s="102">
        <v>3588755</v>
      </c>
      <c r="HC22" s="106">
        <v>4813755</v>
      </c>
      <c r="HD22" s="100">
        <v>1658274</v>
      </c>
      <c r="HE22" s="104">
        <v>2737059</v>
      </c>
      <c r="HF22" s="102">
        <v>4395333</v>
      </c>
      <c r="HG22" s="101">
        <v>0</v>
      </c>
      <c r="HH22" s="104">
        <v>17904529</v>
      </c>
      <c r="HI22" s="104">
        <v>23415917</v>
      </c>
      <c r="HJ22" s="104">
        <v>20588561</v>
      </c>
      <c r="HK22" s="104">
        <v>24088497</v>
      </c>
      <c r="HL22" s="104">
        <v>15782907</v>
      </c>
      <c r="HM22" s="103">
        <v>101780411</v>
      </c>
      <c r="HN22" s="99">
        <v>106175744</v>
      </c>
      <c r="HO22" s="105">
        <v>1304260</v>
      </c>
      <c r="HP22" s="104">
        <v>2864766</v>
      </c>
      <c r="HQ22" s="103">
        <v>4169026</v>
      </c>
      <c r="HR22" s="100">
        <v>0</v>
      </c>
      <c r="HS22" s="104">
        <v>14639940</v>
      </c>
      <c r="HT22" s="104">
        <v>21468131</v>
      </c>
      <c r="HU22" s="104">
        <v>15453061</v>
      </c>
      <c r="HV22" s="104">
        <v>10197928</v>
      </c>
      <c r="HW22" s="104">
        <v>6186898</v>
      </c>
      <c r="HX22" s="102">
        <v>67945958</v>
      </c>
      <c r="HY22" s="106">
        <v>72114984</v>
      </c>
      <c r="HZ22" s="137">
        <v>33530</v>
      </c>
      <c r="IA22" s="122">
        <v>283250</v>
      </c>
      <c r="IB22" s="137">
        <v>316780</v>
      </c>
      <c r="IC22" s="121">
        <v>0</v>
      </c>
      <c r="ID22" s="122">
        <v>28864711</v>
      </c>
      <c r="IE22" s="123">
        <v>43458065</v>
      </c>
      <c r="IF22" s="124">
        <v>53805183</v>
      </c>
      <c r="IG22" s="122">
        <v>50490555</v>
      </c>
      <c r="IH22" s="124">
        <v>35041613</v>
      </c>
      <c r="II22" s="125">
        <v>211660127</v>
      </c>
      <c r="IJ22" s="137">
        <v>211976907</v>
      </c>
      <c r="IK22" s="219">
        <v>0</v>
      </c>
      <c r="IL22" s="223">
        <v>0</v>
      </c>
      <c r="IM22" s="224">
        <v>0</v>
      </c>
      <c r="IN22" s="127"/>
      <c r="IO22" s="109">
        <v>169423</v>
      </c>
      <c r="IP22" s="109">
        <v>219897</v>
      </c>
      <c r="IQ22" s="109">
        <v>751744</v>
      </c>
      <c r="IR22" s="109">
        <v>1196053</v>
      </c>
      <c r="IS22" s="109">
        <v>242829</v>
      </c>
      <c r="IT22" s="128">
        <v>2579946</v>
      </c>
      <c r="IU22" s="298">
        <v>2579946</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12874478</v>
      </c>
      <c r="JL22" s="109">
        <v>18766912</v>
      </c>
      <c r="JM22" s="109">
        <v>14896237</v>
      </c>
      <c r="JN22" s="109">
        <v>13465128</v>
      </c>
      <c r="JO22" s="109">
        <v>7907375</v>
      </c>
      <c r="JP22" s="110">
        <v>67910130</v>
      </c>
      <c r="JQ22" s="298">
        <v>67910130</v>
      </c>
      <c r="JR22" s="129">
        <v>33530</v>
      </c>
      <c r="JS22" s="109">
        <v>103134</v>
      </c>
      <c r="JT22" s="128">
        <v>136664</v>
      </c>
      <c r="JU22" s="108">
        <v>0</v>
      </c>
      <c r="JV22" s="109">
        <v>1461663</v>
      </c>
      <c r="JW22" s="109">
        <v>2312042</v>
      </c>
      <c r="JX22" s="109">
        <v>1121172</v>
      </c>
      <c r="JY22" s="109">
        <v>1975356</v>
      </c>
      <c r="JZ22" s="109">
        <v>844430</v>
      </c>
      <c r="KA22" s="110">
        <v>7714663</v>
      </c>
      <c r="KB22" s="298">
        <v>7851327</v>
      </c>
      <c r="KC22" s="221">
        <v>0</v>
      </c>
      <c r="KD22" s="217">
        <v>180116</v>
      </c>
      <c r="KE22" s="110">
        <v>180116</v>
      </c>
      <c r="KF22" s="108">
        <v>0</v>
      </c>
      <c r="KG22" s="109">
        <v>2423585</v>
      </c>
      <c r="KH22" s="109">
        <v>5339268</v>
      </c>
      <c r="KI22" s="109">
        <v>9468139</v>
      </c>
      <c r="KJ22" s="109">
        <v>8019589</v>
      </c>
      <c r="KK22" s="109">
        <v>4199556</v>
      </c>
      <c r="KL22" s="110">
        <v>29450137</v>
      </c>
      <c r="KM22" s="130">
        <v>29630253</v>
      </c>
      <c r="KN22" s="219">
        <v>0</v>
      </c>
      <c r="KO22" s="223">
        <v>0</v>
      </c>
      <c r="KP22" s="224">
        <v>0</v>
      </c>
      <c r="KQ22" s="127"/>
      <c r="KR22" s="109">
        <v>11748000</v>
      </c>
      <c r="KS22" s="109">
        <v>15839622</v>
      </c>
      <c r="KT22" s="109">
        <v>19255313</v>
      </c>
      <c r="KU22" s="109">
        <v>12679189</v>
      </c>
      <c r="KV22" s="109">
        <v>7578405</v>
      </c>
      <c r="KW22" s="110">
        <v>67100529</v>
      </c>
      <c r="KX22" s="298">
        <v>67100529</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495849</v>
      </c>
      <c r="LP22" s="109">
        <v>7719563</v>
      </c>
      <c r="LQ22" s="109">
        <v>12145784</v>
      </c>
      <c r="LR22" s="109">
        <v>10869870</v>
      </c>
      <c r="LS22" s="110">
        <v>31231066</v>
      </c>
      <c r="LT22" s="298">
        <v>31231066</v>
      </c>
      <c r="LU22" s="129">
        <v>0</v>
      </c>
      <c r="LV22" s="109">
        <v>0</v>
      </c>
      <c r="LW22" s="110">
        <v>0</v>
      </c>
      <c r="LX22" s="132"/>
      <c r="LY22" s="109">
        <v>187562</v>
      </c>
      <c r="LZ22" s="109">
        <v>484475</v>
      </c>
      <c r="MA22" s="109">
        <v>593015</v>
      </c>
      <c r="MB22" s="109">
        <v>1009456</v>
      </c>
      <c r="MC22" s="109">
        <v>3399148</v>
      </c>
      <c r="MD22" s="110">
        <v>5673656</v>
      </c>
      <c r="ME22" s="111">
        <v>5673656</v>
      </c>
      <c r="MF22" s="129">
        <v>0</v>
      </c>
      <c r="MG22" s="109">
        <v>0</v>
      </c>
      <c r="MH22" s="110">
        <v>0</v>
      </c>
      <c r="MI22" s="132"/>
      <c r="MJ22" s="109">
        <v>7349008</v>
      </c>
      <c r="MK22" s="109">
        <v>31432684</v>
      </c>
      <c r="ML22" s="109">
        <v>91492977</v>
      </c>
      <c r="MM22" s="109">
        <v>118150753</v>
      </c>
      <c r="MN22" s="109">
        <v>97177325</v>
      </c>
      <c r="MO22" s="110">
        <v>345602747</v>
      </c>
      <c r="MP22" s="130">
        <v>345602747</v>
      </c>
      <c r="MQ22" s="129">
        <v>0</v>
      </c>
      <c r="MR22" s="109">
        <v>0</v>
      </c>
      <c r="MS22" s="110">
        <v>0</v>
      </c>
      <c r="MT22" s="132"/>
      <c r="MU22" s="109">
        <v>672634</v>
      </c>
      <c r="MV22" s="109">
        <v>2951474</v>
      </c>
      <c r="MW22" s="109">
        <v>50213610</v>
      </c>
      <c r="MX22" s="109">
        <v>80707349</v>
      </c>
      <c r="MY22" s="109">
        <v>67259953</v>
      </c>
      <c r="MZ22" s="110">
        <v>201805020</v>
      </c>
      <c r="NA22" s="130">
        <v>201805020</v>
      </c>
      <c r="NB22" s="129">
        <v>0</v>
      </c>
      <c r="NC22" s="109">
        <v>0</v>
      </c>
      <c r="ND22" s="110">
        <v>0</v>
      </c>
      <c r="NE22" s="132"/>
      <c r="NF22" s="109">
        <v>6676374</v>
      </c>
      <c r="NG22" s="109">
        <v>28481210</v>
      </c>
      <c r="NH22" s="109">
        <v>40910754</v>
      </c>
      <c r="NI22" s="109">
        <v>35796783</v>
      </c>
      <c r="NJ22" s="109">
        <v>24402847</v>
      </c>
      <c r="NK22" s="110">
        <v>136267968</v>
      </c>
      <c r="NL22" s="298">
        <v>136267968</v>
      </c>
      <c r="NM22" s="129">
        <v>0</v>
      </c>
      <c r="NN22" s="109">
        <v>0</v>
      </c>
      <c r="NO22" s="110">
        <v>0</v>
      </c>
      <c r="NP22" s="132"/>
      <c r="NQ22" s="109">
        <v>0</v>
      </c>
      <c r="NR22" s="109">
        <v>0</v>
      </c>
      <c r="NS22" s="109">
        <v>0</v>
      </c>
      <c r="NT22" s="109">
        <v>508150</v>
      </c>
      <c r="NU22" s="109">
        <v>1400204</v>
      </c>
      <c r="NV22" s="110">
        <v>1908354</v>
      </c>
      <c r="NW22" s="111">
        <v>1908354</v>
      </c>
      <c r="NX22" s="129">
        <v>0</v>
      </c>
      <c r="NY22" s="109">
        <v>0</v>
      </c>
      <c r="NZ22" s="110">
        <v>0</v>
      </c>
      <c r="OA22" s="132"/>
      <c r="OB22" s="109">
        <v>0</v>
      </c>
      <c r="OC22" s="109">
        <v>0</v>
      </c>
      <c r="OD22" s="109">
        <v>368613</v>
      </c>
      <c r="OE22" s="109">
        <v>1138471</v>
      </c>
      <c r="OF22" s="109">
        <v>4114321</v>
      </c>
      <c r="OG22" s="110">
        <v>5621405</v>
      </c>
      <c r="OH22" s="111">
        <v>5621405</v>
      </c>
      <c r="OI22" s="129">
        <v>6887800</v>
      </c>
      <c r="OJ22" s="109">
        <v>16738978</v>
      </c>
      <c r="OK22" s="128">
        <v>23626778</v>
      </c>
      <c r="OL22" s="108">
        <v>0</v>
      </c>
      <c r="OM22" s="109">
        <v>121887113</v>
      </c>
      <c r="ON22" s="109">
        <v>239833574</v>
      </c>
      <c r="OO22" s="109">
        <v>297138284</v>
      </c>
      <c r="OP22" s="109">
        <v>303835154</v>
      </c>
      <c r="OQ22" s="109">
        <v>233348774</v>
      </c>
      <c r="OR22" s="110">
        <v>1196042899</v>
      </c>
      <c r="OS22" s="130">
        <v>1219669677</v>
      </c>
    </row>
    <row r="23" spans="2:409" ht="21" customHeight="1" x14ac:dyDescent="0.2">
      <c r="B23" s="472" t="s">
        <v>18</v>
      </c>
      <c r="C23" s="100">
        <v>8206176</v>
      </c>
      <c r="D23" s="104">
        <v>16243818</v>
      </c>
      <c r="E23" s="103">
        <v>24449994</v>
      </c>
      <c r="F23" s="99">
        <v>0</v>
      </c>
      <c r="G23" s="104">
        <v>141166484</v>
      </c>
      <c r="H23" s="104">
        <v>178651805</v>
      </c>
      <c r="I23" s="104">
        <v>163333346</v>
      </c>
      <c r="J23" s="104">
        <v>151890810</v>
      </c>
      <c r="K23" s="104">
        <v>111542717</v>
      </c>
      <c r="L23" s="99">
        <v>746585162</v>
      </c>
      <c r="M23" s="106">
        <v>771035156</v>
      </c>
      <c r="N23" s="100">
        <v>2084853</v>
      </c>
      <c r="O23" s="104">
        <v>4544870</v>
      </c>
      <c r="P23" s="103">
        <v>6629723</v>
      </c>
      <c r="Q23" s="100">
        <v>0</v>
      </c>
      <c r="R23" s="104">
        <v>38372545</v>
      </c>
      <c r="S23" s="104">
        <v>50504597</v>
      </c>
      <c r="T23" s="104">
        <v>49755704</v>
      </c>
      <c r="U23" s="104">
        <v>60667734</v>
      </c>
      <c r="V23" s="104">
        <v>55311846</v>
      </c>
      <c r="W23" s="103">
        <v>254612426</v>
      </c>
      <c r="X23" s="106">
        <v>261242149</v>
      </c>
      <c r="Y23" s="100">
        <v>0</v>
      </c>
      <c r="Z23" s="104">
        <v>0</v>
      </c>
      <c r="AA23" s="103">
        <v>0</v>
      </c>
      <c r="AB23" s="100">
        <v>0</v>
      </c>
      <c r="AC23" s="104">
        <v>18647127</v>
      </c>
      <c r="AD23" s="104">
        <v>26296752</v>
      </c>
      <c r="AE23" s="104">
        <v>30053309</v>
      </c>
      <c r="AF23" s="104">
        <v>40551945</v>
      </c>
      <c r="AG23" s="104">
        <v>34934800</v>
      </c>
      <c r="AH23" s="103">
        <v>150483933</v>
      </c>
      <c r="AI23" s="106">
        <v>150483933</v>
      </c>
      <c r="AJ23" s="100">
        <v>0</v>
      </c>
      <c r="AK23" s="104">
        <v>0</v>
      </c>
      <c r="AL23" s="103">
        <v>0</v>
      </c>
      <c r="AM23" s="100">
        <v>0</v>
      </c>
      <c r="AN23" s="104">
        <v>78528</v>
      </c>
      <c r="AO23" s="104">
        <v>407909</v>
      </c>
      <c r="AP23" s="104">
        <v>1034834</v>
      </c>
      <c r="AQ23" s="104">
        <v>3211225</v>
      </c>
      <c r="AR23" s="104">
        <v>5721498</v>
      </c>
      <c r="AS23" s="103">
        <v>10453994</v>
      </c>
      <c r="AT23" s="106">
        <v>10453994</v>
      </c>
      <c r="AU23" s="100">
        <v>1169352</v>
      </c>
      <c r="AV23" s="104">
        <v>3438062</v>
      </c>
      <c r="AW23" s="103">
        <v>4607414</v>
      </c>
      <c r="AX23" s="100">
        <v>0</v>
      </c>
      <c r="AY23" s="104">
        <v>11628811</v>
      </c>
      <c r="AZ23" s="104">
        <v>13282777</v>
      </c>
      <c r="BA23" s="104">
        <v>9592667</v>
      </c>
      <c r="BB23" s="104">
        <v>8119997</v>
      </c>
      <c r="BC23" s="104">
        <v>8003054</v>
      </c>
      <c r="BD23" s="103">
        <v>50627306</v>
      </c>
      <c r="BE23" s="106">
        <v>55234720</v>
      </c>
      <c r="BF23" s="100">
        <v>166878</v>
      </c>
      <c r="BG23" s="104">
        <v>445647</v>
      </c>
      <c r="BH23" s="102">
        <v>612525</v>
      </c>
      <c r="BI23" s="101">
        <v>0</v>
      </c>
      <c r="BJ23" s="104">
        <v>1457281</v>
      </c>
      <c r="BK23" s="104">
        <v>2701162</v>
      </c>
      <c r="BL23" s="104">
        <v>1436414</v>
      </c>
      <c r="BM23" s="104">
        <v>1066874</v>
      </c>
      <c r="BN23" s="104">
        <v>605390</v>
      </c>
      <c r="BO23" s="103">
        <v>7267121</v>
      </c>
      <c r="BP23" s="106">
        <v>7879646</v>
      </c>
      <c r="BQ23" s="100">
        <v>748623</v>
      </c>
      <c r="BR23" s="104">
        <v>661161</v>
      </c>
      <c r="BS23" s="103">
        <v>1409784</v>
      </c>
      <c r="BT23" s="100">
        <v>0</v>
      </c>
      <c r="BU23" s="104">
        <v>6560798</v>
      </c>
      <c r="BV23" s="104">
        <v>7815997</v>
      </c>
      <c r="BW23" s="104">
        <v>7638480</v>
      </c>
      <c r="BX23" s="104">
        <v>7717693</v>
      </c>
      <c r="BY23" s="104">
        <v>6047104</v>
      </c>
      <c r="BZ23" s="103">
        <v>35780072</v>
      </c>
      <c r="CA23" s="106">
        <v>37189856</v>
      </c>
      <c r="CB23" s="100">
        <v>1380412</v>
      </c>
      <c r="CC23" s="104">
        <v>4027115</v>
      </c>
      <c r="CD23" s="103">
        <v>5407527</v>
      </c>
      <c r="CE23" s="100">
        <v>0</v>
      </c>
      <c r="CF23" s="104">
        <v>47844236</v>
      </c>
      <c r="CG23" s="104">
        <v>58992583</v>
      </c>
      <c r="CH23" s="104">
        <v>48543807</v>
      </c>
      <c r="CI23" s="104">
        <v>29224194</v>
      </c>
      <c r="CJ23" s="104">
        <v>15631238</v>
      </c>
      <c r="CK23" s="103">
        <v>200236058</v>
      </c>
      <c r="CL23" s="106">
        <v>205643585</v>
      </c>
      <c r="CM23" s="100">
        <v>0</v>
      </c>
      <c r="CN23" s="104">
        <v>0</v>
      </c>
      <c r="CO23" s="103">
        <v>0</v>
      </c>
      <c r="CP23" s="101">
        <v>0</v>
      </c>
      <c r="CQ23" s="104">
        <v>39009548</v>
      </c>
      <c r="CR23" s="104">
        <v>46087831</v>
      </c>
      <c r="CS23" s="104">
        <v>39376183</v>
      </c>
      <c r="CT23" s="104">
        <v>23636642</v>
      </c>
      <c r="CU23" s="104">
        <v>12643355</v>
      </c>
      <c r="CV23" s="103">
        <v>160753559</v>
      </c>
      <c r="CW23" s="106">
        <v>160753559</v>
      </c>
      <c r="CX23" s="100">
        <v>1380412</v>
      </c>
      <c r="CY23" s="104">
        <v>4027115</v>
      </c>
      <c r="CZ23" s="103">
        <v>5407527</v>
      </c>
      <c r="DA23" s="100">
        <v>0</v>
      </c>
      <c r="DB23" s="104">
        <v>8834688</v>
      </c>
      <c r="DC23" s="104">
        <v>12904752</v>
      </c>
      <c r="DD23" s="104">
        <v>9167624</v>
      </c>
      <c r="DE23" s="104">
        <v>5587552</v>
      </c>
      <c r="DF23" s="104">
        <v>2987883</v>
      </c>
      <c r="DG23" s="103">
        <v>39482499</v>
      </c>
      <c r="DH23" s="106">
        <v>44890026</v>
      </c>
      <c r="DI23" s="100">
        <v>0</v>
      </c>
      <c r="DJ23" s="104">
        <v>276925</v>
      </c>
      <c r="DK23" s="102">
        <v>276925</v>
      </c>
      <c r="DL23" s="101">
        <v>0</v>
      </c>
      <c r="DM23" s="104">
        <v>3683902</v>
      </c>
      <c r="DN23" s="104">
        <v>9039675</v>
      </c>
      <c r="DO23" s="104">
        <v>15512895</v>
      </c>
      <c r="DP23" s="104">
        <v>15050945</v>
      </c>
      <c r="DQ23" s="104">
        <v>7899683</v>
      </c>
      <c r="DR23" s="103">
        <v>51187100</v>
      </c>
      <c r="DS23" s="106">
        <v>51464025</v>
      </c>
      <c r="DT23" s="100">
        <v>0</v>
      </c>
      <c r="DU23" s="104">
        <v>276925</v>
      </c>
      <c r="DV23" s="103">
        <v>276925</v>
      </c>
      <c r="DW23" s="100">
        <v>0</v>
      </c>
      <c r="DX23" s="104">
        <v>3633149</v>
      </c>
      <c r="DY23" s="104">
        <v>8642094</v>
      </c>
      <c r="DZ23" s="104">
        <v>15440506</v>
      </c>
      <c r="EA23" s="104">
        <v>14816253</v>
      </c>
      <c r="EB23" s="104">
        <v>7799541</v>
      </c>
      <c r="EC23" s="103">
        <v>50331543</v>
      </c>
      <c r="ED23" s="106">
        <v>50608468</v>
      </c>
      <c r="EE23" s="100">
        <v>0</v>
      </c>
      <c r="EF23" s="102">
        <v>0</v>
      </c>
      <c r="EG23" s="103">
        <v>0</v>
      </c>
      <c r="EH23" s="100">
        <v>0</v>
      </c>
      <c r="EI23" s="104">
        <v>50753</v>
      </c>
      <c r="EJ23" s="104">
        <v>397581</v>
      </c>
      <c r="EK23" s="104">
        <v>72389</v>
      </c>
      <c r="EL23" s="104">
        <v>234692</v>
      </c>
      <c r="EM23" s="104">
        <v>100142</v>
      </c>
      <c r="EN23" s="102">
        <v>855557</v>
      </c>
      <c r="EO23" s="106">
        <v>855557</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1360800</v>
      </c>
      <c r="FM23" s="104">
        <v>3530583</v>
      </c>
      <c r="FN23" s="103">
        <v>4891383</v>
      </c>
      <c r="FO23" s="100">
        <v>0</v>
      </c>
      <c r="FP23" s="104">
        <v>7364031</v>
      </c>
      <c r="FQ23" s="104">
        <v>14954870</v>
      </c>
      <c r="FR23" s="104">
        <v>11059991</v>
      </c>
      <c r="FS23" s="104">
        <v>10490529</v>
      </c>
      <c r="FT23" s="104">
        <v>8065943</v>
      </c>
      <c r="FU23" s="103">
        <v>51935364</v>
      </c>
      <c r="FV23" s="106">
        <v>56826747</v>
      </c>
      <c r="FW23" s="105">
        <v>1054277</v>
      </c>
      <c r="FX23" s="104">
        <v>2880207</v>
      </c>
      <c r="FY23" s="102">
        <v>3934484</v>
      </c>
      <c r="FZ23" s="101">
        <v>0</v>
      </c>
      <c r="GA23" s="104">
        <v>5747778</v>
      </c>
      <c r="GB23" s="104">
        <v>14239190</v>
      </c>
      <c r="GC23" s="104">
        <v>10294404</v>
      </c>
      <c r="GD23" s="104">
        <v>10203745</v>
      </c>
      <c r="GE23" s="104">
        <v>7813368</v>
      </c>
      <c r="GF23" s="103">
        <v>48298485</v>
      </c>
      <c r="GG23" s="296">
        <v>52232969</v>
      </c>
      <c r="GH23" s="105">
        <v>85123</v>
      </c>
      <c r="GI23" s="104">
        <v>132156</v>
      </c>
      <c r="GJ23" s="102">
        <v>217279</v>
      </c>
      <c r="GK23" s="101">
        <v>0</v>
      </c>
      <c r="GL23" s="104">
        <v>229763</v>
      </c>
      <c r="GM23" s="104">
        <v>327620</v>
      </c>
      <c r="GN23" s="104">
        <v>178687</v>
      </c>
      <c r="GO23" s="104">
        <v>96564</v>
      </c>
      <c r="GP23" s="104">
        <v>136925</v>
      </c>
      <c r="GQ23" s="103">
        <v>969559</v>
      </c>
      <c r="GR23" s="106">
        <v>1186838</v>
      </c>
      <c r="GS23" s="100">
        <v>221400</v>
      </c>
      <c r="GT23" s="104">
        <v>518220</v>
      </c>
      <c r="GU23" s="103">
        <v>739620</v>
      </c>
      <c r="GV23" s="100">
        <v>0</v>
      </c>
      <c r="GW23" s="104">
        <v>1386490</v>
      </c>
      <c r="GX23" s="104">
        <v>388060</v>
      </c>
      <c r="GY23" s="104">
        <v>586900</v>
      </c>
      <c r="GZ23" s="104">
        <v>190220</v>
      </c>
      <c r="HA23" s="104">
        <v>115650</v>
      </c>
      <c r="HB23" s="102">
        <v>2667320</v>
      </c>
      <c r="HC23" s="106">
        <v>3406940</v>
      </c>
      <c r="HD23" s="100">
        <v>1841677</v>
      </c>
      <c r="HE23" s="104">
        <v>734470</v>
      </c>
      <c r="HF23" s="102">
        <v>2576147</v>
      </c>
      <c r="HG23" s="101">
        <v>0</v>
      </c>
      <c r="HH23" s="104">
        <v>20309856</v>
      </c>
      <c r="HI23" s="104">
        <v>22980578</v>
      </c>
      <c r="HJ23" s="104">
        <v>22930043</v>
      </c>
      <c r="HK23" s="104">
        <v>25922887</v>
      </c>
      <c r="HL23" s="104">
        <v>18487492</v>
      </c>
      <c r="HM23" s="103">
        <v>110630856</v>
      </c>
      <c r="HN23" s="99">
        <v>113207003</v>
      </c>
      <c r="HO23" s="105">
        <v>1538434</v>
      </c>
      <c r="HP23" s="104">
        <v>3129855</v>
      </c>
      <c r="HQ23" s="103">
        <v>4668289</v>
      </c>
      <c r="HR23" s="100">
        <v>0</v>
      </c>
      <c r="HS23" s="104">
        <v>23591914</v>
      </c>
      <c r="HT23" s="104">
        <v>22179502</v>
      </c>
      <c r="HU23" s="104">
        <v>15530906</v>
      </c>
      <c r="HV23" s="104">
        <v>10534521</v>
      </c>
      <c r="HW23" s="104">
        <v>6146515</v>
      </c>
      <c r="HX23" s="102">
        <v>77983358</v>
      </c>
      <c r="HY23" s="106">
        <v>82651647</v>
      </c>
      <c r="HZ23" s="118">
        <v>297790</v>
      </c>
      <c r="IA23" s="119">
        <v>1858285</v>
      </c>
      <c r="IB23" s="120">
        <v>2156075</v>
      </c>
      <c r="IC23" s="133">
        <v>0</v>
      </c>
      <c r="ID23" s="119">
        <v>34227434</v>
      </c>
      <c r="IE23" s="134">
        <v>42995006</v>
      </c>
      <c r="IF23" s="120">
        <v>55677872</v>
      </c>
      <c r="IG23" s="119">
        <v>38647168</v>
      </c>
      <c r="IH23" s="120">
        <v>24015072</v>
      </c>
      <c r="II23" s="135">
        <v>195562552</v>
      </c>
      <c r="IJ23" s="126">
        <v>197718627</v>
      </c>
      <c r="IK23" s="219">
        <v>0</v>
      </c>
      <c r="IL23" s="223">
        <v>0</v>
      </c>
      <c r="IM23" s="224">
        <v>0</v>
      </c>
      <c r="IN23" s="127"/>
      <c r="IO23" s="109">
        <v>72631</v>
      </c>
      <c r="IP23" s="109">
        <v>551764</v>
      </c>
      <c r="IQ23" s="109">
        <v>357068</v>
      </c>
      <c r="IR23" s="109">
        <v>250660</v>
      </c>
      <c r="IS23" s="109">
        <v>232476</v>
      </c>
      <c r="IT23" s="128">
        <v>1464599</v>
      </c>
      <c r="IU23" s="298">
        <v>1464599</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13049453</v>
      </c>
      <c r="JL23" s="109">
        <v>10931462</v>
      </c>
      <c r="JM23" s="109">
        <v>8157200</v>
      </c>
      <c r="JN23" s="109">
        <v>4610082</v>
      </c>
      <c r="JO23" s="109">
        <v>1335571</v>
      </c>
      <c r="JP23" s="110">
        <v>38083768</v>
      </c>
      <c r="JQ23" s="298">
        <v>38083768</v>
      </c>
      <c r="JR23" s="129">
        <v>0</v>
      </c>
      <c r="JS23" s="109">
        <v>0</v>
      </c>
      <c r="JT23" s="128">
        <v>0</v>
      </c>
      <c r="JU23" s="108">
        <v>0</v>
      </c>
      <c r="JV23" s="109">
        <v>759622</v>
      </c>
      <c r="JW23" s="109">
        <v>681031</v>
      </c>
      <c r="JX23" s="109">
        <v>3630180</v>
      </c>
      <c r="JY23" s="109">
        <v>2505803</v>
      </c>
      <c r="JZ23" s="109">
        <v>1186022</v>
      </c>
      <c r="KA23" s="110">
        <v>8762658</v>
      </c>
      <c r="KB23" s="298">
        <v>8762658</v>
      </c>
      <c r="KC23" s="221">
        <v>297790</v>
      </c>
      <c r="KD23" s="217">
        <v>1219642</v>
      </c>
      <c r="KE23" s="110">
        <v>1517432</v>
      </c>
      <c r="KF23" s="108">
        <v>0</v>
      </c>
      <c r="KG23" s="109">
        <v>6098908</v>
      </c>
      <c r="KH23" s="109">
        <v>8920591</v>
      </c>
      <c r="KI23" s="109">
        <v>12346403</v>
      </c>
      <c r="KJ23" s="109">
        <v>5021064</v>
      </c>
      <c r="KK23" s="109">
        <v>2768157</v>
      </c>
      <c r="KL23" s="110">
        <v>35155123</v>
      </c>
      <c r="KM23" s="130">
        <v>36672555</v>
      </c>
      <c r="KN23" s="219">
        <v>0</v>
      </c>
      <c r="KO23" s="223">
        <v>638643</v>
      </c>
      <c r="KP23" s="224">
        <v>638643</v>
      </c>
      <c r="KQ23" s="127"/>
      <c r="KR23" s="109">
        <v>13464930</v>
      </c>
      <c r="KS23" s="109">
        <v>18456354</v>
      </c>
      <c r="KT23" s="109">
        <v>25825846</v>
      </c>
      <c r="KU23" s="109">
        <v>16221523</v>
      </c>
      <c r="KV23" s="109">
        <v>7023909</v>
      </c>
      <c r="KW23" s="110">
        <v>80992562</v>
      </c>
      <c r="KX23" s="298">
        <v>81631205</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548272</v>
      </c>
      <c r="LP23" s="109">
        <v>1192360</v>
      </c>
      <c r="LQ23" s="109">
        <v>5150072</v>
      </c>
      <c r="LR23" s="109">
        <v>1306625</v>
      </c>
      <c r="LS23" s="110">
        <v>8197329</v>
      </c>
      <c r="LT23" s="298">
        <v>8197329</v>
      </c>
      <c r="LU23" s="129">
        <v>0</v>
      </c>
      <c r="LV23" s="109">
        <v>0</v>
      </c>
      <c r="LW23" s="110">
        <v>0</v>
      </c>
      <c r="LX23" s="132"/>
      <c r="LY23" s="109">
        <v>781890</v>
      </c>
      <c r="LZ23" s="109">
        <v>2905532</v>
      </c>
      <c r="MA23" s="109">
        <v>4168815</v>
      </c>
      <c r="MB23" s="109">
        <v>4887964</v>
      </c>
      <c r="MC23" s="109">
        <v>10162312</v>
      </c>
      <c r="MD23" s="110">
        <v>22906513</v>
      </c>
      <c r="ME23" s="111">
        <v>22906513</v>
      </c>
      <c r="MF23" s="129">
        <v>0</v>
      </c>
      <c r="MG23" s="109">
        <v>0</v>
      </c>
      <c r="MH23" s="110">
        <v>0</v>
      </c>
      <c r="MI23" s="132"/>
      <c r="MJ23" s="109">
        <v>10072265</v>
      </c>
      <c r="MK23" s="109">
        <v>26898778</v>
      </c>
      <c r="ML23" s="109">
        <v>79902083</v>
      </c>
      <c r="MM23" s="109">
        <v>164597972</v>
      </c>
      <c r="MN23" s="109">
        <v>107810902</v>
      </c>
      <c r="MO23" s="110">
        <v>389282000</v>
      </c>
      <c r="MP23" s="130">
        <v>389282000</v>
      </c>
      <c r="MQ23" s="129">
        <v>0</v>
      </c>
      <c r="MR23" s="109">
        <v>0</v>
      </c>
      <c r="MS23" s="110">
        <v>0</v>
      </c>
      <c r="MT23" s="132"/>
      <c r="MU23" s="109">
        <v>1429953</v>
      </c>
      <c r="MV23" s="109">
        <v>2348482</v>
      </c>
      <c r="MW23" s="109">
        <v>46304133</v>
      </c>
      <c r="MX23" s="109">
        <v>119240966</v>
      </c>
      <c r="MY23" s="109">
        <v>76267070</v>
      </c>
      <c r="MZ23" s="110">
        <v>245590604</v>
      </c>
      <c r="NA23" s="130">
        <v>245590604</v>
      </c>
      <c r="NB23" s="129">
        <v>0</v>
      </c>
      <c r="NC23" s="109">
        <v>0</v>
      </c>
      <c r="ND23" s="110">
        <v>0</v>
      </c>
      <c r="NE23" s="132"/>
      <c r="NF23" s="109">
        <v>8642312</v>
      </c>
      <c r="NG23" s="109">
        <v>24550296</v>
      </c>
      <c r="NH23" s="109">
        <v>33209809</v>
      </c>
      <c r="NI23" s="109">
        <v>40601339</v>
      </c>
      <c r="NJ23" s="109">
        <v>23443828</v>
      </c>
      <c r="NK23" s="110">
        <v>130447584</v>
      </c>
      <c r="NL23" s="298">
        <v>130447584</v>
      </c>
      <c r="NM23" s="129">
        <v>0</v>
      </c>
      <c r="NN23" s="109">
        <v>0</v>
      </c>
      <c r="NO23" s="110">
        <v>0</v>
      </c>
      <c r="NP23" s="132"/>
      <c r="NQ23" s="109">
        <v>0</v>
      </c>
      <c r="NR23" s="109">
        <v>0</v>
      </c>
      <c r="NS23" s="109">
        <v>0</v>
      </c>
      <c r="NT23" s="109">
        <v>385552</v>
      </c>
      <c r="NU23" s="109">
        <v>1653900</v>
      </c>
      <c r="NV23" s="110">
        <v>2039452</v>
      </c>
      <c r="NW23" s="111">
        <v>2039452</v>
      </c>
      <c r="NX23" s="129">
        <v>0</v>
      </c>
      <c r="NY23" s="109">
        <v>0</v>
      </c>
      <c r="NZ23" s="110">
        <v>0</v>
      </c>
      <c r="OA23" s="132"/>
      <c r="OB23" s="109">
        <v>0</v>
      </c>
      <c r="OC23" s="109">
        <v>0</v>
      </c>
      <c r="OD23" s="109">
        <v>388141</v>
      </c>
      <c r="OE23" s="109">
        <v>4370115</v>
      </c>
      <c r="OF23" s="109">
        <v>6446104</v>
      </c>
      <c r="OG23" s="110">
        <v>11204360</v>
      </c>
      <c r="OH23" s="111">
        <v>11204360</v>
      </c>
      <c r="OI23" s="129">
        <v>8503966</v>
      </c>
      <c r="OJ23" s="109">
        <v>18102103</v>
      </c>
      <c r="OK23" s="128">
        <v>26606069</v>
      </c>
      <c r="OL23" s="108">
        <v>0</v>
      </c>
      <c r="OM23" s="109">
        <v>185466183</v>
      </c>
      <c r="ON23" s="109">
        <v>248545589</v>
      </c>
      <c r="OO23" s="109">
        <v>298913301</v>
      </c>
      <c r="OP23" s="109">
        <v>355135950</v>
      </c>
      <c r="OQ23" s="109">
        <v>243368691</v>
      </c>
      <c r="OR23" s="110">
        <v>1331429714</v>
      </c>
      <c r="OS23" s="130">
        <v>1358035783</v>
      </c>
    </row>
    <row r="24" spans="2:409" ht="21" customHeight="1" x14ac:dyDescent="0.2">
      <c r="B24" s="472" t="s">
        <v>19</v>
      </c>
      <c r="C24" s="100">
        <v>4712514</v>
      </c>
      <c r="D24" s="104">
        <v>9047043</v>
      </c>
      <c r="E24" s="103">
        <v>13759557</v>
      </c>
      <c r="F24" s="99">
        <v>0</v>
      </c>
      <c r="G24" s="104">
        <v>62692004</v>
      </c>
      <c r="H24" s="104">
        <v>73787018</v>
      </c>
      <c r="I24" s="104">
        <v>62802421</v>
      </c>
      <c r="J24" s="104">
        <v>50702579</v>
      </c>
      <c r="K24" s="104">
        <v>39045615</v>
      </c>
      <c r="L24" s="99">
        <v>289029637</v>
      </c>
      <c r="M24" s="106">
        <v>302789194</v>
      </c>
      <c r="N24" s="100">
        <v>1180689</v>
      </c>
      <c r="O24" s="104">
        <v>1775535</v>
      </c>
      <c r="P24" s="103">
        <v>2956224</v>
      </c>
      <c r="Q24" s="100">
        <v>0</v>
      </c>
      <c r="R24" s="104">
        <v>16154245</v>
      </c>
      <c r="S24" s="104">
        <v>18223333</v>
      </c>
      <c r="T24" s="104">
        <v>17293777</v>
      </c>
      <c r="U24" s="104">
        <v>19461387</v>
      </c>
      <c r="V24" s="104">
        <v>18102008</v>
      </c>
      <c r="W24" s="103">
        <v>89234750</v>
      </c>
      <c r="X24" s="106">
        <v>92190974</v>
      </c>
      <c r="Y24" s="100">
        <v>0</v>
      </c>
      <c r="Z24" s="104">
        <v>0</v>
      </c>
      <c r="AA24" s="103">
        <v>0</v>
      </c>
      <c r="AB24" s="100">
        <v>0</v>
      </c>
      <c r="AC24" s="104">
        <v>6309225</v>
      </c>
      <c r="AD24" s="104">
        <v>8459283</v>
      </c>
      <c r="AE24" s="104">
        <v>8935332</v>
      </c>
      <c r="AF24" s="104">
        <v>11293806</v>
      </c>
      <c r="AG24" s="104">
        <v>10082302</v>
      </c>
      <c r="AH24" s="103">
        <v>45079948</v>
      </c>
      <c r="AI24" s="106">
        <v>45079948</v>
      </c>
      <c r="AJ24" s="100">
        <v>0</v>
      </c>
      <c r="AK24" s="104">
        <v>0</v>
      </c>
      <c r="AL24" s="103">
        <v>0</v>
      </c>
      <c r="AM24" s="100">
        <v>0</v>
      </c>
      <c r="AN24" s="104">
        <v>282318</v>
      </c>
      <c r="AO24" s="104">
        <v>249519</v>
      </c>
      <c r="AP24" s="104">
        <v>793612</v>
      </c>
      <c r="AQ24" s="104">
        <v>853528</v>
      </c>
      <c r="AR24" s="104">
        <v>1853781</v>
      </c>
      <c r="AS24" s="103">
        <v>4032758</v>
      </c>
      <c r="AT24" s="106">
        <v>4032758</v>
      </c>
      <c r="AU24" s="100">
        <v>744602</v>
      </c>
      <c r="AV24" s="104">
        <v>1220801</v>
      </c>
      <c r="AW24" s="103">
        <v>1965403</v>
      </c>
      <c r="AX24" s="100">
        <v>0</v>
      </c>
      <c r="AY24" s="104">
        <v>6498443</v>
      </c>
      <c r="AZ24" s="104">
        <v>5804479</v>
      </c>
      <c r="BA24" s="104">
        <v>4200214</v>
      </c>
      <c r="BB24" s="104">
        <v>4305515</v>
      </c>
      <c r="BC24" s="104">
        <v>4177058</v>
      </c>
      <c r="BD24" s="103">
        <v>24985709</v>
      </c>
      <c r="BE24" s="106">
        <v>26951112</v>
      </c>
      <c r="BF24" s="100">
        <v>42649</v>
      </c>
      <c r="BG24" s="104">
        <v>130217</v>
      </c>
      <c r="BH24" s="102">
        <v>172866</v>
      </c>
      <c r="BI24" s="101">
        <v>0</v>
      </c>
      <c r="BJ24" s="104">
        <v>626585</v>
      </c>
      <c r="BK24" s="104">
        <v>590422</v>
      </c>
      <c r="BL24" s="104">
        <v>386279</v>
      </c>
      <c r="BM24" s="104">
        <v>484978</v>
      </c>
      <c r="BN24" s="104">
        <v>48071</v>
      </c>
      <c r="BO24" s="103">
        <v>2136335</v>
      </c>
      <c r="BP24" s="106">
        <v>2309201</v>
      </c>
      <c r="BQ24" s="100">
        <v>393438</v>
      </c>
      <c r="BR24" s="104">
        <v>424517</v>
      </c>
      <c r="BS24" s="103">
        <v>817955</v>
      </c>
      <c r="BT24" s="100">
        <v>0</v>
      </c>
      <c r="BU24" s="104">
        <v>2437674</v>
      </c>
      <c r="BV24" s="104">
        <v>3119630</v>
      </c>
      <c r="BW24" s="104">
        <v>2978340</v>
      </c>
      <c r="BX24" s="104">
        <v>2523560</v>
      </c>
      <c r="BY24" s="104">
        <v>1940796</v>
      </c>
      <c r="BZ24" s="103">
        <v>13000000</v>
      </c>
      <c r="CA24" s="106">
        <v>13817955</v>
      </c>
      <c r="CB24" s="100">
        <v>782400</v>
      </c>
      <c r="CC24" s="104">
        <v>2829263</v>
      </c>
      <c r="CD24" s="103">
        <v>3611663</v>
      </c>
      <c r="CE24" s="100">
        <v>0</v>
      </c>
      <c r="CF24" s="104">
        <v>19663935</v>
      </c>
      <c r="CG24" s="104">
        <v>25607063</v>
      </c>
      <c r="CH24" s="104">
        <v>17668864</v>
      </c>
      <c r="CI24" s="104">
        <v>9237800</v>
      </c>
      <c r="CJ24" s="104">
        <v>6464396</v>
      </c>
      <c r="CK24" s="103">
        <v>78642058</v>
      </c>
      <c r="CL24" s="106">
        <v>82253721</v>
      </c>
      <c r="CM24" s="100">
        <v>0</v>
      </c>
      <c r="CN24" s="104">
        <v>0</v>
      </c>
      <c r="CO24" s="103">
        <v>0</v>
      </c>
      <c r="CP24" s="101">
        <v>0</v>
      </c>
      <c r="CQ24" s="104">
        <v>14625955</v>
      </c>
      <c r="CR24" s="104">
        <v>18578190</v>
      </c>
      <c r="CS24" s="104">
        <v>12710632</v>
      </c>
      <c r="CT24" s="104">
        <v>6623946</v>
      </c>
      <c r="CU24" s="104">
        <v>5169591</v>
      </c>
      <c r="CV24" s="103">
        <v>57708314</v>
      </c>
      <c r="CW24" s="106">
        <v>57708314</v>
      </c>
      <c r="CX24" s="100">
        <v>782400</v>
      </c>
      <c r="CY24" s="104">
        <v>2829263</v>
      </c>
      <c r="CZ24" s="103">
        <v>3611663</v>
      </c>
      <c r="DA24" s="100">
        <v>0</v>
      </c>
      <c r="DB24" s="104">
        <v>5037980</v>
      </c>
      <c r="DC24" s="104">
        <v>7028873</v>
      </c>
      <c r="DD24" s="104">
        <v>4958232</v>
      </c>
      <c r="DE24" s="104">
        <v>2613854</v>
      </c>
      <c r="DF24" s="104">
        <v>1294805</v>
      </c>
      <c r="DG24" s="103">
        <v>20933744</v>
      </c>
      <c r="DH24" s="106">
        <v>24545407</v>
      </c>
      <c r="DI24" s="100">
        <v>66867</v>
      </c>
      <c r="DJ24" s="104">
        <v>42904</v>
      </c>
      <c r="DK24" s="102">
        <v>109771</v>
      </c>
      <c r="DL24" s="101">
        <v>0</v>
      </c>
      <c r="DM24" s="104">
        <v>1050200</v>
      </c>
      <c r="DN24" s="104">
        <v>3392309</v>
      </c>
      <c r="DO24" s="104">
        <v>5128478</v>
      </c>
      <c r="DP24" s="104">
        <v>4532178</v>
      </c>
      <c r="DQ24" s="104">
        <v>1960452</v>
      </c>
      <c r="DR24" s="103">
        <v>16063617</v>
      </c>
      <c r="DS24" s="106">
        <v>16173388</v>
      </c>
      <c r="DT24" s="100">
        <v>66867</v>
      </c>
      <c r="DU24" s="104">
        <v>42904</v>
      </c>
      <c r="DV24" s="103">
        <v>109771</v>
      </c>
      <c r="DW24" s="100">
        <v>0</v>
      </c>
      <c r="DX24" s="104">
        <v>865161</v>
      </c>
      <c r="DY24" s="104">
        <v>2691526</v>
      </c>
      <c r="DZ24" s="104">
        <v>4614203</v>
      </c>
      <c r="EA24" s="104">
        <v>3557269</v>
      </c>
      <c r="EB24" s="104">
        <v>1510815</v>
      </c>
      <c r="EC24" s="103">
        <v>13238974</v>
      </c>
      <c r="ED24" s="106">
        <v>13348745</v>
      </c>
      <c r="EE24" s="100">
        <v>0</v>
      </c>
      <c r="EF24" s="102">
        <v>0</v>
      </c>
      <c r="EG24" s="103">
        <v>0</v>
      </c>
      <c r="EH24" s="100">
        <v>0</v>
      </c>
      <c r="EI24" s="104">
        <v>185039</v>
      </c>
      <c r="EJ24" s="104">
        <v>700783</v>
      </c>
      <c r="EK24" s="104">
        <v>514275</v>
      </c>
      <c r="EL24" s="104">
        <v>974909</v>
      </c>
      <c r="EM24" s="104">
        <v>449637</v>
      </c>
      <c r="EN24" s="102">
        <v>2824643</v>
      </c>
      <c r="EO24" s="106">
        <v>2824643</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153615</v>
      </c>
      <c r="FM24" s="104">
        <v>1553228</v>
      </c>
      <c r="FN24" s="103">
        <v>2706843</v>
      </c>
      <c r="FO24" s="100">
        <v>0</v>
      </c>
      <c r="FP24" s="104">
        <v>3700116</v>
      </c>
      <c r="FQ24" s="104">
        <v>6932896</v>
      </c>
      <c r="FR24" s="104">
        <v>4930344</v>
      </c>
      <c r="FS24" s="104">
        <v>4185827</v>
      </c>
      <c r="FT24" s="104">
        <v>3646416</v>
      </c>
      <c r="FU24" s="103">
        <v>23395599</v>
      </c>
      <c r="FV24" s="106">
        <v>26102442</v>
      </c>
      <c r="FW24" s="105">
        <v>802582</v>
      </c>
      <c r="FX24" s="104">
        <v>1311966</v>
      </c>
      <c r="FY24" s="102">
        <v>2114548</v>
      </c>
      <c r="FZ24" s="101">
        <v>0</v>
      </c>
      <c r="GA24" s="104">
        <v>3456114</v>
      </c>
      <c r="GB24" s="104">
        <v>6514356</v>
      </c>
      <c r="GC24" s="104">
        <v>4546744</v>
      </c>
      <c r="GD24" s="104">
        <v>3971672</v>
      </c>
      <c r="GE24" s="104">
        <v>3584838</v>
      </c>
      <c r="GF24" s="103">
        <v>22073724</v>
      </c>
      <c r="GG24" s="296">
        <v>24188272</v>
      </c>
      <c r="GH24" s="105">
        <v>90000</v>
      </c>
      <c r="GI24" s="104">
        <v>120725</v>
      </c>
      <c r="GJ24" s="102">
        <v>210725</v>
      </c>
      <c r="GK24" s="101">
        <v>0</v>
      </c>
      <c r="GL24" s="104">
        <v>63932</v>
      </c>
      <c r="GM24" s="104">
        <v>45760</v>
      </c>
      <c r="GN24" s="104">
        <v>73205</v>
      </c>
      <c r="GO24" s="104">
        <v>34155</v>
      </c>
      <c r="GP24" s="104">
        <v>61578</v>
      </c>
      <c r="GQ24" s="103">
        <v>278630</v>
      </c>
      <c r="GR24" s="106">
        <v>489355</v>
      </c>
      <c r="GS24" s="100">
        <v>261033</v>
      </c>
      <c r="GT24" s="104">
        <v>120537</v>
      </c>
      <c r="GU24" s="103">
        <v>381570</v>
      </c>
      <c r="GV24" s="100">
        <v>0</v>
      </c>
      <c r="GW24" s="104">
        <v>180070</v>
      </c>
      <c r="GX24" s="104">
        <v>372780</v>
      </c>
      <c r="GY24" s="104">
        <v>310395</v>
      </c>
      <c r="GZ24" s="104">
        <v>180000</v>
      </c>
      <c r="HA24" s="104">
        <v>0</v>
      </c>
      <c r="HB24" s="102">
        <v>1043245</v>
      </c>
      <c r="HC24" s="106">
        <v>1424815</v>
      </c>
      <c r="HD24" s="100">
        <v>672636</v>
      </c>
      <c r="HE24" s="104">
        <v>1500445</v>
      </c>
      <c r="HF24" s="102">
        <v>2173081</v>
      </c>
      <c r="HG24" s="101">
        <v>0</v>
      </c>
      <c r="HH24" s="104">
        <v>11693950</v>
      </c>
      <c r="HI24" s="104">
        <v>10967209</v>
      </c>
      <c r="HJ24" s="104">
        <v>12358899</v>
      </c>
      <c r="HK24" s="104">
        <v>9703464</v>
      </c>
      <c r="HL24" s="104">
        <v>6494113</v>
      </c>
      <c r="HM24" s="103">
        <v>51217635</v>
      </c>
      <c r="HN24" s="99">
        <v>53390716</v>
      </c>
      <c r="HO24" s="105">
        <v>856307</v>
      </c>
      <c r="HP24" s="104">
        <v>1345668</v>
      </c>
      <c r="HQ24" s="103">
        <v>2201975</v>
      </c>
      <c r="HR24" s="100">
        <v>0</v>
      </c>
      <c r="HS24" s="104">
        <v>10429558</v>
      </c>
      <c r="HT24" s="104">
        <v>8664208</v>
      </c>
      <c r="HU24" s="104">
        <v>5422059</v>
      </c>
      <c r="HV24" s="104">
        <v>3581923</v>
      </c>
      <c r="HW24" s="104">
        <v>2378230</v>
      </c>
      <c r="HX24" s="102">
        <v>30475978</v>
      </c>
      <c r="HY24" s="106">
        <v>32677953</v>
      </c>
      <c r="HZ24" s="137">
        <v>0</v>
      </c>
      <c r="IA24" s="122">
        <v>370415</v>
      </c>
      <c r="IB24" s="137">
        <v>370415</v>
      </c>
      <c r="IC24" s="121">
        <v>0</v>
      </c>
      <c r="ID24" s="122">
        <v>14421300</v>
      </c>
      <c r="IE24" s="123">
        <v>25234302</v>
      </c>
      <c r="IF24" s="124">
        <v>28700286</v>
      </c>
      <c r="IG24" s="122">
        <v>14365746</v>
      </c>
      <c r="IH24" s="124">
        <v>13102283</v>
      </c>
      <c r="II24" s="125">
        <v>95823917</v>
      </c>
      <c r="IJ24" s="137">
        <v>96194332</v>
      </c>
      <c r="IK24" s="219">
        <v>0</v>
      </c>
      <c r="IL24" s="223">
        <v>0</v>
      </c>
      <c r="IM24" s="224">
        <v>0</v>
      </c>
      <c r="IN24" s="127"/>
      <c r="IO24" s="109">
        <v>768944</v>
      </c>
      <c r="IP24" s="109">
        <v>928500</v>
      </c>
      <c r="IQ24" s="109">
        <v>1133609</v>
      </c>
      <c r="IR24" s="109">
        <v>898445</v>
      </c>
      <c r="IS24" s="109">
        <v>1316640</v>
      </c>
      <c r="IT24" s="128">
        <v>5046138</v>
      </c>
      <c r="IU24" s="298">
        <v>5046138</v>
      </c>
      <c r="IV24" s="129">
        <v>0</v>
      </c>
      <c r="IW24" s="109">
        <v>0</v>
      </c>
      <c r="IX24" s="110">
        <v>0</v>
      </c>
      <c r="IY24" s="131"/>
      <c r="IZ24" s="109">
        <v>11459</v>
      </c>
      <c r="JA24" s="109">
        <v>29495</v>
      </c>
      <c r="JB24" s="109">
        <v>45836</v>
      </c>
      <c r="JC24" s="109">
        <v>85115</v>
      </c>
      <c r="JD24" s="109">
        <v>41668</v>
      </c>
      <c r="JE24" s="110">
        <v>213573</v>
      </c>
      <c r="JF24" s="111">
        <v>213573</v>
      </c>
      <c r="JG24" s="129">
        <v>0</v>
      </c>
      <c r="JH24" s="109">
        <v>0</v>
      </c>
      <c r="JI24" s="128">
        <v>0</v>
      </c>
      <c r="JJ24" s="108">
        <v>0</v>
      </c>
      <c r="JK24" s="109">
        <v>6210291</v>
      </c>
      <c r="JL24" s="109">
        <v>7283474</v>
      </c>
      <c r="JM24" s="109">
        <v>4511296</v>
      </c>
      <c r="JN24" s="109">
        <v>2729213</v>
      </c>
      <c r="JO24" s="109">
        <v>1268861</v>
      </c>
      <c r="JP24" s="110">
        <v>22003135</v>
      </c>
      <c r="JQ24" s="298">
        <v>22003135</v>
      </c>
      <c r="JR24" s="129">
        <v>0</v>
      </c>
      <c r="JS24" s="109">
        <v>0</v>
      </c>
      <c r="JT24" s="128">
        <v>0</v>
      </c>
      <c r="JU24" s="108">
        <v>0</v>
      </c>
      <c r="JV24" s="109">
        <v>865922</v>
      </c>
      <c r="JW24" s="109">
        <v>1744517</v>
      </c>
      <c r="JX24" s="109">
        <v>3143816</v>
      </c>
      <c r="JY24" s="109">
        <v>471984</v>
      </c>
      <c r="JZ24" s="109">
        <v>600697</v>
      </c>
      <c r="KA24" s="110">
        <v>6826936</v>
      </c>
      <c r="KB24" s="298">
        <v>6826936</v>
      </c>
      <c r="KC24" s="221">
        <v>0</v>
      </c>
      <c r="KD24" s="217">
        <v>370415</v>
      </c>
      <c r="KE24" s="110">
        <v>370415</v>
      </c>
      <c r="KF24" s="108">
        <v>0</v>
      </c>
      <c r="KG24" s="109">
        <v>2673731</v>
      </c>
      <c r="KH24" s="109">
        <v>7958428</v>
      </c>
      <c r="KI24" s="109">
        <v>7951071</v>
      </c>
      <c r="KJ24" s="109">
        <v>3415400</v>
      </c>
      <c r="KK24" s="109">
        <v>3176092</v>
      </c>
      <c r="KL24" s="110">
        <v>25174722</v>
      </c>
      <c r="KM24" s="130">
        <v>25545137</v>
      </c>
      <c r="KN24" s="219">
        <v>0</v>
      </c>
      <c r="KO24" s="223">
        <v>0</v>
      </c>
      <c r="KP24" s="224">
        <v>0</v>
      </c>
      <c r="KQ24" s="127"/>
      <c r="KR24" s="109">
        <v>3693753</v>
      </c>
      <c r="KS24" s="109">
        <v>6301922</v>
      </c>
      <c r="KT24" s="109">
        <v>9613876</v>
      </c>
      <c r="KU24" s="109">
        <v>5991332</v>
      </c>
      <c r="KV24" s="109">
        <v>3744511</v>
      </c>
      <c r="KW24" s="110">
        <v>29345394</v>
      </c>
      <c r="KX24" s="298">
        <v>29345394</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197200</v>
      </c>
      <c r="LZ24" s="109">
        <v>987966</v>
      </c>
      <c r="MA24" s="109">
        <v>2300782</v>
      </c>
      <c r="MB24" s="109">
        <v>774257</v>
      </c>
      <c r="MC24" s="109">
        <v>2953814</v>
      </c>
      <c r="MD24" s="110">
        <v>7214019</v>
      </c>
      <c r="ME24" s="111">
        <v>7214019</v>
      </c>
      <c r="MF24" s="129">
        <v>0</v>
      </c>
      <c r="MG24" s="109">
        <v>0</v>
      </c>
      <c r="MH24" s="110">
        <v>0</v>
      </c>
      <c r="MI24" s="132"/>
      <c r="MJ24" s="109">
        <v>5683445</v>
      </c>
      <c r="MK24" s="109">
        <v>14736498</v>
      </c>
      <c r="ML24" s="109">
        <v>53921968</v>
      </c>
      <c r="MM24" s="109">
        <v>57871598</v>
      </c>
      <c r="MN24" s="109">
        <v>46740518</v>
      </c>
      <c r="MO24" s="110">
        <v>178954027</v>
      </c>
      <c r="MP24" s="130">
        <v>178954027</v>
      </c>
      <c r="MQ24" s="129">
        <v>0</v>
      </c>
      <c r="MR24" s="109">
        <v>0</v>
      </c>
      <c r="MS24" s="110">
        <v>0</v>
      </c>
      <c r="MT24" s="132"/>
      <c r="MU24" s="109">
        <v>0</v>
      </c>
      <c r="MV24" s="109">
        <v>1192724</v>
      </c>
      <c r="MW24" s="109">
        <v>32147197</v>
      </c>
      <c r="MX24" s="109">
        <v>35037211</v>
      </c>
      <c r="MY24" s="109">
        <v>33028017</v>
      </c>
      <c r="MZ24" s="110">
        <v>101405149</v>
      </c>
      <c r="NA24" s="130">
        <v>101405149</v>
      </c>
      <c r="NB24" s="129">
        <v>0</v>
      </c>
      <c r="NC24" s="109">
        <v>0</v>
      </c>
      <c r="ND24" s="110">
        <v>0</v>
      </c>
      <c r="NE24" s="132"/>
      <c r="NF24" s="109">
        <v>5683445</v>
      </c>
      <c r="NG24" s="109">
        <v>13543774</v>
      </c>
      <c r="NH24" s="109">
        <v>21774771</v>
      </c>
      <c r="NI24" s="109">
        <v>21458116</v>
      </c>
      <c r="NJ24" s="109">
        <v>10738661</v>
      </c>
      <c r="NK24" s="110">
        <v>73198767</v>
      </c>
      <c r="NL24" s="298">
        <v>7319876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1376271</v>
      </c>
      <c r="OF24" s="109">
        <v>2973840</v>
      </c>
      <c r="OG24" s="110">
        <v>4350111</v>
      </c>
      <c r="OH24" s="111">
        <v>4350111</v>
      </c>
      <c r="OI24" s="129">
        <v>4712514</v>
      </c>
      <c r="OJ24" s="109">
        <v>9417458</v>
      </c>
      <c r="OK24" s="128">
        <v>14129972</v>
      </c>
      <c r="OL24" s="108">
        <v>0</v>
      </c>
      <c r="OM24" s="109">
        <v>82796749</v>
      </c>
      <c r="ON24" s="109">
        <v>113757818</v>
      </c>
      <c r="OO24" s="109">
        <v>145424675</v>
      </c>
      <c r="OP24" s="109">
        <v>122939923</v>
      </c>
      <c r="OQ24" s="109">
        <v>98888416</v>
      </c>
      <c r="OR24" s="110">
        <v>563807581</v>
      </c>
      <c r="OS24" s="130">
        <v>577937553</v>
      </c>
    </row>
    <row r="25" spans="2:409" ht="21" customHeight="1" x14ac:dyDescent="0.2">
      <c r="B25" s="472" t="s">
        <v>20</v>
      </c>
      <c r="C25" s="100">
        <v>4829016</v>
      </c>
      <c r="D25" s="104">
        <v>11824948</v>
      </c>
      <c r="E25" s="103">
        <v>16653964</v>
      </c>
      <c r="F25" s="100">
        <v>0</v>
      </c>
      <c r="G25" s="104">
        <v>90309117</v>
      </c>
      <c r="H25" s="104">
        <v>80920470</v>
      </c>
      <c r="I25" s="104">
        <v>84883878</v>
      </c>
      <c r="J25" s="104">
        <v>70411068</v>
      </c>
      <c r="K25" s="104">
        <v>46181122</v>
      </c>
      <c r="L25" s="160">
        <v>372705655</v>
      </c>
      <c r="M25" s="106">
        <v>389359619</v>
      </c>
      <c r="N25" s="100">
        <v>1677023</v>
      </c>
      <c r="O25" s="104">
        <v>3992779</v>
      </c>
      <c r="P25" s="103">
        <v>5669802</v>
      </c>
      <c r="Q25" s="100">
        <v>0</v>
      </c>
      <c r="R25" s="104">
        <v>26035826</v>
      </c>
      <c r="S25" s="104">
        <v>23455067</v>
      </c>
      <c r="T25" s="104">
        <v>28782756</v>
      </c>
      <c r="U25" s="104">
        <v>24816328</v>
      </c>
      <c r="V25" s="104">
        <v>23112049</v>
      </c>
      <c r="W25" s="103">
        <v>126202026</v>
      </c>
      <c r="X25" s="106">
        <v>131871828</v>
      </c>
      <c r="Y25" s="100">
        <v>0</v>
      </c>
      <c r="Z25" s="104">
        <v>0</v>
      </c>
      <c r="AA25" s="103">
        <v>0</v>
      </c>
      <c r="AB25" s="100">
        <v>0</v>
      </c>
      <c r="AC25" s="104">
        <v>11045131</v>
      </c>
      <c r="AD25" s="104">
        <v>9511541</v>
      </c>
      <c r="AE25" s="104">
        <v>16453911</v>
      </c>
      <c r="AF25" s="104">
        <v>14134948</v>
      </c>
      <c r="AG25" s="104">
        <v>13414172</v>
      </c>
      <c r="AH25" s="103">
        <v>64559703</v>
      </c>
      <c r="AI25" s="106">
        <v>64559703</v>
      </c>
      <c r="AJ25" s="100">
        <v>0</v>
      </c>
      <c r="AK25" s="104">
        <v>0</v>
      </c>
      <c r="AL25" s="103">
        <v>0</v>
      </c>
      <c r="AM25" s="100">
        <v>0</v>
      </c>
      <c r="AN25" s="104">
        <v>84391</v>
      </c>
      <c r="AO25" s="104">
        <v>384979</v>
      </c>
      <c r="AP25" s="104">
        <v>1195721</v>
      </c>
      <c r="AQ25" s="104">
        <v>1581093</v>
      </c>
      <c r="AR25" s="104">
        <v>3100466</v>
      </c>
      <c r="AS25" s="103">
        <v>6346650</v>
      </c>
      <c r="AT25" s="106">
        <v>6346650</v>
      </c>
      <c r="AU25" s="100">
        <v>997408</v>
      </c>
      <c r="AV25" s="104">
        <v>2427294</v>
      </c>
      <c r="AW25" s="103">
        <v>3424702</v>
      </c>
      <c r="AX25" s="100">
        <v>0</v>
      </c>
      <c r="AY25" s="104">
        <v>9318128</v>
      </c>
      <c r="AZ25" s="104">
        <v>8106106</v>
      </c>
      <c r="BA25" s="104">
        <v>5704467</v>
      </c>
      <c r="BB25" s="104">
        <v>4714220</v>
      </c>
      <c r="BC25" s="104">
        <v>3743439</v>
      </c>
      <c r="BD25" s="103">
        <v>31586360</v>
      </c>
      <c r="BE25" s="106">
        <v>35011062</v>
      </c>
      <c r="BF25" s="100">
        <v>340610</v>
      </c>
      <c r="BG25" s="104">
        <v>1076748</v>
      </c>
      <c r="BH25" s="102">
        <v>1417358</v>
      </c>
      <c r="BI25" s="101">
        <v>0</v>
      </c>
      <c r="BJ25" s="104">
        <v>1947808</v>
      </c>
      <c r="BK25" s="104">
        <v>2090568</v>
      </c>
      <c r="BL25" s="104">
        <v>1339577</v>
      </c>
      <c r="BM25" s="104">
        <v>1349337</v>
      </c>
      <c r="BN25" s="104">
        <v>239292</v>
      </c>
      <c r="BO25" s="103">
        <v>6966582</v>
      </c>
      <c r="BP25" s="106">
        <v>8383940</v>
      </c>
      <c r="BQ25" s="100">
        <v>339005</v>
      </c>
      <c r="BR25" s="104">
        <v>488737</v>
      </c>
      <c r="BS25" s="103">
        <v>827742</v>
      </c>
      <c r="BT25" s="100">
        <v>0</v>
      </c>
      <c r="BU25" s="104">
        <v>3640368</v>
      </c>
      <c r="BV25" s="104">
        <v>3361873</v>
      </c>
      <c r="BW25" s="104">
        <v>4089080</v>
      </c>
      <c r="BX25" s="104">
        <v>3036730</v>
      </c>
      <c r="BY25" s="104">
        <v>2614680</v>
      </c>
      <c r="BZ25" s="103">
        <v>16742731</v>
      </c>
      <c r="CA25" s="106">
        <v>17570473</v>
      </c>
      <c r="CB25" s="100">
        <v>388932</v>
      </c>
      <c r="CC25" s="104">
        <v>1487016</v>
      </c>
      <c r="CD25" s="103">
        <v>1875948</v>
      </c>
      <c r="CE25" s="100">
        <v>0</v>
      </c>
      <c r="CF25" s="104">
        <v>27003362</v>
      </c>
      <c r="CG25" s="104">
        <v>26275808</v>
      </c>
      <c r="CH25" s="104">
        <v>19342053</v>
      </c>
      <c r="CI25" s="104">
        <v>12372136</v>
      </c>
      <c r="CJ25" s="104">
        <v>5553336</v>
      </c>
      <c r="CK25" s="103">
        <v>90546695</v>
      </c>
      <c r="CL25" s="106">
        <v>92422643</v>
      </c>
      <c r="CM25" s="100">
        <v>0</v>
      </c>
      <c r="CN25" s="104">
        <v>0</v>
      </c>
      <c r="CO25" s="103">
        <v>0</v>
      </c>
      <c r="CP25" s="101">
        <v>0</v>
      </c>
      <c r="CQ25" s="104">
        <v>20109976</v>
      </c>
      <c r="CR25" s="104">
        <v>19463848</v>
      </c>
      <c r="CS25" s="104">
        <v>15679588</v>
      </c>
      <c r="CT25" s="104">
        <v>9342052</v>
      </c>
      <c r="CU25" s="104">
        <v>4124131</v>
      </c>
      <c r="CV25" s="103">
        <v>68719595</v>
      </c>
      <c r="CW25" s="106">
        <v>68719595</v>
      </c>
      <c r="CX25" s="100">
        <v>388932</v>
      </c>
      <c r="CY25" s="104">
        <v>1487016</v>
      </c>
      <c r="CZ25" s="103">
        <v>1875948</v>
      </c>
      <c r="DA25" s="100">
        <v>0</v>
      </c>
      <c r="DB25" s="104">
        <v>6893386</v>
      </c>
      <c r="DC25" s="104">
        <v>6811960</v>
      </c>
      <c r="DD25" s="104">
        <v>3662465</v>
      </c>
      <c r="DE25" s="104">
        <v>3030084</v>
      </c>
      <c r="DF25" s="104">
        <v>1429205</v>
      </c>
      <c r="DG25" s="103">
        <v>21827100</v>
      </c>
      <c r="DH25" s="106">
        <v>23703048</v>
      </c>
      <c r="DI25" s="100">
        <v>26056</v>
      </c>
      <c r="DJ25" s="104">
        <v>251845</v>
      </c>
      <c r="DK25" s="102">
        <v>277901</v>
      </c>
      <c r="DL25" s="101">
        <v>0</v>
      </c>
      <c r="DM25" s="104">
        <v>4022945</v>
      </c>
      <c r="DN25" s="104">
        <v>4951631</v>
      </c>
      <c r="DO25" s="104">
        <v>11193431</v>
      </c>
      <c r="DP25" s="104">
        <v>9563993</v>
      </c>
      <c r="DQ25" s="104">
        <v>3574304</v>
      </c>
      <c r="DR25" s="103">
        <v>33306304</v>
      </c>
      <c r="DS25" s="106">
        <v>33584205</v>
      </c>
      <c r="DT25" s="100">
        <v>26056</v>
      </c>
      <c r="DU25" s="104">
        <v>251845</v>
      </c>
      <c r="DV25" s="103">
        <v>277901</v>
      </c>
      <c r="DW25" s="100">
        <v>0</v>
      </c>
      <c r="DX25" s="104">
        <v>3891527</v>
      </c>
      <c r="DY25" s="104">
        <v>4703055</v>
      </c>
      <c r="DZ25" s="104">
        <v>10455208</v>
      </c>
      <c r="EA25" s="104">
        <v>8962689</v>
      </c>
      <c r="EB25" s="104">
        <v>3326958</v>
      </c>
      <c r="EC25" s="103">
        <v>31339437</v>
      </c>
      <c r="ED25" s="106">
        <v>31617338</v>
      </c>
      <c r="EE25" s="100">
        <v>0</v>
      </c>
      <c r="EF25" s="102">
        <v>0</v>
      </c>
      <c r="EG25" s="103">
        <v>0</v>
      </c>
      <c r="EH25" s="100">
        <v>0</v>
      </c>
      <c r="EI25" s="104">
        <v>131418</v>
      </c>
      <c r="EJ25" s="104">
        <v>248576</v>
      </c>
      <c r="EK25" s="104">
        <v>738223</v>
      </c>
      <c r="EL25" s="104">
        <v>601304</v>
      </c>
      <c r="EM25" s="104">
        <v>247346</v>
      </c>
      <c r="EN25" s="102">
        <v>1966867</v>
      </c>
      <c r="EO25" s="106">
        <v>1966867</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921114</v>
      </c>
      <c r="FM25" s="104">
        <v>3009327</v>
      </c>
      <c r="FN25" s="103">
        <v>3930441</v>
      </c>
      <c r="FO25" s="100">
        <v>0</v>
      </c>
      <c r="FP25" s="104">
        <v>6147410</v>
      </c>
      <c r="FQ25" s="104">
        <v>6806089</v>
      </c>
      <c r="FR25" s="104">
        <v>5862662</v>
      </c>
      <c r="FS25" s="104">
        <v>5333775</v>
      </c>
      <c r="FT25" s="104">
        <v>3221094</v>
      </c>
      <c r="FU25" s="103">
        <v>27371030</v>
      </c>
      <c r="FV25" s="106">
        <v>31301471</v>
      </c>
      <c r="FW25" s="105">
        <v>800829</v>
      </c>
      <c r="FX25" s="104">
        <v>2364652</v>
      </c>
      <c r="FY25" s="102">
        <v>3165481</v>
      </c>
      <c r="FZ25" s="101">
        <v>0</v>
      </c>
      <c r="GA25" s="104">
        <v>4771795</v>
      </c>
      <c r="GB25" s="104">
        <v>6635404</v>
      </c>
      <c r="GC25" s="104">
        <v>5520278</v>
      </c>
      <c r="GD25" s="104">
        <v>5088975</v>
      </c>
      <c r="GE25" s="104">
        <v>3221094</v>
      </c>
      <c r="GF25" s="103">
        <v>25237546</v>
      </c>
      <c r="GG25" s="296">
        <v>28403027</v>
      </c>
      <c r="GH25" s="105">
        <v>31185</v>
      </c>
      <c r="GI25" s="104">
        <v>130860</v>
      </c>
      <c r="GJ25" s="102">
        <v>162045</v>
      </c>
      <c r="GK25" s="101">
        <v>0</v>
      </c>
      <c r="GL25" s="104">
        <v>210886</v>
      </c>
      <c r="GM25" s="104">
        <v>80685</v>
      </c>
      <c r="GN25" s="104">
        <v>159684</v>
      </c>
      <c r="GO25" s="104">
        <v>64800</v>
      </c>
      <c r="GP25" s="104">
        <v>0</v>
      </c>
      <c r="GQ25" s="103">
        <v>516055</v>
      </c>
      <c r="GR25" s="106">
        <v>678100</v>
      </c>
      <c r="GS25" s="100">
        <v>89100</v>
      </c>
      <c r="GT25" s="104">
        <v>513815</v>
      </c>
      <c r="GU25" s="103">
        <v>602915</v>
      </c>
      <c r="GV25" s="100">
        <v>0</v>
      </c>
      <c r="GW25" s="104">
        <v>1164729</v>
      </c>
      <c r="GX25" s="104">
        <v>90000</v>
      </c>
      <c r="GY25" s="104">
        <v>182700</v>
      </c>
      <c r="GZ25" s="104">
        <v>180000</v>
      </c>
      <c r="HA25" s="104">
        <v>0</v>
      </c>
      <c r="HB25" s="102">
        <v>1617429</v>
      </c>
      <c r="HC25" s="106">
        <v>2220344</v>
      </c>
      <c r="HD25" s="100">
        <v>835265</v>
      </c>
      <c r="HE25" s="104">
        <v>997426</v>
      </c>
      <c r="HF25" s="102">
        <v>1832691</v>
      </c>
      <c r="HG25" s="101">
        <v>0</v>
      </c>
      <c r="HH25" s="104">
        <v>13151450</v>
      </c>
      <c r="HI25" s="104">
        <v>10451943</v>
      </c>
      <c r="HJ25" s="104">
        <v>12406935</v>
      </c>
      <c r="HK25" s="104">
        <v>13406958</v>
      </c>
      <c r="HL25" s="104">
        <v>8163622</v>
      </c>
      <c r="HM25" s="103">
        <v>57580908</v>
      </c>
      <c r="HN25" s="99">
        <v>59413599</v>
      </c>
      <c r="HO25" s="105">
        <v>980626</v>
      </c>
      <c r="HP25" s="104">
        <v>2086555</v>
      </c>
      <c r="HQ25" s="103">
        <v>3067181</v>
      </c>
      <c r="HR25" s="100">
        <v>0</v>
      </c>
      <c r="HS25" s="104">
        <v>13948124</v>
      </c>
      <c r="HT25" s="104">
        <v>8979932</v>
      </c>
      <c r="HU25" s="104">
        <v>7296041</v>
      </c>
      <c r="HV25" s="104">
        <v>4917878</v>
      </c>
      <c r="HW25" s="104">
        <v>2556717</v>
      </c>
      <c r="HX25" s="102">
        <v>37698692</v>
      </c>
      <c r="HY25" s="106">
        <v>40765873</v>
      </c>
      <c r="HZ25" s="118">
        <v>0</v>
      </c>
      <c r="IA25" s="119">
        <v>0</v>
      </c>
      <c r="IB25" s="120">
        <v>0</v>
      </c>
      <c r="IC25" s="133">
        <v>0</v>
      </c>
      <c r="ID25" s="119">
        <v>14393549</v>
      </c>
      <c r="IE25" s="134">
        <v>14573094</v>
      </c>
      <c r="IF25" s="120">
        <v>22091314</v>
      </c>
      <c r="IG25" s="119">
        <v>7140564</v>
      </c>
      <c r="IH25" s="120">
        <v>6751607</v>
      </c>
      <c r="II25" s="135">
        <v>64950128</v>
      </c>
      <c r="IJ25" s="126">
        <v>64950128</v>
      </c>
      <c r="IK25" s="219">
        <v>0</v>
      </c>
      <c r="IL25" s="223">
        <v>0</v>
      </c>
      <c r="IM25" s="224">
        <v>0</v>
      </c>
      <c r="IN25" s="127"/>
      <c r="IO25" s="109">
        <v>90882</v>
      </c>
      <c r="IP25" s="109">
        <v>84598</v>
      </c>
      <c r="IQ25" s="109">
        <v>0</v>
      </c>
      <c r="IR25" s="109">
        <v>0</v>
      </c>
      <c r="IS25" s="109">
        <v>368394</v>
      </c>
      <c r="IT25" s="128">
        <v>543874</v>
      </c>
      <c r="IU25" s="298">
        <v>543874</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7767199</v>
      </c>
      <c r="JL25" s="109">
        <v>4948897</v>
      </c>
      <c r="JM25" s="109">
        <v>6235273</v>
      </c>
      <c r="JN25" s="109">
        <v>1677453</v>
      </c>
      <c r="JO25" s="109">
        <v>289214</v>
      </c>
      <c r="JP25" s="110">
        <v>20918036</v>
      </c>
      <c r="JQ25" s="298">
        <v>20918036</v>
      </c>
      <c r="JR25" s="129">
        <v>0</v>
      </c>
      <c r="JS25" s="109">
        <v>0</v>
      </c>
      <c r="JT25" s="128">
        <v>0</v>
      </c>
      <c r="JU25" s="108">
        <v>0</v>
      </c>
      <c r="JV25" s="109">
        <v>121852</v>
      </c>
      <c r="JW25" s="109">
        <v>34960</v>
      </c>
      <c r="JX25" s="109">
        <v>270711</v>
      </c>
      <c r="JY25" s="109">
        <v>0</v>
      </c>
      <c r="JZ25" s="109">
        <v>382961</v>
      </c>
      <c r="KA25" s="110">
        <v>810484</v>
      </c>
      <c r="KB25" s="298">
        <v>810484</v>
      </c>
      <c r="KC25" s="221">
        <v>0</v>
      </c>
      <c r="KD25" s="217">
        <v>0</v>
      </c>
      <c r="KE25" s="110">
        <v>0</v>
      </c>
      <c r="KF25" s="108">
        <v>0</v>
      </c>
      <c r="KG25" s="109">
        <v>2663185</v>
      </c>
      <c r="KH25" s="109">
        <v>1261410</v>
      </c>
      <c r="KI25" s="109">
        <v>2272733</v>
      </c>
      <c r="KJ25" s="109">
        <v>283348</v>
      </c>
      <c r="KK25" s="109">
        <v>310739</v>
      </c>
      <c r="KL25" s="110">
        <v>6791415</v>
      </c>
      <c r="KM25" s="130">
        <v>6791415</v>
      </c>
      <c r="KN25" s="219">
        <v>0</v>
      </c>
      <c r="KO25" s="223">
        <v>0</v>
      </c>
      <c r="KP25" s="224">
        <v>0</v>
      </c>
      <c r="KQ25" s="127"/>
      <c r="KR25" s="109">
        <v>3750431</v>
      </c>
      <c r="KS25" s="109">
        <v>8243229</v>
      </c>
      <c r="KT25" s="109">
        <v>13312597</v>
      </c>
      <c r="KU25" s="109">
        <v>5179763</v>
      </c>
      <c r="KV25" s="109">
        <v>5400299</v>
      </c>
      <c r="KW25" s="110">
        <v>35886319</v>
      </c>
      <c r="KX25" s="298">
        <v>35886319</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5324492</v>
      </c>
      <c r="MK25" s="109">
        <v>16984064</v>
      </c>
      <c r="ML25" s="109">
        <v>46556362</v>
      </c>
      <c r="MM25" s="109">
        <v>78891656</v>
      </c>
      <c r="MN25" s="109">
        <v>41612657</v>
      </c>
      <c r="MO25" s="110">
        <v>189369231</v>
      </c>
      <c r="MP25" s="130">
        <v>189369231</v>
      </c>
      <c r="MQ25" s="129">
        <v>0</v>
      </c>
      <c r="MR25" s="109">
        <v>0</v>
      </c>
      <c r="MS25" s="110">
        <v>0</v>
      </c>
      <c r="MT25" s="132"/>
      <c r="MU25" s="109">
        <v>923528</v>
      </c>
      <c r="MV25" s="109">
        <v>7409953</v>
      </c>
      <c r="MW25" s="109">
        <v>34716230</v>
      </c>
      <c r="MX25" s="109">
        <v>61292301</v>
      </c>
      <c r="MY25" s="109">
        <v>32639313</v>
      </c>
      <c r="MZ25" s="110">
        <v>136981325</v>
      </c>
      <c r="NA25" s="130">
        <v>136981325</v>
      </c>
      <c r="NB25" s="129">
        <v>0</v>
      </c>
      <c r="NC25" s="109">
        <v>0</v>
      </c>
      <c r="ND25" s="110">
        <v>0</v>
      </c>
      <c r="NE25" s="132"/>
      <c r="NF25" s="109">
        <v>4400964</v>
      </c>
      <c r="NG25" s="109">
        <v>9574111</v>
      </c>
      <c r="NH25" s="109">
        <v>11840132</v>
      </c>
      <c r="NI25" s="109">
        <v>16412631</v>
      </c>
      <c r="NJ25" s="109">
        <v>7686080</v>
      </c>
      <c r="NK25" s="110">
        <v>49913918</v>
      </c>
      <c r="NL25" s="298">
        <v>49913918</v>
      </c>
      <c r="NM25" s="129">
        <v>0</v>
      </c>
      <c r="NN25" s="109">
        <v>0</v>
      </c>
      <c r="NO25" s="110">
        <v>0</v>
      </c>
      <c r="NP25" s="132"/>
      <c r="NQ25" s="109">
        <v>0</v>
      </c>
      <c r="NR25" s="109">
        <v>0</v>
      </c>
      <c r="NS25" s="109">
        <v>0</v>
      </c>
      <c r="NT25" s="109">
        <v>326232</v>
      </c>
      <c r="NU25" s="109">
        <v>0</v>
      </c>
      <c r="NV25" s="110">
        <v>326232</v>
      </c>
      <c r="NW25" s="111">
        <v>326232</v>
      </c>
      <c r="NX25" s="129">
        <v>0</v>
      </c>
      <c r="NY25" s="109">
        <v>0</v>
      </c>
      <c r="NZ25" s="110">
        <v>0</v>
      </c>
      <c r="OA25" s="132"/>
      <c r="OB25" s="109">
        <v>0</v>
      </c>
      <c r="OC25" s="109">
        <v>0</v>
      </c>
      <c r="OD25" s="109">
        <v>0</v>
      </c>
      <c r="OE25" s="109">
        <v>860492</v>
      </c>
      <c r="OF25" s="109">
        <v>1287264</v>
      </c>
      <c r="OG25" s="110">
        <v>2147756</v>
      </c>
      <c r="OH25" s="111">
        <v>2147756</v>
      </c>
      <c r="OI25" s="129">
        <v>4829016</v>
      </c>
      <c r="OJ25" s="109">
        <v>11824948</v>
      </c>
      <c r="OK25" s="128">
        <v>16653964</v>
      </c>
      <c r="OL25" s="108">
        <v>0</v>
      </c>
      <c r="OM25" s="109">
        <v>110027158</v>
      </c>
      <c r="ON25" s="109">
        <v>112477628</v>
      </c>
      <c r="OO25" s="109">
        <v>153531554</v>
      </c>
      <c r="OP25" s="109">
        <v>156443288</v>
      </c>
      <c r="OQ25" s="109">
        <v>94545386</v>
      </c>
      <c r="OR25" s="110">
        <v>627025014</v>
      </c>
      <c r="OS25" s="130">
        <v>643678978</v>
      </c>
    </row>
    <row r="26" spans="2:409" ht="21" customHeight="1" x14ac:dyDescent="0.2">
      <c r="B26" s="472" t="s">
        <v>21</v>
      </c>
      <c r="C26" s="100">
        <v>6770667</v>
      </c>
      <c r="D26" s="104">
        <v>12144135</v>
      </c>
      <c r="E26" s="103">
        <v>18914802</v>
      </c>
      <c r="F26" s="99">
        <v>0</v>
      </c>
      <c r="G26" s="104">
        <v>72855968</v>
      </c>
      <c r="H26" s="104">
        <v>109673269</v>
      </c>
      <c r="I26" s="104">
        <v>96351947</v>
      </c>
      <c r="J26" s="104">
        <v>82832446</v>
      </c>
      <c r="K26" s="104">
        <v>62544269</v>
      </c>
      <c r="L26" s="160">
        <v>424257899</v>
      </c>
      <c r="M26" s="106">
        <v>443172701</v>
      </c>
      <c r="N26" s="100">
        <v>2064460</v>
      </c>
      <c r="O26" s="104">
        <v>3947563</v>
      </c>
      <c r="P26" s="103">
        <v>6012023</v>
      </c>
      <c r="Q26" s="100">
        <v>0</v>
      </c>
      <c r="R26" s="104">
        <v>23270706</v>
      </c>
      <c r="S26" s="104">
        <v>41258412</v>
      </c>
      <c r="T26" s="104">
        <v>34135082</v>
      </c>
      <c r="U26" s="104">
        <v>34977902</v>
      </c>
      <c r="V26" s="104">
        <v>31565569</v>
      </c>
      <c r="W26" s="103">
        <v>165207671</v>
      </c>
      <c r="X26" s="106">
        <v>171219694</v>
      </c>
      <c r="Y26" s="100">
        <v>0</v>
      </c>
      <c r="Z26" s="104">
        <v>0</v>
      </c>
      <c r="AA26" s="103">
        <v>0</v>
      </c>
      <c r="AB26" s="100">
        <v>0</v>
      </c>
      <c r="AC26" s="104">
        <v>10070183</v>
      </c>
      <c r="AD26" s="104">
        <v>22659200</v>
      </c>
      <c r="AE26" s="104">
        <v>20643553</v>
      </c>
      <c r="AF26" s="104">
        <v>22091702</v>
      </c>
      <c r="AG26" s="104">
        <v>20255165</v>
      </c>
      <c r="AH26" s="103">
        <v>95719803</v>
      </c>
      <c r="AI26" s="106">
        <v>95719803</v>
      </c>
      <c r="AJ26" s="100">
        <v>0</v>
      </c>
      <c r="AK26" s="104">
        <v>0</v>
      </c>
      <c r="AL26" s="103">
        <v>0</v>
      </c>
      <c r="AM26" s="100">
        <v>0</v>
      </c>
      <c r="AN26" s="104">
        <v>64847</v>
      </c>
      <c r="AO26" s="104">
        <v>330329</v>
      </c>
      <c r="AP26" s="104">
        <v>773676</v>
      </c>
      <c r="AQ26" s="104">
        <v>2310789</v>
      </c>
      <c r="AR26" s="104">
        <v>2466317</v>
      </c>
      <c r="AS26" s="103">
        <v>5945958</v>
      </c>
      <c r="AT26" s="106">
        <v>5945958</v>
      </c>
      <c r="AU26" s="100">
        <v>1030909</v>
      </c>
      <c r="AV26" s="104">
        <v>2657669</v>
      </c>
      <c r="AW26" s="103">
        <v>3688578</v>
      </c>
      <c r="AX26" s="100">
        <v>0</v>
      </c>
      <c r="AY26" s="104">
        <v>8718036</v>
      </c>
      <c r="AZ26" s="104">
        <v>12041854</v>
      </c>
      <c r="BA26" s="104">
        <v>7234270</v>
      </c>
      <c r="BB26" s="104">
        <v>6299779</v>
      </c>
      <c r="BC26" s="104">
        <v>5149482</v>
      </c>
      <c r="BD26" s="103">
        <v>39443421</v>
      </c>
      <c r="BE26" s="106">
        <v>43131999</v>
      </c>
      <c r="BF26" s="100">
        <v>423072</v>
      </c>
      <c r="BG26" s="104">
        <v>835628</v>
      </c>
      <c r="BH26" s="102">
        <v>1258700</v>
      </c>
      <c r="BI26" s="101">
        <v>0</v>
      </c>
      <c r="BJ26" s="104">
        <v>814165</v>
      </c>
      <c r="BK26" s="104">
        <v>1204798</v>
      </c>
      <c r="BL26" s="104">
        <v>865948</v>
      </c>
      <c r="BM26" s="104">
        <v>481948</v>
      </c>
      <c r="BN26" s="104">
        <v>308690</v>
      </c>
      <c r="BO26" s="103">
        <v>3675549</v>
      </c>
      <c r="BP26" s="106">
        <v>4934249</v>
      </c>
      <c r="BQ26" s="100">
        <v>610479</v>
      </c>
      <c r="BR26" s="104">
        <v>454266</v>
      </c>
      <c r="BS26" s="103">
        <v>1064745</v>
      </c>
      <c r="BT26" s="100">
        <v>0</v>
      </c>
      <c r="BU26" s="104">
        <v>3603475</v>
      </c>
      <c r="BV26" s="104">
        <v>5022231</v>
      </c>
      <c r="BW26" s="104">
        <v>4617635</v>
      </c>
      <c r="BX26" s="104">
        <v>3793684</v>
      </c>
      <c r="BY26" s="104">
        <v>3385915</v>
      </c>
      <c r="BZ26" s="103">
        <v>20422940</v>
      </c>
      <c r="CA26" s="106">
        <v>21487685</v>
      </c>
      <c r="CB26" s="100">
        <v>659626</v>
      </c>
      <c r="CC26" s="104">
        <v>1837756</v>
      </c>
      <c r="CD26" s="103">
        <v>2497382</v>
      </c>
      <c r="CE26" s="100">
        <v>0</v>
      </c>
      <c r="CF26" s="104">
        <v>20315148</v>
      </c>
      <c r="CG26" s="104">
        <v>30178474</v>
      </c>
      <c r="CH26" s="104">
        <v>23221775</v>
      </c>
      <c r="CI26" s="104">
        <v>14080619</v>
      </c>
      <c r="CJ26" s="104">
        <v>5369577</v>
      </c>
      <c r="CK26" s="103">
        <v>93165593</v>
      </c>
      <c r="CL26" s="106">
        <v>95662975</v>
      </c>
      <c r="CM26" s="100">
        <v>0</v>
      </c>
      <c r="CN26" s="104">
        <v>0</v>
      </c>
      <c r="CO26" s="103">
        <v>0</v>
      </c>
      <c r="CP26" s="101">
        <v>0</v>
      </c>
      <c r="CQ26" s="104">
        <v>17510574</v>
      </c>
      <c r="CR26" s="104">
        <v>26397499</v>
      </c>
      <c r="CS26" s="104">
        <v>20567129</v>
      </c>
      <c r="CT26" s="104">
        <v>12329854</v>
      </c>
      <c r="CU26" s="104">
        <v>4316975</v>
      </c>
      <c r="CV26" s="103">
        <v>81122031</v>
      </c>
      <c r="CW26" s="106">
        <v>81122031</v>
      </c>
      <c r="CX26" s="100">
        <v>659626</v>
      </c>
      <c r="CY26" s="104">
        <v>1837756</v>
      </c>
      <c r="CZ26" s="103">
        <v>2497382</v>
      </c>
      <c r="DA26" s="100">
        <v>0</v>
      </c>
      <c r="DB26" s="104">
        <v>2804574</v>
      </c>
      <c r="DC26" s="104">
        <v>3780975</v>
      </c>
      <c r="DD26" s="104">
        <v>2654646</v>
      </c>
      <c r="DE26" s="104">
        <v>1750765</v>
      </c>
      <c r="DF26" s="104">
        <v>1052602</v>
      </c>
      <c r="DG26" s="103">
        <v>12043562</v>
      </c>
      <c r="DH26" s="106">
        <v>14540944</v>
      </c>
      <c r="DI26" s="100">
        <v>53550</v>
      </c>
      <c r="DJ26" s="104">
        <v>103079</v>
      </c>
      <c r="DK26" s="102">
        <v>156629</v>
      </c>
      <c r="DL26" s="101">
        <v>0</v>
      </c>
      <c r="DM26" s="104">
        <v>1314466</v>
      </c>
      <c r="DN26" s="104">
        <v>3901225</v>
      </c>
      <c r="DO26" s="104">
        <v>8956959</v>
      </c>
      <c r="DP26" s="104">
        <v>9763741</v>
      </c>
      <c r="DQ26" s="104">
        <v>4952336</v>
      </c>
      <c r="DR26" s="103">
        <v>28888727</v>
      </c>
      <c r="DS26" s="106">
        <v>29045356</v>
      </c>
      <c r="DT26" s="100">
        <v>53550</v>
      </c>
      <c r="DU26" s="104">
        <v>103079</v>
      </c>
      <c r="DV26" s="103">
        <v>156629</v>
      </c>
      <c r="DW26" s="100">
        <v>0</v>
      </c>
      <c r="DX26" s="104">
        <v>1268382</v>
      </c>
      <c r="DY26" s="104">
        <v>3607869</v>
      </c>
      <c r="DZ26" s="104">
        <v>8659568</v>
      </c>
      <c r="EA26" s="104">
        <v>9265268</v>
      </c>
      <c r="EB26" s="104">
        <v>4821705</v>
      </c>
      <c r="EC26" s="103">
        <v>27622792</v>
      </c>
      <c r="ED26" s="106">
        <v>27779421</v>
      </c>
      <c r="EE26" s="100">
        <v>0</v>
      </c>
      <c r="EF26" s="102">
        <v>0</v>
      </c>
      <c r="EG26" s="103">
        <v>0</v>
      </c>
      <c r="EH26" s="100">
        <v>0</v>
      </c>
      <c r="EI26" s="104">
        <v>46084</v>
      </c>
      <c r="EJ26" s="104">
        <v>293356</v>
      </c>
      <c r="EK26" s="104">
        <v>297391</v>
      </c>
      <c r="EL26" s="104">
        <v>498473</v>
      </c>
      <c r="EM26" s="104">
        <v>130631</v>
      </c>
      <c r="EN26" s="102">
        <v>1265935</v>
      </c>
      <c r="EO26" s="106">
        <v>1265935</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1917886</v>
      </c>
      <c r="FM26" s="104">
        <v>2621667</v>
      </c>
      <c r="FN26" s="103">
        <v>4539553</v>
      </c>
      <c r="FO26" s="100">
        <v>0</v>
      </c>
      <c r="FP26" s="104">
        <v>4026995</v>
      </c>
      <c r="FQ26" s="104">
        <v>9808670</v>
      </c>
      <c r="FR26" s="104">
        <v>6824346</v>
      </c>
      <c r="FS26" s="104">
        <v>6112279</v>
      </c>
      <c r="FT26" s="104">
        <v>3933439</v>
      </c>
      <c r="FU26" s="103">
        <v>30705729</v>
      </c>
      <c r="FV26" s="106">
        <v>35245282</v>
      </c>
      <c r="FW26" s="105">
        <v>998344</v>
      </c>
      <c r="FX26" s="104">
        <v>2222992</v>
      </c>
      <c r="FY26" s="102">
        <v>3221336</v>
      </c>
      <c r="FZ26" s="101">
        <v>0</v>
      </c>
      <c r="GA26" s="104">
        <v>2937611</v>
      </c>
      <c r="GB26" s="104">
        <v>9090891</v>
      </c>
      <c r="GC26" s="104">
        <v>6381600</v>
      </c>
      <c r="GD26" s="104">
        <v>5925052</v>
      </c>
      <c r="GE26" s="104">
        <v>3673951</v>
      </c>
      <c r="GF26" s="103">
        <v>28009105</v>
      </c>
      <c r="GG26" s="296">
        <v>31230441</v>
      </c>
      <c r="GH26" s="105">
        <v>110883</v>
      </c>
      <c r="GI26" s="104">
        <v>40275</v>
      </c>
      <c r="GJ26" s="102">
        <v>151158</v>
      </c>
      <c r="GK26" s="101">
        <v>0</v>
      </c>
      <c r="GL26" s="104">
        <v>148524</v>
      </c>
      <c r="GM26" s="104">
        <v>126297</v>
      </c>
      <c r="GN26" s="104">
        <v>203346</v>
      </c>
      <c r="GO26" s="104">
        <v>76527</v>
      </c>
      <c r="GP26" s="104">
        <v>170388</v>
      </c>
      <c r="GQ26" s="103">
        <v>725082</v>
      </c>
      <c r="GR26" s="106">
        <v>876240</v>
      </c>
      <c r="GS26" s="100">
        <v>808659</v>
      </c>
      <c r="GT26" s="104">
        <v>358400</v>
      </c>
      <c r="GU26" s="103">
        <v>1167059</v>
      </c>
      <c r="GV26" s="100">
        <v>0</v>
      </c>
      <c r="GW26" s="104">
        <v>940860</v>
      </c>
      <c r="GX26" s="104">
        <v>591482</v>
      </c>
      <c r="GY26" s="104">
        <v>239400</v>
      </c>
      <c r="GZ26" s="104">
        <v>110700</v>
      </c>
      <c r="HA26" s="104">
        <v>89100</v>
      </c>
      <c r="HB26" s="102">
        <v>1971542</v>
      </c>
      <c r="HC26" s="106">
        <v>3138601</v>
      </c>
      <c r="HD26" s="100">
        <v>841708</v>
      </c>
      <c r="HE26" s="104">
        <v>1624786</v>
      </c>
      <c r="HF26" s="102">
        <v>2466494</v>
      </c>
      <c r="HG26" s="101">
        <v>0</v>
      </c>
      <c r="HH26" s="104">
        <v>12197106</v>
      </c>
      <c r="HI26" s="104">
        <v>11449137</v>
      </c>
      <c r="HJ26" s="104">
        <v>14693065</v>
      </c>
      <c r="HK26" s="104">
        <v>12006630</v>
      </c>
      <c r="HL26" s="104">
        <v>13495834</v>
      </c>
      <c r="HM26" s="103">
        <v>63841772</v>
      </c>
      <c r="HN26" s="99">
        <v>66308266</v>
      </c>
      <c r="HO26" s="105">
        <v>1233437</v>
      </c>
      <c r="HP26" s="104">
        <v>2009284</v>
      </c>
      <c r="HQ26" s="103">
        <v>3242721</v>
      </c>
      <c r="HR26" s="100">
        <v>0</v>
      </c>
      <c r="HS26" s="104">
        <v>11731547</v>
      </c>
      <c r="HT26" s="104">
        <v>13077351</v>
      </c>
      <c r="HU26" s="104">
        <v>8520720</v>
      </c>
      <c r="HV26" s="104">
        <v>5891275</v>
      </c>
      <c r="HW26" s="104">
        <v>3227514</v>
      </c>
      <c r="HX26" s="102">
        <v>42448407</v>
      </c>
      <c r="HY26" s="106">
        <v>45691128</v>
      </c>
      <c r="HZ26" s="137">
        <v>0</v>
      </c>
      <c r="IA26" s="122">
        <v>0</v>
      </c>
      <c r="IB26" s="137">
        <v>0</v>
      </c>
      <c r="IC26" s="121">
        <v>0</v>
      </c>
      <c r="ID26" s="122">
        <v>14798784</v>
      </c>
      <c r="IE26" s="123">
        <v>22401776</v>
      </c>
      <c r="IF26" s="124">
        <v>22429369</v>
      </c>
      <c r="IG26" s="122">
        <v>10911237</v>
      </c>
      <c r="IH26" s="124">
        <v>7832743</v>
      </c>
      <c r="II26" s="125">
        <v>78373909</v>
      </c>
      <c r="IJ26" s="137">
        <v>78373909</v>
      </c>
      <c r="IK26" s="219">
        <v>0</v>
      </c>
      <c r="IL26" s="223">
        <v>0</v>
      </c>
      <c r="IM26" s="224">
        <v>0</v>
      </c>
      <c r="IN26" s="127"/>
      <c r="IO26" s="109">
        <v>234078</v>
      </c>
      <c r="IP26" s="109">
        <v>635753</v>
      </c>
      <c r="IQ26" s="109">
        <v>407867</v>
      </c>
      <c r="IR26" s="109">
        <v>1246506</v>
      </c>
      <c r="IS26" s="109">
        <v>600506</v>
      </c>
      <c r="IT26" s="128">
        <v>3124710</v>
      </c>
      <c r="IU26" s="298">
        <v>3124710</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8008642</v>
      </c>
      <c r="JL26" s="109">
        <v>10322942</v>
      </c>
      <c r="JM26" s="109">
        <v>6580578</v>
      </c>
      <c r="JN26" s="109">
        <v>3557730</v>
      </c>
      <c r="JO26" s="109">
        <v>1196529</v>
      </c>
      <c r="JP26" s="110">
        <v>29666421</v>
      </c>
      <c r="JQ26" s="298">
        <v>29666421</v>
      </c>
      <c r="JR26" s="129">
        <v>0</v>
      </c>
      <c r="JS26" s="109">
        <v>0</v>
      </c>
      <c r="JT26" s="128">
        <v>0</v>
      </c>
      <c r="JU26" s="108">
        <v>0</v>
      </c>
      <c r="JV26" s="109">
        <v>0</v>
      </c>
      <c r="JW26" s="109">
        <v>0</v>
      </c>
      <c r="JX26" s="109">
        <v>0</v>
      </c>
      <c r="JY26" s="109">
        <v>153138</v>
      </c>
      <c r="JZ26" s="109">
        <v>0</v>
      </c>
      <c r="KA26" s="110">
        <v>153138</v>
      </c>
      <c r="KB26" s="298">
        <v>153138</v>
      </c>
      <c r="KC26" s="221">
        <v>0</v>
      </c>
      <c r="KD26" s="217">
        <v>0</v>
      </c>
      <c r="KE26" s="110">
        <v>0</v>
      </c>
      <c r="KF26" s="108">
        <v>0</v>
      </c>
      <c r="KG26" s="109">
        <v>1172942</v>
      </c>
      <c r="KH26" s="109">
        <v>781904</v>
      </c>
      <c r="KI26" s="109">
        <v>4634255</v>
      </c>
      <c r="KJ26" s="109">
        <v>1944483</v>
      </c>
      <c r="KK26" s="109">
        <v>626650</v>
      </c>
      <c r="KL26" s="110">
        <v>9160234</v>
      </c>
      <c r="KM26" s="130">
        <v>9160234</v>
      </c>
      <c r="KN26" s="219">
        <v>0</v>
      </c>
      <c r="KO26" s="223">
        <v>0</v>
      </c>
      <c r="KP26" s="224">
        <v>0</v>
      </c>
      <c r="KQ26" s="127"/>
      <c r="KR26" s="109">
        <v>5093640</v>
      </c>
      <c r="KS26" s="109">
        <v>10067012</v>
      </c>
      <c r="KT26" s="109">
        <v>10806669</v>
      </c>
      <c r="KU26" s="109">
        <v>3400135</v>
      </c>
      <c r="KV26" s="109">
        <v>3314115</v>
      </c>
      <c r="KW26" s="110">
        <v>32681571</v>
      </c>
      <c r="KX26" s="298">
        <v>32681571</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289482</v>
      </c>
      <c r="LZ26" s="109">
        <v>594165</v>
      </c>
      <c r="MA26" s="109">
        <v>0</v>
      </c>
      <c r="MB26" s="109">
        <v>609245</v>
      </c>
      <c r="MC26" s="109">
        <v>2094943</v>
      </c>
      <c r="MD26" s="110">
        <v>3587835</v>
      </c>
      <c r="ME26" s="111">
        <v>3587835</v>
      </c>
      <c r="MF26" s="129">
        <v>0</v>
      </c>
      <c r="MG26" s="109">
        <v>0</v>
      </c>
      <c r="MH26" s="110">
        <v>0</v>
      </c>
      <c r="MI26" s="132"/>
      <c r="MJ26" s="109">
        <v>5177879</v>
      </c>
      <c r="MK26" s="109">
        <v>11367626</v>
      </c>
      <c r="ML26" s="109">
        <v>54982998</v>
      </c>
      <c r="MM26" s="109">
        <v>73967372</v>
      </c>
      <c r="MN26" s="109">
        <v>59297023</v>
      </c>
      <c r="MO26" s="110">
        <v>204792898</v>
      </c>
      <c r="MP26" s="130">
        <v>204792898</v>
      </c>
      <c r="MQ26" s="129">
        <v>0</v>
      </c>
      <c r="MR26" s="109">
        <v>0</v>
      </c>
      <c r="MS26" s="110">
        <v>0</v>
      </c>
      <c r="MT26" s="132"/>
      <c r="MU26" s="109">
        <v>921628</v>
      </c>
      <c r="MV26" s="109">
        <v>3726791</v>
      </c>
      <c r="MW26" s="109">
        <v>43672983</v>
      </c>
      <c r="MX26" s="109">
        <v>54818008</v>
      </c>
      <c r="MY26" s="109">
        <v>43954055</v>
      </c>
      <c r="MZ26" s="110">
        <v>147093465</v>
      </c>
      <c r="NA26" s="130">
        <v>147093465</v>
      </c>
      <c r="NB26" s="129">
        <v>0</v>
      </c>
      <c r="NC26" s="109">
        <v>0</v>
      </c>
      <c r="ND26" s="110">
        <v>0</v>
      </c>
      <c r="NE26" s="132"/>
      <c r="NF26" s="109">
        <v>4256251</v>
      </c>
      <c r="NG26" s="109">
        <v>7640835</v>
      </c>
      <c r="NH26" s="109">
        <v>10934314</v>
      </c>
      <c r="NI26" s="109">
        <v>15363301</v>
      </c>
      <c r="NJ26" s="109">
        <v>7271402</v>
      </c>
      <c r="NK26" s="110">
        <v>45466103</v>
      </c>
      <c r="NL26" s="298">
        <v>45466103</v>
      </c>
      <c r="NM26" s="129">
        <v>0</v>
      </c>
      <c r="NN26" s="109">
        <v>0</v>
      </c>
      <c r="NO26" s="110">
        <v>0</v>
      </c>
      <c r="NP26" s="132"/>
      <c r="NQ26" s="109">
        <v>0</v>
      </c>
      <c r="NR26" s="109">
        <v>0</v>
      </c>
      <c r="NS26" s="109">
        <v>0</v>
      </c>
      <c r="NT26" s="109">
        <v>326232</v>
      </c>
      <c r="NU26" s="109">
        <v>1102852</v>
      </c>
      <c r="NV26" s="110">
        <v>1429084</v>
      </c>
      <c r="NW26" s="111">
        <v>1429084</v>
      </c>
      <c r="NX26" s="129">
        <v>0</v>
      </c>
      <c r="NY26" s="109">
        <v>0</v>
      </c>
      <c r="NZ26" s="110">
        <v>0</v>
      </c>
      <c r="OA26" s="132"/>
      <c r="OB26" s="109">
        <v>0</v>
      </c>
      <c r="OC26" s="109">
        <v>0</v>
      </c>
      <c r="OD26" s="109">
        <v>375701</v>
      </c>
      <c r="OE26" s="109">
        <v>3459831</v>
      </c>
      <c r="OF26" s="109">
        <v>6968714</v>
      </c>
      <c r="OG26" s="110">
        <v>10804246</v>
      </c>
      <c r="OH26" s="111">
        <v>10804246</v>
      </c>
      <c r="OI26" s="129">
        <v>6770667</v>
      </c>
      <c r="OJ26" s="109">
        <v>12144135</v>
      </c>
      <c r="OK26" s="128">
        <v>18914802</v>
      </c>
      <c r="OL26" s="108">
        <v>0</v>
      </c>
      <c r="OM26" s="109">
        <v>92832631</v>
      </c>
      <c r="ON26" s="109">
        <v>143442671</v>
      </c>
      <c r="OO26" s="109">
        <v>173764314</v>
      </c>
      <c r="OP26" s="109">
        <v>167711055</v>
      </c>
      <c r="OQ26" s="109">
        <v>129674035</v>
      </c>
      <c r="OR26" s="110">
        <v>707424706</v>
      </c>
      <c r="OS26" s="130">
        <v>726339508</v>
      </c>
    </row>
    <row r="27" spans="2:409" ht="21" customHeight="1" x14ac:dyDescent="0.2">
      <c r="B27" s="472" t="s">
        <v>22</v>
      </c>
      <c r="C27" s="100">
        <v>1392015</v>
      </c>
      <c r="D27" s="104">
        <v>2653912</v>
      </c>
      <c r="E27" s="103">
        <v>4045927</v>
      </c>
      <c r="F27" s="99">
        <v>0</v>
      </c>
      <c r="G27" s="104">
        <v>24203688</v>
      </c>
      <c r="H27" s="104">
        <v>29116321</v>
      </c>
      <c r="I27" s="104">
        <v>24299417</v>
      </c>
      <c r="J27" s="104">
        <v>25264538</v>
      </c>
      <c r="K27" s="104">
        <v>17728970</v>
      </c>
      <c r="L27" s="160">
        <v>120612934</v>
      </c>
      <c r="M27" s="106">
        <v>124658861</v>
      </c>
      <c r="N27" s="100">
        <v>259124</v>
      </c>
      <c r="O27" s="104">
        <v>302167</v>
      </c>
      <c r="P27" s="103">
        <v>561291</v>
      </c>
      <c r="Q27" s="100">
        <v>0</v>
      </c>
      <c r="R27" s="104">
        <v>5648710</v>
      </c>
      <c r="S27" s="104">
        <v>7137719</v>
      </c>
      <c r="T27" s="104">
        <v>5384194</v>
      </c>
      <c r="U27" s="104">
        <v>6679457</v>
      </c>
      <c r="V27" s="104">
        <v>7914433</v>
      </c>
      <c r="W27" s="103">
        <v>32764513</v>
      </c>
      <c r="X27" s="106">
        <v>33325804</v>
      </c>
      <c r="Y27" s="100">
        <v>0</v>
      </c>
      <c r="Z27" s="104">
        <v>0</v>
      </c>
      <c r="AA27" s="103">
        <v>0</v>
      </c>
      <c r="AB27" s="100">
        <v>0</v>
      </c>
      <c r="AC27" s="104">
        <v>2524145</v>
      </c>
      <c r="AD27" s="104">
        <v>3067064</v>
      </c>
      <c r="AE27" s="104">
        <v>2699895</v>
      </c>
      <c r="AF27" s="104">
        <v>3558667</v>
      </c>
      <c r="AG27" s="104">
        <v>4708773</v>
      </c>
      <c r="AH27" s="103">
        <v>16558544</v>
      </c>
      <c r="AI27" s="106">
        <v>16558544</v>
      </c>
      <c r="AJ27" s="100">
        <v>0</v>
      </c>
      <c r="AK27" s="104">
        <v>0</v>
      </c>
      <c r="AL27" s="103">
        <v>0</v>
      </c>
      <c r="AM27" s="100">
        <v>0</v>
      </c>
      <c r="AN27" s="104">
        <v>207105</v>
      </c>
      <c r="AO27" s="104">
        <v>61461</v>
      </c>
      <c r="AP27" s="104">
        <v>229859</v>
      </c>
      <c r="AQ27" s="104">
        <v>658489</v>
      </c>
      <c r="AR27" s="104">
        <v>1104265</v>
      </c>
      <c r="AS27" s="103">
        <v>2261179</v>
      </c>
      <c r="AT27" s="106">
        <v>2261179</v>
      </c>
      <c r="AU27" s="100">
        <v>184427</v>
      </c>
      <c r="AV27" s="104">
        <v>182952</v>
      </c>
      <c r="AW27" s="103">
        <v>367379</v>
      </c>
      <c r="AX27" s="100">
        <v>0</v>
      </c>
      <c r="AY27" s="104">
        <v>1814833</v>
      </c>
      <c r="AZ27" s="104">
        <v>2456903</v>
      </c>
      <c r="BA27" s="104">
        <v>1508983</v>
      </c>
      <c r="BB27" s="104">
        <v>1330759</v>
      </c>
      <c r="BC27" s="104">
        <v>1536357</v>
      </c>
      <c r="BD27" s="103">
        <v>8647835</v>
      </c>
      <c r="BE27" s="106">
        <v>9015214</v>
      </c>
      <c r="BF27" s="100">
        <v>0</v>
      </c>
      <c r="BG27" s="104">
        <v>33264</v>
      </c>
      <c r="BH27" s="102">
        <v>33264</v>
      </c>
      <c r="BI27" s="101">
        <v>0</v>
      </c>
      <c r="BJ27" s="104">
        <v>456905</v>
      </c>
      <c r="BK27" s="104">
        <v>456972</v>
      </c>
      <c r="BL27" s="104">
        <v>129738</v>
      </c>
      <c r="BM27" s="104">
        <v>212522</v>
      </c>
      <c r="BN27" s="104">
        <v>100342</v>
      </c>
      <c r="BO27" s="103">
        <v>1356479</v>
      </c>
      <c r="BP27" s="106">
        <v>1389743</v>
      </c>
      <c r="BQ27" s="100">
        <v>74697</v>
      </c>
      <c r="BR27" s="104">
        <v>85951</v>
      </c>
      <c r="BS27" s="103">
        <v>160648</v>
      </c>
      <c r="BT27" s="100">
        <v>0</v>
      </c>
      <c r="BU27" s="104">
        <v>645722</v>
      </c>
      <c r="BV27" s="104">
        <v>1095319</v>
      </c>
      <c r="BW27" s="104">
        <v>815719</v>
      </c>
      <c r="BX27" s="104">
        <v>919020</v>
      </c>
      <c r="BY27" s="104">
        <v>464696</v>
      </c>
      <c r="BZ27" s="103">
        <v>3940476</v>
      </c>
      <c r="CA27" s="106">
        <v>4101124</v>
      </c>
      <c r="CB27" s="100">
        <v>0</v>
      </c>
      <c r="CC27" s="104">
        <v>212496</v>
      </c>
      <c r="CD27" s="103">
        <v>212496</v>
      </c>
      <c r="CE27" s="100">
        <v>0</v>
      </c>
      <c r="CF27" s="104">
        <v>6393562</v>
      </c>
      <c r="CG27" s="104">
        <v>9452102</v>
      </c>
      <c r="CH27" s="104">
        <v>6142572</v>
      </c>
      <c r="CI27" s="104">
        <v>4387809</v>
      </c>
      <c r="CJ27" s="104">
        <v>3221941</v>
      </c>
      <c r="CK27" s="103">
        <v>29597986</v>
      </c>
      <c r="CL27" s="106">
        <v>29810482</v>
      </c>
      <c r="CM27" s="100">
        <v>0</v>
      </c>
      <c r="CN27" s="104">
        <v>0</v>
      </c>
      <c r="CO27" s="103">
        <v>0</v>
      </c>
      <c r="CP27" s="101">
        <v>0</v>
      </c>
      <c r="CQ27" s="104">
        <v>5421126</v>
      </c>
      <c r="CR27" s="104">
        <v>7658707</v>
      </c>
      <c r="CS27" s="104">
        <v>5178882</v>
      </c>
      <c r="CT27" s="104">
        <v>2980561</v>
      </c>
      <c r="CU27" s="104">
        <v>2057716</v>
      </c>
      <c r="CV27" s="103">
        <v>23296992</v>
      </c>
      <c r="CW27" s="106">
        <v>23296992</v>
      </c>
      <c r="CX27" s="100">
        <v>0</v>
      </c>
      <c r="CY27" s="104">
        <v>212496</v>
      </c>
      <c r="CZ27" s="103">
        <v>212496</v>
      </c>
      <c r="DA27" s="100">
        <v>0</v>
      </c>
      <c r="DB27" s="104">
        <v>972436</v>
      </c>
      <c r="DC27" s="104">
        <v>1793395</v>
      </c>
      <c r="DD27" s="104">
        <v>963690</v>
      </c>
      <c r="DE27" s="104">
        <v>1407248</v>
      </c>
      <c r="DF27" s="104">
        <v>1164225</v>
      </c>
      <c r="DG27" s="103">
        <v>6300994</v>
      </c>
      <c r="DH27" s="106">
        <v>6513490</v>
      </c>
      <c r="DI27" s="100">
        <v>0</v>
      </c>
      <c r="DJ27" s="104">
        <v>79946</v>
      </c>
      <c r="DK27" s="102">
        <v>79946</v>
      </c>
      <c r="DL27" s="101">
        <v>0</v>
      </c>
      <c r="DM27" s="104">
        <v>913384</v>
      </c>
      <c r="DN27" s="104">
        <v>1004016</v>
      </c>
      <c r="DO27" s="104">
        <v>2335074</v>
      </c>
      <c r="DP27" s="104">
        <v>4334516</v>
      </c>
      <c r="DQ27" s="104">
        <v>1650733</v>
      </c>
      <c r="DR27" s="103">
        <v>10237723</v>
      </c>
      <c r="DS27" s="106">
        <v>10317669</v>
      </c>
      <c r="DT27" s="100">
        <v>0</v>
      </c>
      <c r="DU27" s="104">
        <v>79946</v>
      </c>
      <c r="DV27" s="103">
        <v>79946</v>
      </c>
      <c r="DW27" s="100">
        <v>0</v>
      </c>
      <c r="DX27" s="104">
        <v>813862</v>
      </c>
      <c r="DY27" s="104">
        <v>831750</v>
      </c>
      <c r="DZ27" s="104">
        <v>1988350</v>
      </c>
      <c r="EA27" s="104">
        <v>3591052</v>
      </c>
      <c r="EB27" s="104">
        <v>1404718</v>
      </c>
      <c r="EC27" s="103">
        <v>8629732</v>
      </c>
      <c r="ED27" s="106">
        <v>8709678</v>
      </c>
      <c r="EE27" s="100">
        <v>0</v>
      </c>
      <c r="EF27" s="102">
        <v>0</v>
      </c>
      <c r="EG27" s="103">
        <v>0</v>
      </c>
      <c r="EH27" s="100">
        <v>0</v>
      </c>
      <c r="EI27" s="104">
        <v>99522</v>
      </c>
      <c r="EJ27" s="104">
        <v>172266</v>
      </c>
      <c r="EK27" s="104">
        <v>346724</v>
      </c>
      <c r="EL27" s="104">
        <v>743464</v>
      </c>
      <c r="EM27" s="104">
        <v>246015</v>
      </c>
      <c r="EN27" s="102">
        <v>1607991</v>
      </c>
      <c r="EO27" s="106">
        <v>1607991</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369070</v>
      </c>
      <c r="FM27" s="104">
        <v>879298</v>
      </c>
      <c r="FN27" s="103">
        <v>1248368</v>
      </c>
      <c r="FO27" s="100">
        <v>0</v>
      </c>
      <c r="FP27" s="104">
        <v>2238462</v>
      </c>
      <c r="FQ27" s="104">
        <v>2808430</v>
      </c>
      <c r="FR27" s="104">
        <v>2187300</v>
      </c>
      <c r="FS27" s="104">
        <v>1829384</v>
      </c>
      <c r="FT27" s="104">
        <v>1623778</v>
      </c>
      <c r="FU27" s="103">
        <v>10687354</v>
      </c>
      <c r="FV27" s="106">
        <v>11935722</v>
      </c>
      <c r="FW27" s="105">
        <v>249100</v>
      </c>
      <c r="FX27" s="104">
        <v>879298</v>
      </c>
      <c r="FY27" s="102">
        <v>1128398</v>
      </c>
      <c r="FZ27" s="101">
        <v>0</v>
      </c>
      <c r="GA27" s="104">
        <v>1506618</v>
      </c>
      <c r="GB27" s="104">
        <v>2792230</v>
      </c>
      <c r="GC27" s="104">
        <v>1950550</v>
      </c>
      <c r="GD27" s="104">
        <v>1759220</v>
      </c>
      <c r="GE27" s="104">
        <v>1623778</v>
      </c>
      <c r="GF27" s="103">
        <v>9632396</v>
      </c>
      <c r="GG27" s="296">
        <v>10760794</v>
      </c>
      <c r="GH27" s="105">
        <v>0</v>
      </c>
      <c r="GI27" s="104">
        <v>0</v>
      </c>
      <c r="GJ27" s="102">
        <v>0</v>
      </c>
      <c r="GK27" s="101">
        <v>0</v>
      </c>
      <c r="GL27" s="104">
        <v>149490</v>
      </c>
      <c r="GM27" s="104">
        <v>16200</v>
      </c>
      <c r="GN27" s="104">
        <v>88100</v>
      </c>
      <c r="GO27" s="104">
        <v>70164</v>
      </c>
      <c r="GP27" s="104">
        <v>0</v>
      </c>
      <c r="GQ27" s="103">
        <v>323954</v>
      </c>
      <c r="GR27" s="106">
        <v>323954</v>
      </c>
      <c r="GS27" s="100">
        <v>119970</v>
      </c>
      <c r="GT27" s="104">
        <v>0</v>
      </c>
      <c r="GU27" s="103">
        <v>119970</v>
      </c>
      <c r="GV27" s="100">
        <v>0</v>
      </c>
      <c r="GW27" s="104">
        <v>582354</v>
      </c>
      <c r="GX27" s="104">
        <v>0</v>
      </c>
      <c r="GY27" s="104">
        <v>148650</v>
      </c>
      <c r="GZ27" s="104">
        <v>0</v>
      </c>
      <c r="HA27" s="104">
        <v>0</v>
      </c>
      <c r="HB27" s="102">
        <v>731004</v>
      </c>
      <c r="HC27" s="106">
        <v>850974</v>
      </c>
      <c r="HD27" s="100">
        <v>519681</v>
      </c>
      <c r="HE27" s="104">
        <v>542919</v>
      </c>
      <c r="HF27" s="102">
        <v>1062600</v>
      </c>
      <c r="HG27" s="101">
        <v>0</v>
      </c>
      <c r="HH27" s="104">
        <v>4443981</v>
      </c>
      <c r="HI27" s="104">
        <v>4470354</v>
      </c>
      <c r="HJ27" s="104">
        <v>5700767</v>
      </c>
      <c r="HK27" s="104">
        <v>6122003</v>
      </c>
      <c r="HL27" s="104">
        <v>2008539</v>
      </c>
      <c r="HM27" s="103">
        <v>22745644</v>
      </c>
      <c r="HN27" s="99">
        <v>23808244</v>
      </c>
      <c r="HO27" s="105">
        <v>244140</v>
      </c>
      <c r="HP27" s="104">
        <v>637086</v>
      </c>
      <c r="HQ27" s="103">
        <v>881226</v>
      </c>
      <c r="HR27" s="100">
        <v>0</v>
      </c>
      <c r="HS27" s="104">
        <v>4565589</v>
      </c>
      <c r="HT27" s="104">
        <v>4243700</v>
      </c>
      <c r="HU27" s="104">
        <v>2549510</v>
      </c>
      <c r="HV27" s="104">
        <v>1911369</v>
      </c>
      <c r="HW27" s="104">
        <v>1309546</v>
      </c>
      <c r="HX27" s="102">
        <v>14579714</v>
      </c>
      <c r="HY27" s="106">
        <v>15460940</v>
      </c>
      <c r="HZ27" s="118">
        <v>93105</v>
      </c>
      <c r="IA27" s="119">
        <v>242064</v>
      </c>
      <c r="IB27" s="120">
        <v>335169</v>
      </c>
      <c r="IC27" s="133">
        <v>0</v>
      </c>
      <c r="ID27" s="119">
        <v>11711713</v>
      </c>
      <c r="IE27" s="134">
        <v>15536389</v>
      </c>
      <c r="IF27" s="120">
        <v>10338315</v>
      </c>
      <c r="IG27" s="119">
        <v>13751116</v>
      </c>
      <c r="IH27" s="120">
        <v>5840937</v>
      </c>
      <c r="II27" s="135">
        <v>57178470</v>
      </c>
      <c r="IJ27" s="126">
        <v>57513639</v>
      </c>
      <c r="IK27" s="219">
        <v>0</v>
      </c>
      <c r="IL27" s="223">
        <v>0</v>
      </c>
      <c r="IM27" s="224">
        <v>0</v>
      </c>
      <c r="IN27" s="127"/>
      <c r="IO27" s="109">
        <v>50288</v>
      </c>
      <c r="IP27" s="109">
        <v>769499</v>
      </c>
      <c r="IQ27" s="109">
        <v>471639</v>
      </c>
      <c r="IR27" s="109">
        <v>436977</v>
      </c>
      <c r="IS27" s="109">
        <v>0</v>
      </c>
      <c r="IT27" s="128">
        <v>1728403</v>
      </c>
      <c r="IU27" s="298">
        <v>1728403</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6299098</v>
      </c>
      <c r="JL27" s="109">
        <v>5369768</v>
      </c>
      <c r="JM27" s="109">
        <v>3703441</v>
      </c>
      <c r="JN27" s="109">
        <v>3305675</v>
      </c>
      <c r="JO27" s="109">
        <v>750942</v>
      </c>
      <c r="JP27" s="110">
        <v>19428924</v>
      </c>
      <c r="JQ27" s="298">
        <v>19428924</v>
      </c>
      <c r="JR27" s="129">
        <v>0</v>
      </c>
      <c r="JS27" s="109">
        <v>0</v>
      </c>
      <c r="JT27" s="128">
        <v>0</v>
      </c>
      <c r="JU27" s="108">
        <v>0</v>
      </c>
      <c r="JV27" s="109">
        <v>246402</v>
      </c>
      <c r="JW27" s="109">
        <v>373257</v>
      </c>
      <c r="JX27" s="109">
        <v>763919</v>
      </c>
      <c r="JY27" s="109">
        <v>198464</v>
      </c>
      <c r="JZ27" s="109">
        <v>596619</v>
      </c>
      <c r="KA27" s="110">
        <v>2178661</v>
      </c>
      <c r="KB27" s="298">
        <v>2178661</v>
      </c>
      <c r="KC27" s="221">
        <v>93105</v>
      </c>
      <c r="KD27" s="217">
        <v>242064</v>
      </c>
      <c r="KE27" s="110">
        <v>335169</v>
      </c>
      <c r="KF27" s="108">
        <v>0</v>
      </c>
      <c r="KG27" s="109">
        <v>2675565</v>
      </c>
      <c r="KH27" s="109">
        <v>3338096</v>
      </c>
      <c r="KI27" s="109">
        <v>2816866</v>
      </c>
      <c r="KJ27" s="109">
        <v>2844162</v>
      </c>
      <c r="KK27" s="109">
        <v>1433070</v>
      </c>
      <c r="KL27" s="110">
        <v>13107759</v>
      </c>
      <c r="KM27" s="130">
        <v>13442928</v>
      </c>
      <c r="KN27" s="219">
        <v>0</v>
      </c>
      <c r="KO27" s="223">
        <v>0</v>
      </c>
      <c r="KP27" s="224">
        <v>0</v>
      </c>
      <c r="KQ27" s="127"/>
      <c r="KR27" s="109">
        <v>2440360</v>
      </c>
      <c r="KS27" s="109">
        <v>5685769</v>
      </c>
      <c r="KT27" s="109">
        <v>1926431</v>
      </c>
      <c r="KU27" s="109">
        <v>2722869</v>
      </c>
      <c r="KV27" s="109">
        <v>780102</v>
      </c>
      <c r="KW27" s="110">
        <v>13555531</v>
      </c>
      <c r="KX27" s="298">
        <v>13555531</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656019</v>
      </c>
      <c r="LQ27" s="109">
        <v>4242969</v>
      </c>
      <c r="LR27" s="109">
        <v>2280204</v>
      </c>
      <c r="LS27" s="110">
        <v>7179192</v>
      </c>
      <c r="LT27" s="298">
        <v>717919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3279894</v>
      </c>
      <c r="MK27" s="109">
        <v>6940607</v>
      </c>
      <c r="ML27" s="109">
        <v>23664831</v>
      </c>
      <c r="MM27" s="109">
        <v>29808616</v>
      </c>
      <c r="MN27" s="109">
        <v>16966206</v>
      </c>
      <c r="MO27" s="110">
        <v>80660154</v>
      </c>
      <c r="MP27" s="130">
        <v>80660154</v>
      </c>
      <c r="MQ27" s="129">
        <v>0</v>
      </c>
      <c r="MR27" s="109">
        <v>0</v>
      </c>
      <c r="MS27" s="110">
        <v>0</v>
      </c>
      <c r="MT27" s="132"/>
      <c r="MU27" s="109">
        <v>443394</v>
      </c>
      <c r="MV27" s="109">
        <v>796115</v>
      </c>
      <c r="MW27" s="109">
        <v>15072272</v>
      </c>
      <c r="MX27" s="109">
        <v>14410031</v>
      </c>
      <c r="MY27" s="109">
        <v>9854255</v>
      </c>
      <c r="MZ27" s="110">
        <v>40576067</v>
      </c>
      <c r="NA27" s="130">
        <v>40576067</v>
      </c>
      <c r="NB27" s="129">
        <v>0</v>
      </c>
      <c r="NC27" s="109">
        <v>0</v>
      </c>
      <c r="ND27" s="110">
        <v>0</v>
      </c>
      <c r="NE27" s="132"/>
      <c r="NF27" s="109">
        <v>2836500</v>
      </c>
      <c r="NG27" s="109">
        <v>6144492</v>
      </c>
      <c r="NH27" s="109">
        <v>8592559</v>
      </c>
      <c r="NI27" s="109">
        <v>12397606</v>
      </c>
      <c r="NJ27" s="109">
        <v>4210081</v>
      </c>
      <c r="NK27" s="110">
        <v>34181238</v>
      </c>
      <c r="NL27" s="298">
        <v>34181238</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3000979</v>
      </c>
      <c r="OF27" s="109">
        <v>2901870</v>
      </c>
      <c r="OG27" s="110">
        <v>5902849</v>
      </c>
      <c r="OH27" s="111">
        <v>5902849</v>
      </c>
      <c r="OI27" s="129">
        <v>1485120</v>
      </c>
      <c r="OJ27" s="109">
        <v>2895976</v>
      </c>
      <c r="OK27" s="128">
        <v>4381096</v>
      </c>
      <c r="OL27" s="108">
        <v>0</v>
      </c>
      <c r="OM27" s="109">
        <v>39195295</v>
      </c>
      <c r="ON27" s="109">
        <v>51593317</v>
      </c>
      <c r="OO27" s="109">
        <v>58302563</v>
      </c>
      <c r="OP27" s="109">
        <v>68824270</v>
      </c>
      <c r="OQ27" s="109">
        <v>40536113</v>
      </c>
      <c r="OR27" s="110">
        <v>258451558</v>
      </c>
      <c r="OS27" s="130">
        <v>262832654</v>
      </c>
    </row>
    <row r="28" spans="2:409" ht="21" customHeight="1" x14ac:dyDescent="0.2">
      <c r="B28" s="472" t="s">
        <v>23</v>
      </c>
      <c r="C28" s="100">
        <v>3745522</v>
      </c>
      <c r="D28" s="104">
        <v>6364956</v>
      </c>
      <c r="E28" s="103">
        <v>10110478</v>
      </c>
      <c r="F28" s="99">
        <v>0</v>
      </c>
      <c r="G28" s="104">
        <v>53624174</v>
      </c>
      <c r="H28" s="104">
        <v>65122676</v>
      </c>
      <c r="I28" s="104">
        <v>52440639</v>
      </c>
      <c r="J28" s="104">
        <v>57153659</v>
      </c>
      <c r="K28" s="104">
        <v>33236628</v>
      </c>
      <c r="L28" s="160">
        <v>261577776</v>
      </c>
      <c r="M28" s="106">
        <v>271688254</v>
      </c>
      <c r="N28" s="100">
        <v>1283922</v>
      </c>
      <c r="O28" s="104">
        <v>2201718</v>
      </c>
      <c r="P28" s="103">
        <v>3485640</v>
      </c>
      <c r="Q28" s="100">
        <v>0</v>
      </c>
      <c r="R28" s="104">
        <v>12709857</v>
      </c>
      <c r="S28" s="104">
        <v>17578462</v>
      </c>
      <c r="T28" s="104">
        <v>14101642</v>
      </c>
      <c r="U28" s="104">
        <v>17538049</v>
      </c>
      <c r="V28" s="104">
        <v>13304284</v>
      </c>
      <c r="W28" s="103">
        <v>75232294</v>
      </c>
      <c r="X28" s="106">
        <v>78717934</v>
      </c>
      <c r="Y28" s="100">
        <v>0</v>
      </c>
      <c r="Z28" s="104">
        <v>0</v>
      </c>
      <c r="AA28" s="103">
        <v>0</v>
      </c>
      <c r="AB28" s="100">
        <v>0</v>
      </c>
      <c r="AC28" s="104">
        <v>6010654</v>
      </c>
      <c r="AD28" s="104">
        <v>7653404</v>
      </c>
      <c r="AE28" s="104">
        <v>7662487</v>
      </c>
      <c r="AF28" s="104">
        <v>9666262</v>
      </c>
      <c r="AG28" s="104">
        <v>6962995</v>
      </c>
      <c r="AH28" s="103">
        <v>37955802</v>
      </c>
      <c r="AI28" s="106">
        <v>37955802</v>
      </c>
      <c r="AJ28" s="100">
        <v>0</v>
      </c>
      <c r="AK28" s="104">
        <v>0</v>
      </c>
      <c r="AL28" s="103">
        <v>0</v>
      </c>
      <c r="AM28" s="100">
        <v>0</v>
      </c>
      <c r="AN28" s="104">
        <v>144689</v>
      </c>
      <c r="AO28" s="104">
        <v>226536</v>
      </c>
      <c r="AP28" s="104">
        <v>765193</v>
      </c>
      <c r="AQ28" s="104">
        <v>897833</v>
      </c>
      <c r="AR28" s="104">
        <v>1401455</v>
      </c>
      <c r="AS28" s="103">
        <v>3435706</v>
      </c>
      <c r="AT28" s="106">
        <v>3435706</v>
      </c>
      <c r="AU28" s="100">
        <v>900223</v>
      </c>
      <c r="AV28" s="104">
        <v>1729155</v>
      </c>
      <c r="AW28" s="103">
        <v>2629378</v>
      </c>
      <c r="AX28" s="100">
        <v>0</v>
      </c>
      <c r="AY28" s="104">
        <v>3522654</v>
      </c>
      <c r="AZ28" s="104">
        <v>6671867</v>
      </c>
      <c r="BA28" s="104">
        <v>3188361</v>
      </c>
      <c r="BB28" s="104">
        <v>3647256</v>
      </c>
      <c r="BC28" s="104">
        <v>2590354</v>
      </c>
      <c r="BD28" s="103">
        <v>19620492</v>
      </c>
      <c r="BE28" s="106">
        <v>22249870</v>
      </c>
      <c r="BF28" s="100">
        <v>138674</v>
      </c>
      <c r="BG28" s="104">
        <v>260622</v>
      </c>
      <c r="BH28" s="102">
        <v>399296</v>
      </c>
      <c r="BI28" s="101">
        <v>0</v>
      </c>
      <c r="BJ28" s="104">
        <v>421851</v>
      </c>
      <c r="BK28" s="104">
        <v>687429</v>
      </c>
      <c r="BL28" s="104">
        <v>326530</v>
      </c>
      <c r="BM28" s="104">
        <v>372479</v>
      </c>
      <c r="BN28" s="104">
        <v>388276</v>
      </c>
      <c r="BO28" s="103">
        <v>2196565</v>
      </c>
      <c r="BP28" s="106">
        <v>2595861</v>
      </c>
      <c r="BQ28" s="100">
        <v>245025</v>
      </c>
      <c r="BR28" s="104">
        <v>211941</v>
      </c>
      <c r="BS28" s="103">
        <v>456966</v>
      </c>
      <c r="BT28" s="100">
        <v>0</v>
      </c>
      <c r="BU28" s="104">
        <v>2610009</v>
      </c>
      <c r="BV28" s="104">
        <v>2339226</v>
      </c>
      <c r="BW28" s="104">
        <v>2159071</v>
      </c>
      <c r="BX28" s="104">
        <v>2954219</v>
      </c>
      <c r="BY28" s="104">
        <v>1961204</v>
      </c>
      <c r="BZ28" s="103">
        <v>12023729</v>
      </c>
      <c r="CA28" s="106">
        <v>12480695</v>
      </c>
      <c r="CB28" s="100">
        <v>75804</v>
      </c>
      <c r="CC28" s="104">
        <v>459582</v>
      </c>
      <c r="CD28" s="103">
        <v>535386</v>
      </c>
      <c r="CE28" s="100">
        <v>0</v>
      </c>
      <c r="CF28" s="104">
        <v>18592283</v>
      </c>
      <c r="CG28" s="104">
        <v>21762234</v>
      </c>
      <c r="CH28" s="104">
        <v>16877287</v>
      </c>
      <c r="CI28" s="104">
        <v>12361019</v>
      </c>
      <c r="CJ28" s="104">
        <v>4795117</v>
      </c>
      <c r="CK28" s="103">
        <v>74387940</v>
      </c>
      <c r="CL28" s="106">
        <v>74923326</v>
      </c>
      <c r="CM28" s="100">
        <v>0</v>
      </c>
      <c r="CN28" s="104">
        <v>0</v>
      </c>
      <c r="CO28" s="103">
        <v>0</v>
      </c>
      <c r="CP28" s="101">
        <v>0</v>
      </c>
      <c r="CQ28" s="104">
        <v>16157684</v>
      </c>
      <c r="CR28" s="104">
        <v>18129499</v>
      </c>
      <c r="CS28" s="104">
        <v>13792605</v>
      </c>
      <c r="CT28" s="104">
        <v>9604532</v>
      </c>
      <c r="CU28" s="104">
        <v>4129257</v>
      </c>
      <c r="CV28" s="103">
        <v>61813577</v>
      </c>
      <c r="CW28" s="106">
        <v>61813577</v>
      </c>
      <c r="CX28" s="100">
        <v>75804</v>
      </c>
      <c r="CY28" s="104">
        <v>459582</v>
      </c>
      <c r="CZ28" s="103">
        <v>535386</v>
      </c>
      <c r="DA28" s="100">
        <v>0</v>
      </c>
      <c r="DB28" s="104">
        <v>2434599</v>
      </c>
      <c r="DC28" s="104">
        <v>3632735</v>
      </c>
      <c r="DD28" s="104">
        <v>3084682</v>
      </c>
      <c r="DE28" s="104">
        <v>2756487</v>
      </c>
      <c r="DF28" s="104">
        <v>665860</v>
      </c>
      <c r="DG28" s="103">
        <v>12574363</v>
      </c>
      <c r="DH28" s="106">
        <v>13109749</v>
      </c>
      <c r="DI28" s="100">
        <v>61264</v>
      </c>
      <c r="DJ28" s="104">
        <v>101594</v>
      </c>
      <c r="DK28" s="102">
        <v>162858</v>
      </c>
      <c r="DL28" s="101">
        <v>0</v>
      </c>
      <c r="DM28" s="104">
        <v>1460527</v>
      </c>
      <c r="DN28" s="104">
        <v>3114195</v>
      </c>
      <c r="DO28" s="104">
        <v>5269013</v>
      </c>
      <c r="DP28" s="104">
        <v>5160544</v>
      </c>
      <c r="DQ28" s="104">
        <v>2258077</v>
      </c>
      <c r="DR28" s="103">
        <v>17262356</v>
      </c>
      <c r="DS28" s="106">
        <v>17425214</v>
      </c>
      <c r="DT28" s="100">
        <v>33811</v>
      </c>
      <c r="DU28" s="104">
        <v>101594</v>
      </c>
      <c r="DV28" s="103">
        <v>135405</v>
      </c>
      <c r="DW28" s="100">
        <v>0</v>
      </c>
      <c r="DX28" s="104">
        <v>1426779</v>
      </c>
      <c r="DY28" s="104">
        <v>3022582</v>
      </c>
      <c r="DZ28" s="104">
        <v>5163102</v>
      </c>
      <c r="EA28" s="104">
        <v>4847903</v>
      </c>
      <c r="EB28" s="104">
        <v>2121879</v>
      </c>
      <c r="EC28" s="103">
        <v>16582245</v>
      </c>
      <c r="ED28" s="106">
        <v>16717650</v>
      </c>
      <c r="EE28" s="100">
        <v>27453</v>
      </c>
      <c r="EF28" s="102">
        <v>0</v>
      </c>
      <c r="EG28" s="103">
        <v>27453</v>
      </c>
      <c r="EH28" s="100">
        <v>0</v>
      </c>
      <c r="EI28" s="104">
        <v>33748</v>
      </c>
      <c r="EJ28" s="104">
        <v>91613</v>
      </c>
      <c r="EK28" s="104">
        <v>105911</v>
      </c>
      <c r="EL28" s="104">
        <v>312641</v>
      </c>
      <c r="EM28" s="104">
        <v>136198</v>
      </c>
      <c r="EN28" s="102">
        <v>680111</v>
      </c>
      <c r="EO28" s="106">
        <v>707564</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127416</v>
      </c>
      <c r="FM28" s="104">
        <v>2081871</v>
      </c>
      <c r="FN28" s="103">
        <v>3209287</v>
      </c>
      <c r="FO28" s="100">
        <v>0</v>
      </c>
      <c r="FP28" s="104">
        <v>3532490</v>
      </c>
      <c r="FQ28" s="104">
        <v>6388211</v>
      </c>
      <c r="FR28" s="104">
        <v>3886105</v>
      </c>
      <c r="FS28" s="104">
        <v>4248491</v>
      </c>
      <c r="FT28" s="104">
        <v>2068240</v>
      </c>
      <c r="FU28" s="103">
        <v>20123537</v>
      </c>
      <c r="FV28" s="106">
        <v>23332824</v>
      </c>
      <c r="FW28" s="105">
        <v>445071</v>
      </c>
      <c r="FX28" s="104">
        <v>1705491</v>
      </c>
      <c r="FY28" s="102">
        <v>2150562</v>
      </c>
      <c r="FZ28" s="101">
        <v>0</v>
      </c>
      <c r="GA28" s="104">
        <v>2514230</v>
      </c>
      <c r="GB28" s="104">
        <v>5771671</v>
      </c>
      <c r="GC28" s="104">
        <v>3321654</v>
      </c>
      <c r="GD28" s="104">
        <v>3924107</v>
      </c>
      <c r="GE28" s="104">
        <v>2061760</v>
      </c>
      <c r="GF28" s="103">
        <v>17593422</v>
      </c>
      <c r="GG28" s="296">
        <v>19743984</v>
      </c>
      <c r="GH28" s="105">
        <v>0</v>
      </c>
      <c r="GI28" s="104">
        <v>0</v>
      </c>
      <c r="GJ28" s="102">
        <v>0</v>
      </c>
      <c r="GK28" s="101">
        <v>0</v>
      </c>
      <c r="GL28" s="104">
        <v>88500</v>
      </c>
      <c r="GM28" s="104">
        <v>104940</v>
      </c>
      <c r="GN28" s="104">
        <v>54351</v>
      </c>
      <c r="GO28" s="104">
        <v>160314</v>
      </c>
      <c r="GP28" s="104">
        <v>6480</v>
      </c>
      <c r="GQ28" s="103">
        <v>414585</v>
      </c>
      <c r="GR28" s="106">
        <v>414585</v>
      </c>
      <c r="GS28" s="100">
        <v>682345</v>
      </c>
      <c r="GT28" s="104">
        <v>376380</v>
      </c>
      <c r="GU28" s="103">
        <v>1058725</v>
      </c>
      <c r="GV28" s="100">
        <v>0</v>
      </c>
      <c r="GW28" s="104">
        <v>929760</v>
      </c>
      <c r="GX28" s="104">
        <v>511600</v>
      </c>
      <c r="GY28" s="104">
        <v>510100</v>
      </c>
      <c r="GZ28" s="104">
        <v>164070</v>
      </c>
      <c r="HA28" s="104">
        <v>0</v>
      </c>
      <c r="HB28" s="102">
        <v>2115530</v>
      </c>
      <c r="HC28" s="106">
        <v>3174255</v>
      </c>
      <c r="HD28" s="100">
        <v>504290</v>
      </c>
      <c r="HE28" s="104">
        <v>208568</v>
      </c>
      <c r="HF28" s="102">
        <v>712858</v>
      </c>
      <c r="HG28" s="101">
        <v>0</v>
      </c>
      <c r="HH28" s="104">
        <v>9350692</v>
      </c>
      <c r="HI28" s="104">
        <v>8107153</v>
      </c>
      <c r="HJ28" s="104">
        <v>7166769</v>
      </c>
      <c r="HK28" s="104">
        <v>13901713</v>
      </c>
      <c r="HL28" s="104">
        <v>8930429</v>
      </c>
      <c r="HM28" s="103">
        <v>47456756</v>
      </c>
      <c r="HN28" s="99">
        <v>48169614</v>
      </c>
      <c r="HO28" s="105">
        <v>692826</v>
      </c>
      <c r="HP28" s="104">
        <v>1311623</v>
      </c>
      <c r="HQ28" s="103">
        <v>2004449</v>
      </c>
      <c r="HR28" s="100">
        <v>0</v>
      </c>
      <c r="HS28" s="104">
        <v>7978325</v>
      </c>
      <c r="HT28" s="104">
        <v>8172421</v>
      </c>
      <c r="HU28" s="104">
        <v>5139823</v>
      </c>
      <c r="HV28" s="104">
        <v>3943843</v>
      </c>
      <c r="HW28" s="104">
        <v>1880481</v>
      </c>
      <c r="HX28" s="102">
        <v>27114893</v>
      </c>
      <c r="HY28" s="106">
        <v>29119342</v>
      </c>
      <c r="HZ28" s="137">
        <v>0</v>
      </c>
      <c r="IA28" s="122">
        <v>0</v>
      </c>
      <c r="IB28" s="137">
        <v>0</v>
      </c>
      <c r="IC28" s="121">
        <v>0</v>
      </c>
      <c r="ID28" s="122">
        <v>10543531</v>
      </c>
      <c r="IE28" s="123">
        <v>8498520</v>
      </c>
      <c r="IF28" s="124">
        <v>8637358</v>
      </c>
      <c r="IG28" s="122">
        <v>7449045</v>
      </c>
      <c r="IH28" s="124">
        <v>4796653</v>
      </c>
      <c r="II28" s="125">
        <v>39925107</v>
      </c>
      <c r="IJ28" s="137">
        <v>39925107</v>
      </c>
      <c r="IK28" s="219">
        <v>0</v>
      </c>
      <c r="IL28" s="223">
        <v>0</v>
      </c>
      <c r="IM28" s="224">
        <v>0</v>
      </c>
      <c r="IN28" s="127"/>
      <c r="IO28" s="109">
        <v>0</v>
      </c>
      <c r="IP28" s="109">
        <v>108756</v>
      </c>
      <c r="IQ28" s="109">
        <v>0</v>
      </c>
      <c r="IR28" s="109">
        <v>0</v>
      </c>
      <c r="IS28" s="109">
        <v>502127</v>
      </c>
      <c r="IT28" s="128">
        <v>610883</v>
      </c>
      <c r="IU28" s="298">
        <v>610883</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2081712</v>
      </c>
      <c r="JL28" s="109">
        <v>2746697</v>
      </c>
      <c r="JM28" s="109">
        <v>2466373</v>
      </c>
      <c r="JN28" s="109">
        <v>1944966</v>
      </c>
      <c r="JO28" s="109">
        <v>1514147</v>
      </c>
      <c r="JP28" s="110">
        <v>10753895</v>
      </c>
      <c r="JQ28" s="298">
        <v>10753895</v>
      </c>
      <c r="JR28" s="129">
        <v>0</v>
      </c>
      <c r="JS28" s="109">
        <v>0</v>
      </c>
      <c r="JT28" s="128">
        <v>0</v>
      </c>
      <c r="JU28" s="108">
        <v>0</v>
      </c>
      <c r="JV28" s="109">
        <v>0</v>
      </c>
      <c r="JW28" s="109">
        <v>0</v>
      </c>
      <c r="JX28" s="109">
        <v>279654</v>
      </c>
      <c r="JY28" s="109">
        <v>0</v>
      </c>
      <c r="JZ28" s="109">
        <v>0</v>
      </c>
      <c r="KA28" s="110">
        <v>279654</v>
      </c>
      <c r="KB28" s="298">
        <v>279654</v>
      </c>
      <c r="KC28" s="221">
        <v>0</v>
      </c>
      <c r="KD28" s="217">
        <v>0</v>
      </c>
      <c r="KE28" s="110">
        <v>0</v>
      </c>
      <c r="KF28" s="108">
        <v>0</v>
      </c>
      <c r="KG28" s="109">
        <v>649405</v>
      </c>
      <c r="KH28" s="109">
        <v>848241</v>
      </c>
      <c r="KI28" s="109">
        <v>532402</v>
      </c>
      <c r="KJ28" s="109">
        <v>282456</v>
      </c>
      <c r="KK28" s="109">
        <v>623762</v>
      </c>
      <c r="KL28" s="110">
        <v>2936266</v>
      </c>
      <c r="KM28" s="130">
        <v>2936266</v>
      </c>
      <c r="KN28" s="219">
        <v>0</v>
      </c>
      <c r="KO28" s="223">
        <v>0</v>
      </c>
      <c r="KP28" s="224">
        <v>0</v>
      </c>
      <c r="KQ28" s="127"/>
      <c r="KR28" s="109">
        <v>7812414</v>
      </c>
      <c r="KS28" s="109">
        <v>4794826</v>
      </c>
      <c r="KT28" s="109">
        <v>5358929</v>
      </c>
      <c r="KU28" s="109">
        <v>4901756</v>
      </c>
      <c r="KV28" s="109">
        <v>2156617</v>
      </c>
      <c r="KW28" s="110">
        <v>25024542</v>
      </c>
      <c r="KX28" s="298">
        <v>25024542</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319867</v>
      </c>
      <c r="MC28" s="109">
        <v>0</v>
      </c>
      <c r="MD28" s="110">
        <v>319867</v>
      </c>
      <c r="ME28" s="111">
        <v>319867</v>
      </c>
      <c r="MF28" s="129">
        <v>0</v>
      </c>
      <c r="MG28" s="109">
        <v>0</v>
      </c>
      <c r="MH28" s="110">
        <v>0</v>
      </c>
      <c r="MI28" s="132"/>
      <c r="MJ28" s="109">
        <v>3777529</v>
      </c>
      <c r="MK28" s="109">
        <v>10490683</v>
      </c>
      <c r="ML28" s="109">
        <v>34791666</v>
      </c>
      <c r="MM28" s="109">
        <v>56723375</v>
      </c>
      <c r="MN28" s="109">
        <v>44124083</v>
      </c>
      <c r="MO28" s="110">
        <v>149907336</v>
      </c>
      <c r="MP28" s="130">
        <v>149907336</v>
      </c>
      <c r="MQ28" s="129">
        <v>0</v>
      </c>
      <c r="MR28" s="109">
        <v>0</v>
      </c>
      <c r="MS28" s="110">
        <v>0</v>
      </c>
      <c r="MT28" s="132"/>
      <c r="MU28" s="109">
        <v>450639</v>
      </c>
      <c r="MV28" s="109">
        <v>2472196</v>
      </c>
      <c r="MW28" s="109">
        <v>22759033</v>
      </c>
      <c r="MX28" s="109">
        <v>35559637</v>
      </c>
      <c r="MY28" s="109">
        <v>28277561</v>
      </c>
      <c r="MZ28" s="110">
        <v>89519066</v>
      </c>
      <c r="NA28" s="130">
        <v>89519066</v>
      </c>
      <c r="NB28" s="129">
        <v>0</v>
      </c>
      <c r="NC28" s="109">
        <v>0</v>
      </c>
      <c r="ND28" s="110">
        <v>0</v>
      </c>
      <c r="NE28" s="132"/>
      <c r="NF28" s="109">
        <v>3326890</v>
      </c>
      <c r="NG28" s="109">
        <v>8018487</v>
      </c>
      <c r="NH28" s="109">
        <v>12032633</v>
      </c>
      <c r="NI28" s="109">
        <v>19679732</v>
      </c>
      <c r="NJ28" s="109">
        <v>11910081</v>
      </c>
      <c r="NK28" s="110">
        <v>54967823</v>
      </c>
      <c r="NL28" s="298">
        <v>54967823</v>
      </c>
      <c r="NM28" s="129">
        <v>0</v>
      </c>
      <c r="NN28" s="109">
        <v>0</v>
      </c>
      <c r="NO28" s="110">
        <v>0</v>
      </c>
      <c r="NP28" s="132"/>
      <c r="NQ28" s="109">
        <v>0</v>
      </c>
      <c r="NR28" s="109">
        <v>0</v>
      </c>
      <c r="NS28" s="109">
        <v>0</v>
      </c>
      <c r="NT28" s="109">
        <v>252567</v>
      </c>
      <c r="NU28" s="109">
        <v>707501</v>
      </c>
      <c r="NV28" s="110">
        <v>960068</v>
      </c>
      <c r="NW28" s="111">
        <v>960068</v>
      </c>
      <c r="NX28" s="129">
        <v>0</v>
      </c>
      <c r="NY28" s="109">
        <v>0</v>
      </c>
      <c r="NZ28" s="110">
        <v>0</v>
      </c>
      <c r="OA28" s="132"/>
      <c r="OB28" s="109">
        <v>0</v>
      </c>
      <c r="OC28" s="109">
        <v>0</v>
      </c>
      <c r="OD28" s="109">
        <v>0</v>
      </c>
      <c r="OE28" s="109">
        <v>1231439</v>
      </c>
      <c r="OF28" s="109">
        <v>3228940</v>
      </c>
      <c r="OG28" s="110">
        <v>4460379</v>
      </c>
      <c r="OH28" s="111">
        <v>4460379</v>
      </c>
      <c r="OI28" s="129">
        <v>3745522</v>
      </c>
      <c r="OJ28" s="109">
        <v>6364956</v>
      </c>
      <c r="OK28" s="128">
        <v>10110478</v>
      </c>
      <c r="OL28" s="108">
        <v>0</v>
      </c>
      <c r="OM28" s="109">
        <v>67945234</v>
      </c>
      <c r="ON28" s="109">
        <v>84111879</v>
      </c>
      <c r="OO28" s="109">
        <v>95869663</v>
      </c>
      <c r="OP28" s="109">
        <v>121326079</v>
      </c>
      <c r="OQ28" s="109">
        <v>82157364</v>
      </c>
      <c r="OR28" s="110">
        <v>451410219</v>
      </c>
      <c r="OS28" s="130">
        <v>461520697</v>
      </c>
    </row>
    <row r="29" spans="2:409" ht="21" customHeight="1" x14ac:dyDescent="0.2">
      <c r="B29" s="472" t="s">
        <v>24</v>
      </c>
      <c r="C29" s="100">
        <v>3120524</v>
      </c>
      <c r="D29" s="104">
        <v>3187522</v>
      </c>
      <c r="E29" s="103">
        <v>6308046</v>
      </c>
      <c r="F29" s="99">
        <v>0</v>
      </c>
      <c r="G29" s="104">
        <v>27454500</v>
      </c>
      <c r="H29" s="104">
        <v>29473457</v>
      </c>
      <c r="I29" s="104">
        <v>24245093</v>
      </c>
      <c r="J29" s="104">
        <v>26556555</v>
      </c>
      <c r="K29" s="104">
        <v>19656823</v>
      </c>
      <c r="L29" s="160">
        <v>127386428</v>
      </c>
      <c r="M29" s="106">
        <v>133694474</v>
      </c>
      <c r="N29" s="100">
        <v>733324</v>
      </c>
      <c r="O29" s="104">
        <v>665571</v>
      </c>
      <c r="P29" s="103">
        <v>1398895</v>
      </c>
      <c r="Q29" s="100">
        <v>0</v>
      </c>
      <c r="R29" s="104">
        <v>6320533</v>
      </c>
      <c r="S29" s="104">
        <v>8326967</v>
      </c>
      <c r="T29" s="104">
        <v>7399143</v>
      </c>
      <c r="U29" s="104">
        <v>8839140</v>
      </c>
      <c r="V29" s="104">
        <v>9227370</v>
      </c>
      <c r="W29" s="103">
        <v>40113153</v>
      </c>
      <c r="X29" s="106">
        <v>41512048</v>
      </c>
      <c r="Y29" s="100">
        <v>0</v>
      </c>
      <c r="Z29" s="104">
        <v>0</v>
      </c>
      <c r="AA29" s="103">
        <v>0</v>
      </c>
      <c r="AB29" s="100">
        <v>0</v>
      </c>
      <c r="AC29" s="104">
        <v>2450380</v>
      </c>
      <c r="AD29" s="104">
        <v>3777235</v>
      </c>
      <c r="AE29" s="104">
        <v>4639893</v>
      </c>
      <c r="AF29" s="104">
        <v>4473526</v>
      </c>
      <c r="AG29" s="104">
        <v>5368499</v>
      </c>
      <c r="AH29" s="103">
        <v>20709533</v>
      </c>
      <c r="AI29" s="106">
        <v>20709533</v>
      </c>
      <c r="AJ29" s="100">
        <v>0</v>
      </c>
      <c r="AK29" s="104">
        <v>0</v>
      </c>
      <c r="AL29" s="103">
        <v>0</v>
      </c>
      <c r="AM29" s="100">
        <v>0</v>
      </c>
      <c r="AN29" s="104">
        <v>139020</v>
      </c>
      <c r="AO29" s="104">
        <v>105845</v>
      </c>
      <c r="AP29" s="104">
        <v>133945</v>
      </c>
      <c r="AQ29" s="104">
        <v>752752</v>
      </c>
      <c r="AR29" s="104">
        <v>1449583</v>
      </c>
      <c r="AS29" s="103">
        <v>2581145</v>
      </c>
      <c r="AT29" s="106">
        <v>2581145</v>
      </c>
      <c r="AU29" s="100">
        <v>443568</v>
      </c>
      <c r="AV29" s="104">
        <v>481174</v>
      </c>
      <c r="AW29" s="103">
        <v>924742</v>
      </c>
      <c r="AX29" s="100">
        <v>0</v>
      </c>
      <c r="AY29" s="104">
        <v>2449837</v>
      </c>
      <c r="AZ29" s="104">
        <v>3136799</v>
      </c>
      <c r="BA29" s="104">
        <v>1442557</v>
      </c>
      <c r="BB29" s="104">
        <v>2256708</v>
      </c>
      <c r="BC29" s="104">
        <v>1311680</v>
      </c>
      <c r="BD29" s="103">
        <v>10597581</v>
      </c>
      <c r="BE29" s="106">
        <v>11522323</v>
      </c>
      <c r="BF29" s="100">
        <v>0</v>
      </c>
      <c r="BG29" s="104">
        <v>29244</v>
      </c>
      <c r="BH29" s="102">
        <v>29244</v>
      </c>
      <c r="BI29" s="101">
        <v>0</v>
      </c>
      <c r="BJ29" s="104">
        <v>136987</v>
      </c>
      <c r="BK29" s="104">
        <v>218009</v>
      </c>
      <c r="BL29" s="104">
        <v>45553</v>
      </c>
      <c r="BM29" s="104">
        <v>175678</v>
      </c>
      <c r="BN29" s="104">
        <v>114922</v>
      </c>
      <c r="BO29" s="103">
        <v>691149</v>
      </c>
      <c r="BP29" s="106">
        <v>720393</v>
      </c>
      <c r="BQ29" s="100">
        <v>289756</v>
      </c>
      <c r="BR29" s="104">
        <v>155153</v>
      </c>
      <c r="BS29" s="103">
        <v>444909</v>
      </c>
      <c r="BT29" s="100">
        <v>0</v>
      </c>
      <c r="BU29" s="104">
        <v>1144309</v>
      </c>
      <c r="BV29" s="104">
        <v>1089079</v>
      </c>
      <c r="BW29" s="104">
        <v>1137195</v>
      </c>
      <c r="BX29" s="104">
        <v>1180476</v>
      </c>
      <c r="BY29" s="104">
        <v>982686</v>
      </c>
      <c r="BZ29" s="103">
        <v>5533745</v>
      </c>
      <c r="CA29" s="106">
        <v>5978654</v>
      </c>
      <c r="CB29" s="100">
        <v>265387</v>
      </c>
      <c r="CC29" s="104">
        <v>377724</v>
      </c>
      <c r="CD29" s="103">
        <v>643111</v>
      </c>
      <c r="CE29" s="100">
        <v>0</v>
      </c>
      <c r="CF29" s="104">
        <v>9176327</v>
      </c>
      <c r="CG29" s="104">
        <v>9124035</v>
      </c>
      <c r="CH29" s="104">
        <v>5628317</v>
      </c>
      <c r="CI29" s="104">
        <v>3445226</v>
      </c>
      <c r="CJ29" s="104">
        <v>2287072</v>
      </c>
      <c r="CK29" s="103">
        <v>29660977</v>
      </c>
      <c r="CL29" s="106">
        <v>30304088</v>
      </c>
      <c r="CM29" s="100">
        <v>0</v>
      </c>
      <c r="CN29" s="104">
        <v>0</v>
      </c>
      <c r="CO29" s="103">
        <v>0</v>
      </c>
      <c r="CP29" s="101">
        <v>0</v>
      </c>
      <c r="CQ29" s="104">
        <v>6423971</v>
      </c>
      <c r="CR29" s="104">
        <v>6750297</v>
      </c>
      <c r="CS29" s="104">
        <v>3664004</v>
      </c>
      <c r="CT29" s="104">
        <v>2327502</v>
      </c>
      <c r="CU29" s="104">
        <v>778739</v>
      </c>
      <c r="CV29" s="103">
        <v>19944513</v>
      </c>
      <c r="CW29" s="106">
        <v>19944513</v>
      </c>
      <c r="CX29" s="100">
        <v>265387</v>
      </c>
      <c r="CY29" s="104">
        <v>377724</v>
      </c>
      <c r="CZ29" s="103">
        <v>643111</v>
      </c>
      <c r="DA29" s="100">
        <v>0</v>
      </c>
      <c r="DB29" s="104">
        <v>2752356</v>
      </c>
      <c r="DC29" s="104">
        <v>2373738</v>
      </c>
      <c r="DD29" s="104">
        <v>1964313</v>
      </c>
      <c r="DE29" s="104">
        <v>1117724</v>
      </c>
      <c r="DF29" s="104">
        <v>1508333</v>
      </c>
      <c r="DG29" s="103">
        <v>9716464</v>
      </c>
      <c r="DH29" s="106">
        <v>10359575</v>
      </c>
      <c r="DI29" s="100">
        <v>24627</v>
      </c>
      <c r="DJ29" s="104">
        <v>0</v>
      </c>
      <c r="DK29" s="102">
        <v>24627</v>
      </c>
      <c r="DL29" s="101">
        <v>0</v>
      </c>
      <c r="DM29" s="104">
        <v>998277</v>
      </c>
      <c r="DN29" s="104">
        <v>1362672</v>
      </c>
      <c r="DO29" s="104">
        <v>2212455</v>
      </c>
      <c r="DP29" s="104">
        <v>2620928</v>
      </c>
      <c r="DQ29" s="104">
        <v>890418</v>
      </c>
      <c r="DR29" s="103">
        <v>8084750</v>
      </c>
      <c r="DS29" s="106">
        <v>8109377</v>
      </c>
      <c r="DT29" s="100">
        <v>24627</v>
      </c>
      <c r="DU29" s="104">
        <v>0</v>
      </c>
      <c r="DV29" s="103">
        <v>24627</v>
      </c>
      <c r="DW29" s="100">
        <v>0</v>
      </c>
      <c r="DX29" s="104">
        <v>897102</v>
      </c>
      <c r="DY29" s="104">
        <v>1314702</v>
      </c>
      <c r="DZ29" s="104">
        <v>1723089</v>
      </c>
      <c r="EA29" s="104">
        <v>2516586</v>
      </c>
      <c r="EB29" s="104">
        <v>582742</v>
      </c>
      <c r="EC29" s="103">
        <v>7034221</v>
      </c>
      <c r="ED29" s="106">
        <v>7058848</v>
      </c>
      <c r="EE29" s="100">
        <v>0</v>
      </c>
      <c r="EF29" s="102">
        <v>0</v>
      </c>
      <c r="EG29" s="103">
        <v>0</v>
      </c>
      <c r="EH29" s="100">
        <v>0</v>
      </c>
      <c r="EI29" s="104">
        <v>101175</v>
      </c>
      <c r="EJ29" s="104">
        <v>47970</v>
      </c>
      <c r="EK29" s="104">
        <v>489366</v>
      </c>
      <c r="EL29" s="104">
        <v>104342</v>
      </c>
      <c r="EM29" s="104">
        <v>307676</v>
      </c>
      <c r="EN29" s="102">
        <v>1050529</v>
      </c>
      <c r="EO29" s="106">
        <v>1050529</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776140</v>
      </c>
      <c r="FM29" s="104">
        <v>668190</v>
      </c>
      <c r="FN29" s="103">
        <v>1444330</v>
      </c>
      <c r="FO29" s="100">
        <v>0</v>
      </c>
      <c r="FP29" s="104">
        <v>1458211</v>
      </c>
      <c r="FQ29" s="104">
        <v>2354162</v>
      </c>
      <c r="FR29" s="104">
        <v>1690828</v>
      </c>
      <c r="FS29" s="104">
        <v>1691789</v>
      </c>
      <c r="FT29" s="104">
        <v>1165323</v>
      </c>
      <c r="FU29" s="103">
        <v>8360313</v>
      </c>
      <c r="FV29" s="106">
        <v>9804643</v>
      </c>
      <c r="FW29" s="105">
        <v>403195</v>
      </c>
      <c r="FX29" s="104">
        <v>419355</v>
      </c>
      <c r="FY29" s="102">
        <v>822550</v>
      </c>
      <c r="FZ29" s="101">
        <v>0</v>
      </c>
      <c r="GA29" s="104">
        <v>1048169</v>
      </c>
      <c r="GB29" s="104">
        <v>2179552</v>
      </c>
      <c r="GC29" s="104">
        <v>1496528</v>
      </c>
      <c r="GD29" s="104">
        <v>1488547</v>
      </c>
      <c r="GE29" s="104">
        <v>1118199</v>
      </c>
      <c r="GF29" s="103">
        <v>7330995</v>
      </c>
      <c r="GG29" s="296">
        <v>8153545</v>
      </c>
      <c r="GH29" s="105">
        <v>57915</v>
      </c>
      <c r="GI29" s="104">
        <v>68835</v>
      </c>
      <c r="GJ29" s="102">
        <v>126750</v>
      </c>
      <c r="GK29" s="101">
        <v>0</v>
      </c>
      <c r="GL29" s="104">
        <v>50060</v>
      </c>
      <c r="GM29" s="104">
        <v>0</v>
      </c>
      <c r="GN29" s="104">
        <v>16200</v>
      </c>
      <c r="GO29" s="104">
        <v>10642</v>
      </c>
      <c r="GP29" s="104">
        <v>47124</v>
      </c>
      <c r="GQ29" s="103">
        <v>124026</v>
      </c>
      <c r="GR29" s="106">
        <v>250776</v>
      </c>
      <c r="GS29" s="100">
        <v>315030</v>
      </c>
      <c r="GT29" s="104">
        <v>180000</v>
      </c>
      <c r="GU29" s="103">
        <v>495030</v>
      </c>
      <c r="GV29" s="100">
        <v>0</v>
      </c>
      <c r="GW29" s="104">
        <v>359982</v>
      </c>
      <c r="GX29" s="104">
        <v>174610</v>
      </c>
      <c r="GY29" s="104">
        <v>178100</v>
      </c>
      <c r="GZ29" s="104">
        <v>192600</v>
      </c>
      <c r="HA29" s="104">
        <v>0</v>
      </c>
      <c r="HB29" s="102">
        <v>905292</v>
      </c>
      <c r="HC29" s="106">
        <v>1400322</v>
      </c>
      <c r="HD29" s="100">
        <v>778982</v>
      </c>
      <c r="HE29" s="104">
        <v>1008646</v>
      </c>
      <c r="HF29" s="102">
        <v>1787628</v>
      </c>
      <c r="HG29" s="101">
        <v>0</v>
      </c>
      <c r="HH29" s="104">
        <v>5610546</v>
      </c>
      <c r="HI29" s="104">
        <v>5193996</v>
      </c>
      <c r="HJ29" s="104">
        <v>5138777</v>
      </c>
      <c r="HK29" s="104">
        <v>8503789</v>
      </c>
      <c r="HL29" s="104">
        <v>5209943</v>
      </c>
      <c r="HM29" s="103">
        <v>29657051</v>
      </c>
      <c r="HN29" s="99">
        <v>31444679</v>
      </c>
      <c r="HO29" s="105">
        <v>542064</v>
      </c>
      <c r="HP29" s="104">
        <v>467391</v>
      </c>
      <c r="HQ29" s="103">
        <v>1009455</v>
      </c>
      <c r="HR29" s="100">
        <v>0</v>
      </c>
      <c r="HS29" s="104">
        <v>3890606</v>
      </c>
      <c r="HT29" s="104">
        <v>3111625</v>
      </c>
      <c r="HU29" s="104">
        <v>2175573</v>
      </c>
      <c r="HV29" s="104">
        <v>1455683</v>
      </c>
      <c r="HW29" s="104">
        <v>876697</v>
      </c>
      <c r="HX29" s="102">
        <v>11510184</v>
      </c>
      <c r="HY29" s="106">
        <v>12519639</v>
      </c>
      <c r="HZ29" s="118">
        <v>46066</v>
      </c>
      <c r="IA29" s="119">
        <v>245950</v>
      </c>
      <c r="IB29" s="120">
        <v>292016</v>
      </c>
      <c r="IC29" s="133">
        <v>0</v>
      </c>
      <c r="ID29" s="119">
        <v>5807980</v>
      </c>
      <c r="IE29" s="134">
        <v>4047624</v>
      </c>
      <c r="IF29" s="120">
        <v>6115493</v>
      </c>
      <c r="IG29" s="119">
        <v>3623357</v>
      </c>
      <c r="IH29" s="120">
        <v>1557125</v>
      </c>
      <c r="II29" s="135">
        <v>21151579</v>
      </c>
      <c r="IJ29" s="126">
        <v>21443595</v>
      </c>
      <c r="IK29" s="219">
        <v>0</v>
      </c>
      <c r="IL29" s="223">
        <v>0</v>
      </c>
      <c r="IM29" s="224">
        <v>0</v>
      </c>
      <c r="IN29" s="127"/>
      <c r="IO29" s="109">
        <v>147283</v>
      </c>
      <c r="IP29" s="109">
        <v>344073</v>
      </c>
      <c r="IQ29" s="109">
        <v>474468</v>
      </c>
      <c r="IR29" s="109">
        <v>426451</v>
      </c>
      <c r="IS29" s="109">
        <v>0</v>
      </c>
      <c r="IT29" s="128">
        <v>1392275</v>
      </c>
      <c r="IU29" s="298">
        <v>1392275</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1878083</v>
      </c>
      <c r="JL29" s="109">
        <v>1431173</v>
      </c>
      <c r="JM29" s="109">
        <v>1433158</v>
      </c>
      <c r="JN29" s="109">
        <v>342856</v>
      </c>
      <c r="JO29" s="109">
        <v>359927</v>
      </c>
      <c r="JP29" s="110">
        <v>5445197</v>
      </c>
      <c r="JQ29" s="298">
        <v>5445197</v>
      </c>
      <c r="JR29" s="129">
        <v>0</v>
      </c>
      <c r="JS29" s="109">
        <v>0</v>
      </c>
      <c r="JT29" s="128">
        <v>0</v>
      </c>
      <c r="JU29" s="108">
        <v>0</v>
      </c>
      <c r="JV29" s="109">
        <v>654411</v>
      </c>
      <c r="JW29" s="109">
        <v>485196</v>
      </c>
      <c r="JX29" s="109">
        <v>690428</v>
      </c>
      <c r="JY29" s="109">
        <v>161366</v>
      </c>
      <c r="JZ29" s="109">
        <v>127648</v>
      </c>
      <c r="KA29" s="110">
        <v>2119049</v>
      </c>
      <c r="KB29" s="298">
        <v>2119049</v>
      </c>
      <c r="KC29" s="221">
        <v>46066</v>
      </c>
      <c r="KD29" s="217">
        <v>245950</v>
      </c>
      <c r="KE29" s="110">
        <v>292016</v>
      </c>
      <c r="KF29" s="108">
        <v>0</v>
      </c>
      <c r="KG29" s="109">
        <v>2686056</v>
      </c>
      <c r="KH29" s="109">
        <v>1260758</v>
      </c>
      <c r="KI29" s="109">
        <v>2217119</v>
      </c>
      <c r="KJ29" s="109">
        <v>1397874</v>
      </c>
      <c r="KK29" s="109">
        <v>314582</v>
      </c>
      <c r="KL29" s="110">
        <v>7876389</v>
      </c>
      <c r="KM29" s="130">
        <v>8168405</v>
      </c>
      <c r="KN29" s="219">
        <v>0</v>
      </c>
      <c r="KO29" s="223">
        <v>0</v>
      </c>
      <c r="KP29" s="224">
        <v>0</v>
      </c>
      <c r="KQ29" s="127"/>
      <c r="KR29" s="109">
        <v>442147</v>
      </c>
      <c r="KS29" s="109">
        <v>526424</v>
      </c>
      <c r="KT29" s="109">
        <v>1300320</v>
      </c>
      <c r="KU29" s="109">
        <v>1294810</v>
      </c>
      <c r="KV29" s="109">
        <v>754968</v>
      </c>
      <c r="KW29" s="110">
        <v>4318669</v>
      </c>
      <c r="KX29" s="298">
        <v>4318669</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2655914</v>
      </c>
      <c r="MK29" s="109">
        <v>2198605</v>
      </c>
      <c r="ML29" s="109">
        <v>14953561</v>
      </c>
      <c r="MM29" s="109">
        <v>31261706</v>
      </c>
      <c r="MN29" s="109">
        <v>23185827</v>
      </c>
      <c r="MO29" s="110">
        <v>74255613</v>
      </c>
      <c r="MP29" s="130">
        <v>74255613</v>
      </c>
      <c r="MQ29" s="129">
        <v>0</v>
      </c>
      <c r="MR29" s="109">
        <v>0</v>
      </c>
      <c r="MS29" s="110">
        <v>0</v>
      </c>
      <c r="MT29" s="132"/>
      <c r="MU29" s="109">
        <v>0</v>
      </c>
      <c r="MV29" s="109">
        <v>0</v>
      </c>
      <c r="MW29" s="109">
        <v>7178137</v>
      </c>
      <c r="MX29" s="109">
        <v>22130543</v>
      </c>
      <c r="MY29" s="109">
        <v>18244365</v>
      </c>
      <c r="MZ29" s="110">
        <v>47553045</v>
      </c>
      <c r="NA29" s="130">
        <v>47553045</v>
      </c>
      <c r="NB29" s="129">
        <v>0</v>
      </c>
      <c r="NC29" s="109">
        <v>0</v>
      </c>
      <c r="ND29" s="110">
        <v>0</v>
      </c>
      <c r="NE29" s="132"/>
      <c r="NF29" s="109">
        <v>2655914</v>
      </c>
      <c r="NG29" s="109">
        <v>2198605</v>
      </c>
      <c r="NH29" s="109">
        <v>7775424</v>
      </c>
      <c r="NI29" s="109">
        <v>9131163</v>
      </c>
      <c r="NJ29" s="109">
        <v>4941462</v>
      </c>
      <c r="NK29" s="110">
        <v>26702568</v>
      </c>
      <c r="NL29" s="298">
        <v>26702568</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3166590</v>
      </c>
      <c r="OJ29" s="109">
        <v>3433472</v>
      </c>
      <c r="OK29" s="128">
        <v>6600062</v>
      </c>
      <c r="OL29" s="108">
        <v>0</v>
      </c>
      <c r="OM29" s="109">
        <v>35918394</v>
      </c>
      <c r="ON29" s="109">
        <v>35719686</v>
      </c>
      <c r="OO29" s="109">
        <v>45314147</v>
      </c>
      <c r="OP29" s="109">
        <v>61441618</v>
      </c>
      <c r="OQ29" s="109">
        <v>44399775</v>
      </c>
      <c r="OR29" s="110">
        <v>222793620</v>
      </c>
      <c r="OS29" s="130">
        <v>229393682</v>
      </c>
    </row>
    <row r="30" spans="2:409" ht="21" customHeight="1" x14ac:dyDescent="0.2">
      <c r="B30" s="472" t="s">
        <v>25</v>
      </c>
      <c r="C30" s="100">
        <v>2490037</v>
      </c>
      <c r="D30" s="104">
        <v>4305037</v>
      </c>
      <c r="E30" s="103">
        <v>6795074</v>
      </c>
      <c r="F30" s="99">
        <v>0</v>
      </c>
      <c r="G30" s="104">
        <v>28475282</v>
      </c>
      <c r="H30" s="104">
        <v>32416828</v>
      </c>
      <c r="I30" s="104">
        <v>28416499</v>
      </c>
      <c r="J30" s="104">
        <v>26647217</v>
      </c>
      <c r="K30" s="104">
        <v>16432470</v>
      </c>
      <c r="L30" s="160">
        <v>132388296</v>
      </c>
      <c r="M30" s="106">
        <v>139183370</v>
      </c>
      <c r="N30" s="100">
        <v>564541</v>
      </c>
      <c r="O30" s="104">
        <v>1481622</v>
      </c>
      <c r="P30" s="103">
        <v>2046163</v>
      </c>
      <c r="Q30" s="100">
        <v>0</v>
      </c>
      <c r="R30" s="104">
        <v>7780719</v>
      </c>
      <c r="S30" s="104">
        <v>10268554</v>
      </c>
      <c r="T30" s="104">
        <v>9461544</v>
      </c>
      <c r="U30" s="104">
        <v>8331322</v>
      </c>
      <c r="V30" s="104">
        <v>9910737</v>
      </c>
      <c r="W30" s="103">
        <v>45752876</v>
      </c>
      <c r="X30" s="106">
        <v>47799039</v>
      </c>
      <c r="Y30" s="100">
        <v>0</v>
      </c>
      <c r="Z30" s="104">
        <v>0</v>
      </c>
      <c r="AA30" s="103">
        <v>0</v>
      </c>
      <c r="AB30" s="100">
        <v>0</v>
      </c>
      <c r="AC30" s="104">
        <v>3786486</v>
      </c>
      <c r="AD30" s="104">
        <v>4934021</v>
      </c>
      <c r="AE30" s="104">
        <v>5443641</v>
      </c>
      <c r="AF30" s="104">
        <v>4737416</v>
      </c>
      <c r="AG30" s="104">
        <v>6507082</v>
      </c>
      <c r="AH30" s="103">
        <v>25408646</v>
      </c>
      <c r="AI30" s="106">
        <v>25408646</v>
      </c>
      <c r="AJ30" s="100">
        <v>0</v>
      </c>
      <c r="AK30" s="104">
        <v>0</v>
      </c>
      <c r="AL30" s="103">
        <v>0</v>
      </c>
      <c r="AM30" s="100">
        <v>0</v>
      </c>
      <c r="AN30" s="104">
        <v>121047</v>
      </c>
      <c r="AO30" s="104">
        <v>657710</v>
      </c>
      <c r="AP30" s="104">
        <v>951159</v>
      </c>
      <c r="AQ30" s="104">
        <v>992978</v>
      </c>
      <c r="AR30" s="104">
        <v>1359417</v>
      </c>
      <c r="AS30" s="103">
        <v>4082311</v>
      </c>
      <c r="AT30" s="106">
        <v>4082311</v>
      </c>
      <c r="AU30" s="100">
        <v>389601</v>
      </c>
      <c r="AV30" s="104">
        <v>1251674</v>
      </c>
      <c r="AW30" s="103">
        <v>1641275</v>
      </c>
      <c r="AX30" s="100">
        <v>0</v>
      </c>
      <c r="AY30" s="104">
        <v>2905958</v>
      </c>
      <c r="AZ30" s="104">
        <v>3268236</v>
      </c>
      <c r="BA30" s="104">
        <v>1931215</v>
      </c>
      <c r="BB30" s="104">
        <v>1360982</v>
      </c>
      <c r="BC30" s="104">
        <v>1267348</v>
      </c>
      <c r="BD30" s="103">
        <v>10733739</v>
      </c>
      <c r="BE30" s="106">
        <v>12375014</v>
      </c>
      <c r="BF30" s="100">
        <v>50521</v>
      </c>
      <c r="BG30" s="104">
        <v>75200</v>
      </c>
      <c r="BH30" s="102">
        <v>125721</v>
      </c>
      <c r="BI30" s="101">
        <v>0</v>
      </c>
      <c r="BJ30" s="104">
        <v>48842</v>
      </c>
      <c r="BK30" s="104">
        <v>397555</v>
      </c>
      <c r="BL30" s="104">
        <v>214582</v>
      </c>
      <c r="BM30" s="104">
        <v>118742</v>
      </c>
      <c r="BN30" s="104">
        <v>146392</v>
      </c>
      <c r="BO30" s="103">
        <v>926113</v>
      </c>
      <c r="BP30" s="106">
        <v>1051834</v>
      </c>
      <c r="BQ30" s="100">
        <v>124419</v>
      </c>
      <c r="BR30" s="104">
        <v>154748</v>
      </c>
      <c r="BS30" s="103">
        <v>279167</v>
      </c>
      <c r="BT30" s="100">
        <v>0</v>
      </c>
      <c r="BU30" s="104">
        <v>918386</v>
      </c>
      <c r="BV30" s="104">
        <v>1011032</v>
      </c>
      <c r="BW30" s="104">
        <v>920947</v>
      </c>
      <c r="BX30" s="104">
        <v>1121204</v>
      </c>
      <c r="BY30" s="104">
        <v>630498</v>
      </c>
      <c r="BZ30" s="103">
        <v>4602067</v>
      </c>
      <c r="CA30" s="106">
        <v>4881234</v>
      </c>
      <c r="CB30" s="100">
        <v>364460</v>
      </c>
      <c r="CC30" s="104">
        <v>595890</v>
      </c>
      <c r="CD30" s="103">
        <v>960350</v>
      </c>
      <c r="CE30" s="100">
        <v>0</v>
      </c>
      <c r="CF30" s="104">
        <v>10976894</v>
      </c>
      <c r="CG30" s="104">
        <v>10766001</v>
      </c>
      <c r="CH30" s="104">
        <v>8275518</v>
      </c>
      <c r="CI30" s="104">
        <v>7099646</v>
      </c>
      <c r="CJ30" s="104">
        <v>1267666</v>
      </c>
      <c r="CK30" s="103">
        <v>38385725</v>
      </c>
      <c r="CL30" s="106">
        <v>39346075</v>
      </c>
      <c r="CM30" s="100">
        <v>0</v>
      </c>
      <c r="CN30" s="104">
        <v>0</v>
      </c>
      <c r="CO30" s="103">
        <v>0</v>
      </c>
      <c r="CP30" s="101">
        <v>0</v>
      </c>
      <c r="CQ30" s="104">
        <v>9247581</v>
      </c>
      <c r="CR30" s="104">
        <v>6574829</v>
      </c>
      <c r="CS30" s="104">
        <v>6234196</v>
      </c>
      <c r="CT30" s="104">
        <v>5460066</v>
      </c>
      <c r="CU30" s="104">
        <v>915946</v>
      </c>
      <c r="CV30" s="103">
        <v>28432618</v>
      </c>
      <c r="CW30" s="106">
        <v>28432618</v>
      </c>
      <c r="CX30" s="100">
        <v>364460</v>
      </c>
      <c r="CY30" s="104">
        <v>595890</v>
      </c>
      <c r="CZ30" s="103">
        <v>960350</v>
      </c>
      <c r="DA30" s="100">
        <v>0</v>
      </c>
      <c r="DB30" s="104">
        <v>1729313</v>
      </c>
      <c r="DC30" s="104">
        <v>4191172</v>
      </c>
      <c r="DD30" s="104">
        <v>2041322</v>
      </c>
      <c r="DE30" s="104">
        <v>1639580</v>
      </c>
      <c r="DF30" s="104">
        <v>351720</v>
      </c>
      <c r="DG30" s="103">
        <v>9953107</v>
      </c>
      <c r="DH30" s="106">
        <v>10913457</v>
      </c>
      <c r="DI30" s="100">
        <v>0</v>
      </c>
      <c r="DJ30" s="104">
        <v>53683</v>
      </c>
      <c r="DK30" s="102">
        <v>53683</v>
      </c>
      <c r="DL30" s="101">
        <v>0</v>
      </c>
      <c r="DM30" s="104">
        <v>821596</v>
      </c>
      <c r="DN30" s="104">
        <v>1782271</v>
      </c>
      <c r="DO30" s="104">
        <v>2779776</v>
      </c>
      <c r="DP30" s="104">
        <v>2072385</v>
      </c>
      <c r="DQ30" s="104">
        <v>549138</v>
      </c>
      <c r="DR30" s="103">
        <v>8005166</v>
      </c>
      <c r="DS30" s="106">
        <v>8058849</v>
      </c>
      <c r="DT30" s="100">
        <v>0</v>
      </c>
      <c r="DU30" s="104">
        <v>53683</v>
      </c>
      <c r="DV30" s="103">
        <v>53683</v>
      </c>
      <c r="DW30" s="100">
        <v>0</v>
      </c>
      <c r="DX30" s="104">
        <v>785784</v>
      </c>
      <c r="DY30" s="104">
        <v>1438170</v>
      </c>
      <c r="DZ30" s="104">
        <v>2264993</v>
      </c>
      <c r="EA30" s="104">
        <v>1558651</v>
      </c>
      <c r="EB30" s="104">
        <v>229710</v>
      </c>
      <c r="EC30" s="103">
        <v>6277308</v>
      </c>
      <c r="ED30" s="106">
        <v>6330991</v>
      </c>
      <c r="EE30" s="100">
        <v>0</v>
      </c>
      <c r="EF30" s="102">
        <v>0</v>
      </c>
      <c r="EG30" s="103">
        <v>0</v>
      </c>
      <c r="EH30" s="100">
        <v>0</v>
      </c>
      <c r="EI30" s="104">
        <v>35812</v>
      </c>
      <c r="EJ30" s="104">
        <v>344101</v>
      </c>
      <c r="EK30" s="104">
        <v>514783</v>
      </c>
      <c r="EL30" s="104">
        <v>513734</v>
      </c>
      <c r="EM30" s="104">
        <v>319428</v>
      </c>
      <c r="EN30" s="102">
        <v>1727858</v>
      </c>
      <c r="EO30" s="106">
        <v>1727858</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733057</v>
      </c>
      <c r="FM30" s="104">
        <v>1002768</v>
      </c>
      <c r="FN30" s="103">
        <v>1735825</v>
      </c>
      <c r="FO30" s="100">
        <v>0</v>
      </c>
      <c r="FP30" s="104">
        <v>1122961</v>
      </c>
      <c r="FQ30" s="104">
        <v>3490074</v>
      </c>
      <c r="FR30" s="104">
        <v>2344998</v>
      </c>
      <c r="FS30" s="104">
        <v>1945421</v>
      </c>
      <c r="FT30" s="104">
        <v>982868</v>
      </c>
      <c r="FU30" s="103">
        <v>9886322</v>
      </c>
      <c r="FV30" s="106">
        <v>11622147</v>
      </c>
      <c r="FW30" s="105">
        <v>373057</v>
      </c>
      <c r="FX30" s="104">
        <v>901968</v>
      </c>
      <c r="FY30" s="102">
        <v>1275025</v>
      </c>
      <c r="FZ30" s="101">
        <v>0</v>
      </c>
      <c r="GA30" s="104">
        <v>959452</v>
      </c>
      <c r="GB30" s="104">
        <v>3095442</v>
      </c>
      <c r="GC30" s="104">
        <v>2141733</v>
      </c>
      <c r="GD30" s="104">
        <v>1912121</v>
      </c>
      <c r="GE30" s="104">
        <v>982868</v>
      </c>
      <c r="GF30" s="103">
        <v>9091616</v>
      </c>
      <c r="GG30" s="296">
        <v>10366641</v>
      </c>
      <c r="GH30" s="105">
        <v>0</v>
      </c>
      <c r="GI30" s="104">
        <v>0</v>
      </c>
      <c r="GJ30" s="102">
        <v>0</v>
      </c>
      <c r="GK30" s="101">
        <v>0</v>
      </c>
      <c r="GL30" s="104">
        <v>108009</v>
      </c>
      <c r="GM30" s="104">
        <v>202302</v>
      </c>
      <c r="GN30" s="104">
        <v>62100</v>
      </c>
      <c r="GO30" s="104">
        <v>33300</v>
      </c>
      <c r="GP30" s="104">
        <v>0</v>
      </c>
      <c r="GQ30" s="103">
        <v>405711</v>
      </c>
      <c r="GR30" s="106">
        <v>405711</v>
      </c>
      <c r="GS30" s="100">
        <v>360000</v>
      </c>
      <c r="GT30" s="104">
        <v>100800</v>
      </c>
      <c r="GU30" s="103">
        <v>460800</v>
      </c>
      <c r="GV30" s="100">
        <v>0</v>
      </c>
      <c r="GW30" s="104">
        <v>55500</v>
      </c>
      <c r="GX30" s="104">
        <v>192330</v>
      </c>
      <c r="GY30" s="104">
        <v>141165</v>
      </c>
      <c r="GZ30" s="104">
        <v>0</v>
      </c>
      <c r="HA30" s="104">
        <v>0</v>
      </c>
      <c r="HB30" s="102">
        <v>388995</v>
      </c>
      <c r="HC30" s="106">
        <v>849795</v>
      </c>
      <c r="HD30" s="100">
        <v>354435</v>
      </c>
      <c r="HE30" s="104">
        <v>405080</v>
      </c>
      <c r="HF30" s="102">
        <v>759515</v>
      </c>
      <c r="HG30" s="101">
        <v>0</v>
      </c>
      <c r="HH30" s="104">
        <v>2876762</v>
      </c>
      <c r="HI30" s="104">
        <v>2257845</v>
      </c>
      <c r="HJ30" s="104">
        <v>2867667</v>
      </c>
      <c r="HK30" s="104">
        <v>5257217</v>
      </c>
      <c r="HL30" s="104">
        <v>2877514</v>
      </c>
      <c r="HM30" s="103">
        <v>16137005</v>
      </c>
      <c r="HN30" s="99">
        <v>16896520</v>
      </c>
      <c r="HO30" s="105">
        <v>473544</v>
      </c>
      <c r="HP30" s="104">
        <v>765994</v>
      </c>
      <c r="HQ30" s="103">
        <v>1239538</v>
      </c>
      <c r="HR30" s="100">
        <v>0</v>
      </c>
      <c r="HS30" s="104">
        <v>4896350</v>
      </c>
      <c r="HT30" s="104">
        <v>3852083</v>
      </c>
      <c r="HU30" s="104">
        <v>2686996</v>
      </c>
      <c r="HV30" s="104">
        <v>1941226</v>
      </c>
      <c r="HW30" s="104">
        <v>844547</v>
      </c>
      <c r="HX30" s="102">
        <v>14221202</v>
      </c>
      <c r="HY30" s="106">
        <v>15460740</v>
      </c>
      <c r="HZ30" s="137">
        <v>87720</v>
      </c>
      <c r="IA30" s="122">
        <v>0</v>
      </c>
      <c r="IB30" s="137">
        <v>87720</v>
      </c>
      <c r="IC30" s="121">
        <v>0</v>
      </c>
      <c r="ID30" s="122">
        <v>7427561</v>
      </c>
      <c r="IE30" s="123">
        <v>4945639</v>
      </c>
      <c r="IF30" s="124">
        <v>4548812</v>
      </c>
      <c r="IG30" s="122">
        <v>2981733</v>
      </c>
      <c r="IH30" s="124">
        <v>352827</v>
      </c>
      <c r="II30" s="125">
        <v>20256572</v>
      </c>
      <c r="IJ30" s="137">
        <v>20344292</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4628050</v>
      </c>
      <c r="JL30" s="109">
        <v>1859200</v>
      </c>
      <c r="JM30" s="109">
        <v>1397977</v>
      </c>
      <c r="JN30" s="109">
        <v>442436</v>
      </c>
      <c r="JO30" s="109">
        <v>54539</v>
      </c>
      <c r="JP30" s="110">
        <v>8382202</v>
      </c>
      <c r="JQ30" s="298">
        <v>8382202</v>
      </c>
      <c r="JR30" s="129">
        <v>0</v>
      </c>
      <c r="JS30" s="109">
        <v>0</v>
      </c>
      <c r="JT30" s="128">
        <v>0</v>
      </c>
      <c r="JU30" s="108">
        <v>0</v>
      </c>
      <c r="JV30" s="109">
        <v>0</v>
      </c>
      <c r="JW30" s="109">
        <v>0</v>
      </c>
      <c r="JX30" s="109">
        <v>0</v>
      </c>
      <c r="JY30" s="109">
        <v>0</v>
      </c>
      <c r="JZ30" s="109">
        <v>0</v>
      </c>
      <c r="KA30" s="110">
        <v>0</v>
      </c>
      <c r="KB30" s="298">
        <v>0</v>
      </c>
      <c r="KC30" s="221">
        <v>87720</v>
      </c>
      <c r="KD30" s="217">
        <v>0</v>
      </c>
      <c r="KE30" s="110">
        <v>87720</v>
      </c>
      <c r="KF30" s="108">
        <v>0</v>
      </c>
      <c r="KG30" s="109">
        <v>239044</v>
      </c>
      <c r="KH30" s="109">
        <v>1167491</v>
      </c>
      <c r="KI30" s="109">
        <v>495608</v>
      </c>
      <c r="KJ30" s="109">
        <v>820108</v>
      </c>
      <c r="KK30" s="109">
        <v>0</v>
      </c>
      <c r="KL30" s="110">
        <v>2722251</v>
      </c>
      <c r="KM30" s="130">
        <v>2809971</v>
      </c>
      <c r="KN30" s="219">
        <v>0</v>
      </c>
      <c r="KO30" s="223">
        <v>0</v>
      </c>
      <c r="KP30" s="224">
        <v>0</v>
      </c>
      <c r="KQ30" s="127"/>
      <c r="KR30" s="109">
        <v>2560467</v>
      </c>
      <c r="KS30" s="109">
        <v>1918948</v>
      </c>
      <c r="KT30" s="109">
        <v>2655227</v>
      </c>
      <c r="KU30" s="109">
        <v>1719189</v>
      </c>
      <c r="KV30" s="109">
        <v>298288</v>
      </c>
      <c r="KW30" s="110">
        <v>9152119</v>
      </c>
      <c r="KX30" s="298">
        <v>9152119</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2683648</v>
      </c>
      <c r="MK30" s="109">
        <v>6223905</v>
      </c>
      <c r="ML30" s="109">
        <v>20210093</v>
      </c>
      <c r="MM30" s="109">
        <v>37934043</v>
      </c>
      <c r="MN30" s="109">
        <v>24380579</v>
      </c>
      <c r="MO30" s="110">
        <v>91432268</v>
      </c>
      <c r="MP30" s="130">
        <v>91432268</v>
      </c>
      <c r="MQ30" s="129">
        <v>0</v>
      </c>
      <c r="MR30" s="109">
        <v>0</v>
      </c>
      <c r="MS30" s="110">
        <v>0</v>
      </c>
      <c r="MT30" s="132"/>
      <c r="MU30" s="109">
        <v>219499</v>
      </c>
      <c r="MV30" s="109">
        <v>1425072</v>
      </c>
      <c r="MW30" s="109">
        <v>15536549</v>
      </c>
      <c r="MX30" s="109">
        <v>20621719</v>
      </c>
      <c r="MY30" s="109">
        <v>17049359</v>
      </c>
      <c r="MZ30" s="110">
        <v>54852198</v>
      </c>
      <c r="NA30" s="130">
        <v>54852198</v>
      </c>
      <c r="NB30" s="129">
        <v>0</v>
      </c>
      <c r="NC30" s="109">
        <v>0</v>
      </c>
      <c r="ND30" s="110">
        <v>0</v>
      </c>
      <c r="NE30" s="132"/>
      <c r="NF30" s="109">
        <v>2464149</v>
      </c>
      <c r="NG30" s="109">
        <v>4798833</v>
      </c>
      <c r="NH30" s="109">
        <v>4673544</v>
      </c>
      <c r="NI30" s="109">
        <v>17248646</v>
      </c>
      <c r="NJ30" s="109">
        <v>6474516</v>
      </c>
      <c r="NK30" s="110">
        <v>35659688</v>
      </c>
      <c r="NL30" s="298">
        <v>35659688</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63678</v>
      </c>
      <c r="OF30" s="109">
        <v>856704</v>
      </c>
      <c r="OG30" s="110">
        <v>920382</v>
      </c>
      <c r="OH30" s="111">
        <v>920382</v>
      </c>
      <c r="OI30" s="129">
        <v>2577757</v>
      </c>
      <c r="OJ30" s="109">
        <v>4305037</v>
      </c>
      <c r="OK30" s="128">
        <v>6882794</v>
      </c>
      <c r="OL30" s="108">
        <v>0</v>
      </c>
      <c r="OM30" s="109">
        <v>38586491</v>
      </c>
      <c r="ON30" s="109">
        <v>43586372</v>
      </c>
      <c r="OO30" s="109">
        <v>53175404</v>
      </c>
      <c r="OP30" s="109">
        <v>67562993</v>
      </c>
      <c r="OQ30" s="109">
        <v>41165876</v>
      </c>
      <c r="OR30" s="110">
        <v>244077136</v>
      </c>
      <c r="OS30" s="130">
        <v>250959930</v>
      </c>
    </row>
    <row r="31" spans="2:409" ht="21" customHeight="1" x14ac:dyDescent="0.2">
      <c r="B31" s="472" t="s">
        <v>26</v>
      </c>
      <c r="C31" s="100">
        <v>2300154</v>
      </c>
      <c r="D31" s="104">
        <v>2561356</v>
      </c>
      <c r="E31" s="103">
        <v>4861510</v>
      </c>
      <c r="F31" s="99">
        <v>0</v>
      </c>
      <c r="G31" s="104">
        <v>24130067</v>
      </c>
      <c r="H31" s="104">
        <v>26927927</v>
      </c>
      <c r="I31" s="104">
        <v>27555527</v>
      </c>
      <c r="J31" s="104">
        <v>19414488</v>
      </c>
      <c r="K31" s="104">
        <v>17099590</v>
      </c>
      <c r="L31" s="160">
        <v>115127599</v>
      </c>
      <c r="M31" s="106">
        <v>119989109</v>
      </c>
      <c r="N31" s="100">
        <v>352306</v>
      </c>
      <c r="O31" s="104">
        <v>483644</v>
      </c>
      <c r="P31" s="103">
        <v>835950</v>
      </c>
      <c r="Q31" s="100">
        <v>0</v>
      </c>
      <c r="R31" s="104">
        <v>6023968</v>
      </c>
      <c r="S31" s="104">
        <v>7874508</v>
      </c>
      <c r="T31" s="104">
        <v>8962268</v>
      </c>
      <c r="U31" s="104">
        <v>7225345</v>
      </c>
      <c r="V31" s="104">
        <v>9123039</v>
      </c>
      <c r="W31" s="103">
        <v>39209128</v>
      </c>
      <c r="X31" s="106">
        <v>40045078</v>
      </c>
      <c r="Y31" s="100">
        <v>0</v>
      </c>
      <c r="Z31" s="104">
        <v>0</v>
      </c>
      <c r="AA31" s="103">
        <v>0</v>
      </c>
      <c r="AB31" s="100">
        <v>0</v>
      </c>
      <c r="AC31" s="104">
        <v>2925957</v>
      </c>
      <c r="AD31" s="104">
        <v>4346589</v>
      </c>
      <c r="AE31" s="104">
        <v>5296490</v>
      </c>
      <c r="AF31" s="104">
        <v>4275318</v>
      </c>
      <c r="AG31" s="104">
        <v>5891450</v>
      </c>
      <c r="AH31" s="103">
        <v>22735804</v>
      </c>
      <c r="AI31" s="106">
        <v>22735804</v>
      </c>
      <c r="AJ31" s="100">
        <v>0</v>
      </c>
      <c r="AK31" s="104">
        <v>0</v>
      </c>
      <c r="AL31" s="103">
        <v>0</v>
      </c>
      <c r="AM31" s="100">
        <v>0</v>
      </c>
      <c r="AN31" s="104">
        <v>0</v>
      </c>
      <c r="AO31" s="104">
        <v>11856</v>
      </c>
      <c r="AP31" s="104">
        <v>105216</v>
      </c>
      <c r="AQ31" s="104">
        <v>587377</v>
      </c>
      <c r="AR31" s="104">
        <v>755210</v>
      </c>
      <c r="AS31" s="103">
        <v>1459659</v>
      </c>
      <c r="AT31" s="106">
        <v>1459659</v>
      </c>
      <c r="AU31" s="100">
        <v>172560</v>
      </c>
      <c r="AV31" s="104">
        <v>309503</v>
      </c>
      <c r="AW31" s="103">
        <v>482063</v>
      </c>
      <c r="AX31" s="100">
        <v>0</v>
      </c>
      <c r="AY31" s="104">
        <v>2234173</v>
      </c>
      <c r="AZ31" s="104">
        <v>2345607</v>
      </c>
      <c r="BA31" s="104">
        <v>2026463</v>
      </c>
      <c r="BB31" s="104">
        <v>1514464</v>
      </c>
      <c r="BC31" s="104">
        <v>1876340</v>
      </c>
      <c r="BD31" s="103">
        <v>9997047</v>
      </c>
      <c r="BE31" s="106">
        <v>10479110</v>
      </c>
      <c r="BF31" s="100">
        <v>23547</v>
      </c>
      <c r="BG31" s="104">
        <v>61108</v>
      </c>
      <c r="BH31" s="102">
        <v>84655</v>
      </c>
      <c r="BI31" s="101">
        <v>0</v>
      </c>
      <c r="BJ31" s="104">
        <v>17775</v>
      </c>
      <c r="BK31" s="104">
        <v>223481</v>
      </c>
      <c r="BL31" s="104">
        <v>397813</v>
      </c>
      <c r="BM31" s="104">
        <v>73762</v>
      </c>
      <c r="BN31" s="104">
        <v>108585</v>
      </c>
      <c r="BO31" s="103">
        <v>821416</v>
      </c>
      <c r="BP31" s="106">
        <v>906071</v>
      </c>
      <c r="BQ31" s="100">
        <v>156199</v>
      </c>
      <c r="BR31" s="104">
        <v>113033</v>
      </c>
      <c r="BS31" s="103">
        <v>269232</v>
      </c>
      <c r="BT31" s="100">
        <v>0</v>
      </c>
      <c r="BU31" s="104">
        <v>846063</v>
      </c>
      <c r="BV31" s="104">
        <v>946975</v>
      </c>
      <c r="BW31" s="104">
        <v>1136286</v>
      </c>
      <c r="BX31" s="104">
        <v>774424</v>
      </c>
      <c r="BY31" s="104">
        <v>491454</v>
      </c>
      <c r="BZ31" s="103">
        <v>4195202</v>
      </c>
      <c r="CA31" s="106">
        <v>4464434</v>
      </c>
      <c r="CB31" s="100">
        <v>156927</v>
      </c>
      <c r="CC31" s="104">
        <v>283962</v>
      </c>
      <c r="CD31" s="103">
        <v>440889</v>
      </c>
      <c r="CE31" s="100">
        <v>0</v>
      </c>
      <c r="CF31" s="104">
        <v>7052241</v>
      </c>
      <c r="CG31" s="104">
        <v>8220859</v>
      </c>
      <c r="CH31" s="104">
        <v>6094072</v>
      </c>
      <c r="CI31" s="104">
        <v>3222834</v>
      </c>
      <c r="CJ31" s="104">
        <v>2150715</v>
      </c>
      <c r="CK31" s="103">
        <v>26740721</v>
      </c>
      <c r="CL31" s="106">
        <v>27181610</v>
      </c>
      <c r="CM31" s="100">
        <v>0</v>
      </c>
      <c r="CN31" s="104">
        <v>0</v>
      </c>
      <c r="CO31" s="103">
        <v>0</v>
      </c>
      <c r="CP31" s="101">
        <v>0</v>
      </c>
      <c r="CQ31" s="104">
        <v>5958813</v>
      </c>
      <c r="CR31" s="104">
        <v>6506789</v>
      </c>
      <c r="CS31" s="104">
        <v>5035009</v>
      </c>
      <c r="CT31" s="104">
        <v>2425906</v>
      </c>
      <c r="CU31" s="104">
        <v>1444060</v>
      </c>
      <c r="CV31" s="103">
        <v>21370577</v>
      </c>
      <c r="CW31" s="106">
        <v>21370577</v>
      </c>
      <c r="CX31" s="100">
        <v>156927</v>
      </c>
      <c r="CY31" s="104">
        <v>283962</v>
      </c>
      <c r="CZ31" s="103">
        <v>440889</v>
      </c>
      <c r="DA31" s="100">
        <v>0</v>
      </c>
      <c r="DB31" s="104">
        <v>1093428</v>
      </c>
      <c r="DC31" s="104">
        <v>1714070</v>
      </c>
      <c r="DD31" s="104">
        <v>1059063</v>
      </c>
      <c r="DE31" s="104">
        <v>796928</v>
      </c>
      <c r="DF31" s="104">
        <v>706655</v>
      </c>
      <c r="DG31" s="103">
        <v>5370144</v>
      </c>
      <c r="DH31" s="106">
        <v>5811033</v>
      </c>
      <c r="DI31" s="100">
        <v>54335</v>
      </c>
      <c r="DJ31" s="104">
        <v>25047</v>
      </c>
      <c r="DK31" s="102">
        <v>79382</v>
      </c>
      <c r="DL31" s="101">
        <v>0</v>
      </c>
      <c r="DM31" s="104">
        <v>1015359</v>
      </c>
      <c r="DN31" s="104">
        <v>1389596</v>
      </c>
      <c r="DO31" s="104">
        <v>2166367</v>
      </c>
      <c r="DP31" s="104">
        <v>2384532</v>
      </c>
      <c r="DQ31" s="104">
        <v>1039242</v>
      </c>
      <c r="DR31" s="103">
        <v>7995096</v>
      </c>
      <c r="DS31" s="106">
        <v>8074478</v>
      </c>
      <c r="DT31" s="100">
        <v>54335</v>
      </c>
      <c r="DU31" s="104">
        <v>25047</v>
      </c>
      <c r="DV31" s="103">
        <v>79382</v>
      </c>
      <c r="DW31" s="100">
        <v>0</v>
      </c>
      <c r="DX31" s="104">
        <v>941601</v>
      </c>
      <c r="DY31" s="104">
        <v>1214008</v>
      </c>
      <c r="DZ31" s="104">
        <v>1847214</v>
      </c>
      <c r="EA31" s="104">
        <v>2060661</v>
      </c>
      <c r="EB31" s="104">
        <v>924944</v>
      </c>
      <c r="EC31" s="103">
        <v>6988428</v>
      </c>
      <c r="ED31" s="106">
        <v>7067810</v>
      </c>
      <c r="EE31" s="100">
        <v>0</v>
      </c>
      <c r="EF31" s="102">
        <v>0</v>
      </c>
      <c r="EG31" s="103">
        <v>0</v>
      </c>
      <c r="EH31" s="100">
        <v>0</v>
      </c>
      <c r="EI31" s="104">
        <v>73758</v>
      </c>
      <c r="EJ31" s="104">
        <v>175588</v>
      </c>
      <c r="EK31" s="104">
        <v>319153</v>
      </c>
      <c r="EL31" s="104">
        <v>323871</v>
      </c>
      <c r="EM31" s="104">
        <v>114298</v>
      </c>
      <c r="EN31" s="102">
        <v>1006668</v>
      </c>
      <c r="EO31" s="106">
        <v>1006668</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926190</v>
      </c>
      <c r="FM31" s="104">
        <v>671380</v>
      </c>
      <c r="FN31" s="103">
        <v>1597570</v>
      </c>
      <c r="FO31" s="100">
        <v>0</v>
      </c>
      <c r="FP31" s="104">
        <v>1595808</v>
      </c>
      <c r="FQ31" s="104">
        <v>2247734</v>
      </c>
      <c r="FR31" s="104">
        <v>1912927</v>
      </c>
      <c r="FS31" s="104">
        <v>1795994</v>
      </c>
      <c r="FT31" s="104">
        <v>1595035</v>
      </c>
      <c r="FU31" s="103">
        <v>9147498</v>
      </c>
      <c r="FV31" s="106">
        <v>10745068</v>
      </c>
      <c r="FW31" s="105">
        <v>289620</v>
      </c>
      <c r="FX31" s="104">
        <v>484207</v>
      </c>
      <c r="FY31" s="102">
        <v>773827</v>
      </c>
      <c r="FZ31" s="101">
        <v>0</v>
      </c>
      <c r="GA31" s="104">
        <v>1140719</v>
      </c>
      <c r="GB31" s="104">
        <v>2214338</v>
      </c>
      <c r="GC31" s="104">
        <v>1768567</v>
      </c>
      <c r="GD31" s="104">
        <v>1679669</v>
      </c>
      <c r="GE31" s="104">
        <v>1476840</v>
      </c>
      <c r="GF31" s="103">
        <v>8280133</v>
      </c>
      <c r="GG31" s="296">
        <v>9053960</v>
      </c>
      <c r="GH31" s="105">
        <v>56250</v>
      </c>
      <c r="GI31" s="104">
        <v>59103</v>
      </c>
      <c r="GJ31" s="102">
        <v>115353</v>
      </c>
      <c r="GK31" s="101">
        <v>0</v>
      </c>
      <c r="GL31" s="104">
        <v>120316</v>
      </c>
      <c r="GM31" s="104">
        <v>33396</v>
      </c>
      <c r="GN31" s="104">
        <v>67320</v>
      </c>
      <c r="GO31" s="104">
        <v>49005</v>
      </c>
      <c r="GP31" s="104">
        <v>0</v>
      </c>
      <c r="GQ31" s="103">
        <v>270037</v>
      </c>
      <c r="GR31" s="106">
        <v>385390</v>
      </c>
      <c r="GS31" s="100">
        <v>580320</v>
      </c>
      <c r="GT31" s="104">
        <v>128070</v>
      </c>
      <c r="GU31" s="103">
        <v>708390</v>
      </c>
      <c r="GV31" s="100">
        <v>0</v>
      </c>
      <c r="GW31" s="104">
        <v>334773</v>
      </c>
      <c r="GX31" s="104">
        <v>0</v>
      </c>
      <c r="GY31" s="104">
        <v>77040</v>
      </c>
      <c r="GZ31" s="104">
        <v>67320</v>
      </c>
      <c r="HA31" s="104">
        <v>118195</v>
      </c>
      <c r="HB31" s="102">
        <v>597328</v>
      </c>
      <c r="HC31" s="106">
        <v>1305718</v>
      </c>
      <c r="HD31" s="100">
        <v>466230</v>
      </c>
      <c r="HE31" s="104">
        <v>599082</v>
      </c>
      <c r="HF31" s="102">
        <v>1065312</v>
      </c>
      <c r="HG31" s="101">
        <v>0</v>
      </c>
      <c r="HH31" s="104">
        <v>4002530</v>
      </c>
      <c r="HI31" s="104">
        <v>3606588</v>
      </c>
      <c r="HJ31" s="104">
        <v>5617880</v>
      </c>
      <c r="HK31" s="104">
        <v>3046272</v>
      </c>
      <c r="HL31" s="104">
        <v>2069636</v>
      </c>
      <c r="HM31" s="103">
        <v>18342906</v>
      </c>
      <c r="HN31" s="99">
        <v>19408218</v>
      </c>
      <c r="HO31" s="105">
        <v>344166</v>
      </c>
      <c r="HP31" s="104">
        <v>498241</v>
      </c>
      <c r="HQ31" s="103">
        <v>842407</v>
      </c>
      <c r="HR31" s="100">
        <v>0</v>
      </c>
      <c r="HS31" s="104">
        <v>4440161</v>
      </c>
      <c r="HT31" s="104">
        <v>3588642</v>
      </c>
      <c r="HU31" s="104">
        <v>2802013</v>
      </c>
      <c r="HV31" s="104">
        <v>1739511</v>
      </c>
      <c r="HW31" s="104">
        <v>1121923</v>
      </c>
      <c r="HX31" s="102">
        <v>13692250</v>
      </c>
      <c r="HY31" s="106">
        <v>14534657</v>
      </c>
      <c r="HZ31" s="118">
        <v>54693</v>
      </c>
      <c r="IA31" s="119">
        <v>182396</v>
      </c>
      <c r="IB31" s="120">
        <v>237089</v>
      </c>
      <c r="IC31" s="133">
        <v>0</v>
      </c>
      <c r="ID31" s="119">
        <v>5233229</v>
      </c>
      <c r="IE31" s="134">
        <v>8219446</v>
      </c>
      <c r="IF31" s="120">
        <v>10517394</v>
      </c>
      <c r="IG31" s="119">
        <v>4501994</v>
      </c>
      <c r="IH31" s="120">
        <v>1803024</v>
      </c>
      <c r="II31" s="135">
        <v>30275087</v>
      </c>
      <c r="IJ31" s="126">
        <v>30512176</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472488</v>
      </c>
      <c r="JL31" s="109">
        <v>2842148</v>
      </c>
      <c r="JM31" s="109">
        <v>2957113</v>
      </c>
      <c r="JN31" s="109">
        <v>671628</v>
      </c>
      <c r="JO31" s="109">
        <v>731742</v>
      </c>
      <c r="JP31" s="110">
        <v>9675119</v>
      </c>
      <c r="JQ31" s="298">
        <v>9675119</v>
      </c>
      <c r="JR31" s="129">
        <v>0</v>
      </c>
      <c r="JS31" s="109">
        <v>0</v>
      </c>
      <c r="JT31" s="128">
        <v>0</v>
      </c>
      <c r="JU31" s="108">
        <v>0</v>
      </c>
      <c r="JV31" s="109">
        <v>26973</v>
      </c>
      <c r="JW31" s="109">
        <v>251910</v>
      </c>
      <c r="JX31" s="109">
        <v>791575</v>
      </c>
      <c r="JY31" s="109">
        <v>471596</v>
      </c>
      <c r="JZ31" s="109">
        <v>183494</v>
      </c>
      <c r="KA31" s="110">
        <v>1725548</v>
      </c>
      <c r="KB31" s="298">
        <v>1725548</v>
      </c>
      <c r="KC31" s="221">
        <v>54693</v>
      </c>
      <c r="KD31" s="217">
        <v>182396</v>
      </c>
      <c r="KE31" s="110">
        <v>237089</v>
      </c>
      <c r="KF31" s="108">
        <v>0</v>
      </c>
      <c r="KG31" s="109">
        <v>638237</v>
      </c>
      <c r="KH31" s="109">
        <v>824500</v>
      </c>
      <c r="KI31" s="109">
        <v>1031255</v>
      </c>
      <c r="KJ31" s="109">
        <v>295653</v>
      </c>
      <c r="KK31" s="109">
        <v>644542</v>
      </c>
      <c r="KL31" s="110">
        <v>3434187</v>
      </c>
      <c r="KM31" s="130">
        <v>3671276</v>
      </c>
      <c r="KN31" s="219">
        <v>0</v>
      </c>
      <c r="KO31" s="223">
        <v>0</v>
      </c>
      <c r="KP31" s="224">
        <v>0</v>
      </c>
      <c r="KQ31" s="127"/>
      <c r="KR31" s="109">
        <v>2095531</v>
      </c>
      <c r="KS31" s="109">
        <v>4300888</v>
      </c>
      <c r="KT31" s="109">
        <v>5737451</v>
      </c>
      <c r="KU31" s="109">
        <v>3063117</v>
      </c>
      <c r="KV31" s="109">
        <v>243246</v>
      </c>
      <c r="KW31" s="110">
        <v>15440233</v>
      </c>
      <c r="KX31" s="298">
        <v>15440233</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2021241</v>
      </c>
      <c r="MK31" s="109">
        <v>9023043</v>
      </c>
      <c r="ML31" s="109">
        <v>15718720</v>
      </c>
      <c r="MM31" s="109">
        <v>24807802</v>
      </c>
      <c r="MN31" s="109">
        <v>20681080</v>
      </c>
      <c r="MO31" s="110">
        <v>72251886</v>
      </c>
      <c r="MP31" s="130">
        <v>72251886</v>
      </c>
      <c r="MQ31" s="129">
        <v>0</v>
      </c>
      <c r="MR31" s="109">
        <v>0</v>
      </c>
      <c r="MS31" s="110">
        <v>0</v>
      </c>
      <c r="MT31" s="132"/>
      <c r="MU31" s="109">
        <v>245959</v>
      </c>
      <c r="MV31" s="109">
        <v>1649301</v>
      </c>
      <c r="MW31" s="109">
        <v>9724733</v>
      </c>
      <c r="MX31" s="109">
        <v>18589763</v>
      </c>
      <c r="MY31" s="109">
        <v>14063419</v>
      </c>
      <c r="MZ31" s="110">
        <v>44273175</v>
      </c>
      <c r="NA31" s="130">
        <v>44273175</v>
      </c>
      <c r="NB31" s="129">
        <v>0</v>
      </c>
      <c r="NC31" s="109">
        <v>0</v>
      </c>
      <c r="ND31" s="110">
        <v>0</v>
      </c>
      <c r="NE31" s="132"/>
      <c r="NF31" s="109">
        <v>1775282</v>
      </c>
      <c r="NG31" s="109">
        <v>7373742</v>
      </c>
      <c r="NH31" s="109">
        <v>5624744</v>
      </c>
      <c r="NI31" s="109">
        <v>6134725</v>
      </c>
      <c r="NJ31" s="109">
        <v>5747939</v>
      </c>
      <c r="NK31" s="110">
        <v>26656432</v>
      </c>
      <c r="NL31" s="298">
        <v>26656432</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369243</v>
      </c>
      <c r="OE31" s="109">
        <v>83314</v>
      </c>
      <c r="OF31" s="109">
        <v>869722</v>
      </c>
      <c r="OG31" s="110">
        <v>1322279</v>
      </c>
      <c r="OH31" s="111">
        <v>1322279</v>
      </c>
      <c r="OI31" s="129">
        <v>2354847</v>
      </c>
      <c r="OJ31" s="109">
        <v>2743752</v>
      </c>
      <c r="OK31" s="128">
        <v>5098599</v>
      </c>
      <c r="OL31" s="108">
        <v>0</v>
      </c>
      <c r="OM31" s="109">
        <v>31384537</v>
      </c>
      <c r="ON31" s="109">
        <v>44170416</v>
      </c>
      <c r="OO31" s="109">
        <v>53791641</v>
      </c>
      <c r="OP31" s="109">
        <v>48724284</v>
      </c>
      <c r="OQ31" s="109">
        <v>39583694</v>
      </c>
      <c r="OR31" s="110">
        <v>217654572</v>
      </c>
      <c r="OS31" s="130">
        <v>222753171</v>
      </c>
    </row>
    <row r="32" spans="2:409" ht="21" customHeight="1" x14ac:dyDescent="0.2">
      <c r="B32" s="472" t="s">
        <v>27</v>
      </c>
      <c r="C32" s="100">
        <v>3038683</v>
      </c>
      <c r="D32" s="104">
        <v>6333871</v>
      </c>
      <c r="E32" s="103">
        <v>9372554</v>
      </c>
      <c r="F32" s="99">
        <v>0</v>
      </c>
      <c r="G32" s="104">
        <v>23934870</v>
      </c>
      <c r="H32" s="104">
        <v>23476374</v>
      </c>
      <c r="I32" s="104">
        <v>21537435</v>
      </c>
      <c r="J32" s="104">
        <v>20464654</v>
      </c>
      <c r="K32" s="104">
        <v>18642917</v>
      </c>
      <c r="L32" s="160">
        <v>108056250</v>
      </c>
      <c r="M32" s="106">
        <v>117428804</v>
      </c>
      <c r="N32" s="100">
        <v>614353</v>
      </c>
      <c r="O32" s="104">
        <v>1216993</v>
      </c>
      <c r="P32" s="103">
        <v>1831346</v>
      </c>
      <c r="Q32" s="100">
        <v>0</v>
      </c>
      <c r="R32" s="104">
        <v>4427272</v>
      </c>
      <c r="S32" s="104">
        <v>5256819</v>
      </c>
      <c r="T32" s="104">
        <v>6220353</v>
      </c>
      <c r="U32" s="104">
        <v>6130077</v>
      </c>
      <c r="V32" s="104">
        <v>9666046</v>
      </c>
      <c r="W32" s="103">
        <v>31700567</v>
      </c>
      <c r="X32" s="106">
        <v>33531913</v>
      </c>
      <c r="Y32" s="100">
        <v>0</v>
      </c>
      <c r="Z32" s="104">
        <v>0</v>
      </c>
      <c r="AA32" s="103">
        <v>0</v>
      </c>
      <c r="AB32" s="100">
        <v>0</v>
      </c>
      <c r="AC32" s="104">
        <v>2251125</v>
      </c>
      <c r="AD32" s="104">
        <v>2524404</v>
      </c>
      <c r="AE32" s="104">
        <v>3524907</v>
      </c>
      <c r="AF32" s="104">
        <v>3001504</v>
      </c>
      <c r="AG32" s="104">
        <v>5339257</v>
      </c>
      <c r="AH32" s="103">
        <v>16641197</v>
      </c>
      <c r="AI32" s="106">
        <v>16641197</v>
      </c>
      <c r="AJ32" s="100">
        <v>0</v>
      </c>
      <c r="AK32" s="104">
        <v>0</v>
      </c>
      <c r="AL32" s="103">
        <v>0</v>
      </c>
      <c r="AM32" s="100">
        <v>0</v>
      </c>
      <c r="AN32" s="104">
        <v>64847</v>
      </c>
      <c r="AO32" s="104">
        <v>394587</v>
      </c>
      <c r="AP32" s="104">
        <v>271333</v>
      </c>
      <c r="AQ32" s="104">
        <v>839255</v>
      </c>
      <c r="AR32" s="104">
        <v>1430794</v>
      </c>
      <c r="AS32" s="103">
        <v>3000816</v>
      </c>
      <c r="AT32" s="106">
        <v>3000816</v>
      </c>
      <c r="AU32" s="100">
        <v>512403</v>
      </c>
      <c r="AV32" s="104">
        <v>1006931</v>
      </c>
      <c r="AW32" s="103">
        <v>1519334</v>
      </c>
      <c r="AX32" s="100">
        <v>0</v>
      </c>
      <c r="AY32" s="104">
        <v>1295082</v>
      </c>
      <c r="AZ32" s="104">
        <v>1392787</v>
      </c>
      <c r="BA32" s="104">
        <v>1511858</v>
      </c>
      <c r="BB32" s="104">
        <v>1425905</v>
      </c>
      <c r="BC32" s="104">
        <v>2192974</v>
      </c>
      <c r="BD32" s="103">
        <v>7818606</v>
      </c>
      <c r="BE32" s="106">
        <v>9337940</v>
      </c>
      <c r="BF32" s="100">
        <v>43649</v>
      </c>
      <c r="BG32" s="104">
        <v>40292</v>
      </c>
      <c r="BH32" s="102">
        <v>83941</v>
      </c>
      <c r="BI32" s="101">
        <v>0</v>
      </c>
      <c r="BJ32" s="104">
        <v>0</v>
      </c>
      <c r="BK32" s="104">
        <v>76039</v>
      </c>
      <c r="BL32" s="104">
        <v>0</v>
      </c>
      <c r="BM32" s="104">
        <v>0</v>
      </c>
      <c r="BN32" s="104">
        <v>40865</v>
      </c>
      <c r="BO32" s="103">
        <v>116904</v>
      </c>
      <c r="BP32" s="106">
        <v>200845</v>
      </c>
      <c r="BQ32" s="100">
        <v>58301</v>
      </c>
      <c r="BR32" s="104">
        <v>169770</v>
      </c>
      <c r="BS32" s="103">
        <v>228071</v>
      </c>
      <c r="BT32" s="100">
        <v>0</v>
      </c>
      <c r="BU32" s="104">
        <v>816218</v>
      </c>
      <c r="BV32" s="104">
        <v>869002</v>
      </c>
      <c r="BW32" s="104">
        <v>912255</v>
      </c>
      <c r="BX32" s="104">
        <v>863413</v>
      </c>
      <c r="BY32" s="104">
        <v>662156</v>
      </c>
      <c r="BZ32" s="103">
        <v>4123044</v>
      </c>
      <c r="CA32" s="106">
        <v>4351115</v>
      </c>
      <c r="CB32" s="100">
        <v>234449</v>
      </c>
      <c r="CC32" s="104">
        <v>1253101</v>
      </c>
      <c r="CD32" s="103">
        <v>1487550</v>
      </c>
      <c r="CE32" s="100">
        <v>0</v>
      </c>
      <c r="CF32" s="104">
        <v>8024864</v>
      </c>
      <c r="CG32" s="104">
        <v>6657416</v>
      </c>
      <c r="CH32" s="104">
        <v>3807370</v>
      </c>
      <c r="CI32" s="104">
        <v>1142594</v>
      </c>
      <c r="CJ32" s="104">
        <v>2258949</v>
      </c>
      <c r="CK32" s="103">
        <v>21891193</v>
      </c>
      <c r="CL32" s="106">
        <v>23378743</v>
      </c>
      <c r="CM32" s="100">
        <v>0</v>
      </c>
      <c r="CN32" s="104">
        <v>0</v>
      </c>
      <c r="CO32" s="103">
        <v>0</v>
      </c>
      <c r="CP32" s="101">
        <v>0</v>
      </c>
      <c r="CQ32" s="104">
        <v>7060348</v>
      </c>
      <c r="CR32" s="104">
        <v>5004850</v>
      </c>
      <c r="CS32" s="104">
        <v>2692106</v>
      </c>
      <c r="CT32" s="104">
        <v>579579</v>
      </c>
      <c r="CU32" s="104">
        <v>1780059</v>
      </c>
      <c r="CV32" s="103">
        <v>17116942</v>
      </c>
      <c r="CW32" s="106">
        <v>17116942</v>
      </c>
      <c r="CX32" s="100">
        <v>234449</v>
      </c>
      <c r="CY32" s="104">
        <v>1253101</v>
      </c>
      <c r="CZ32" s="103">
        <v>1487550</v>
      </c>
      <c r="DA32" s="100">
        <v>0</v>
      </c>
      <c r="DB32" s="104">
        <v>964516</v>
      </c>
      <c r="DC32" s="104">
        <v>1652566</v>
      </c>
      <c r="DD32" s="104">
        <v>1115264</v>
      </c>
      <c r="DE32" s="104">
        <v>563015</v>
      </c>
      <c r="DF32" s="104">
        <v>478890</v>
      </c>
      <c r="DG32" s="103">
        <v>4774251</v>
      </c>
      <c r="DH32" s="106">
        <v>6261801</v>
      </c>
      <c r="DI32" s="100">
        <v>0</v>
      </c>
      <c r="DJ32" s="104">
        <v>61963</v>
      </c>
      <c r="DK32" s="102">
        <v>61963</v>
      </c>
      <c r="DL32" s="101">
        <v>0</v>
      </c>
      <c r="DM32" s="104">
        <v>1025044</v>
      </c>
      <c r="DN32" s="104">
        <v>1021617</v>
      </c>
      <c r="DO32" s="104">
        <v>1734835</v>
      </c>
      <c r="DP32" s="104">
        <v>1634960</v>
      </c>
      <c r="DQ32" s="104">
        <v>893439</v>
      </c>
      <c r="DR32" s="103">
        <v>6309895</v>
      </c>
      <c r="DS32" s="106">
        <v>6371858</v>
      </c>
      <c r="DT32" s="100">
        <v>0</v>
      </c>
      <c r="DU32" s="104">
        <v>35890</v>
      </c>
      <c r="DV32" s="103">
        <v>35890</v>
      </c>
      <c r="DW32" s="100">
        <v>0</v>
      </c>
      <c r="DX32" s="104">
        <v>863564</v>
      </c>
      <c r="DY32" s="104">
        <v>717057</v>
      </c>
      <c r="DZ32" s="104">
        <v>1469596</v>
      </c>
      <c r="EA32" s="104">
        <v>1516572</v>
      </c>
      <c r="EB32" s="104">
        <v>893439</v>
      </c>
      <c r="EC32" s="103">
        <v>5460228</v>
      </c>
      <c r="ED32" s="106">
        <v>5496118</v>
      </c>
      <c r="EE32" s="100">
        <v>0</v>
      </c>
      <c r="EF32" s="102">
        <v>26073</v>
      </c>
      <c r="EG32" s="103">
        <v>26073</v>
      </c>
      <c r="EH32" s="100">
        <v>0</v>
      </c>
      <c r="EI32" s="104">
        <v>161480</v>
      </c>
      <c r="EJ32" s="104">
        <v>304560</v>
      </c>
      <c r="EK32" s="104">
        <v>265239</v>
      </c>
      <c r="EL32" s="104">
        <v>118388</v>
      </c>
      <c r="EM32" s="104">
        <v>0</v>
      </c>
      <c r="EN32" s="102">
        <v>849667</v>
      </c>
      <c r="EO32" s="106">
        <v>87574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1043372</v>
      </c>
      <c r="FM32" s="104">
        <v>1669978</v>
      </c>
      <c r="FN32" s="103">
        <v>2713350</v>
      </c>
      <c r="FO32" s="100">
        <v>0</v>
      </c>
      <c r="FP32" s="104">
        <v>795500</v>
      </c>
      <c r="FQ32" s="104">
        <v>1917945</v>
      </c>
      <c r="FR32" s="104">
        <v>1461945</v>
      </c>
      <c r="FS32" s="104">
        <v>1312595</v>
      </c>
      <c r="FT32" s="104">
        <v>1305906</v>
      </c>
      <c r="FU32" s="103">
        <v>6793891</v>
      </c>
      <c r="FV32" s="106">
        <v>9507241</v>
      </c>
      <c r="FW32" s="105">
        <v>424485</v>
      </c>
      <c r="FX32" s="104">
        <v>1100880</v>
      </c>
      <c r="FY32" s="102">
        <v>1525365</v>
      </c>
      <c r="FZ32" s="101">
        <v>0</v>
      </c>
      <c r="GA32" s="104">
        <v>568592</v>
      </c>
      <c r="GB32" s="104">
        <v>1638997</v>
      </c>
      <c r="GC32" s="104">
        <v>1423797</v>
      </c>
      <c r="GD32" s="104">
        <v>1294115</v>
      </c>
      <c r="GE32" s="104">
        <v>1305906</v>
      </c>
      <c r="GF32" s="103">
        <v>6231407</v>
      </c>
      <c r="GG32" s="296">
        <v>7756772</v>
      </c>
      <c r="GH32" s="105">
        <v>87040</v>
      </c>
      <c r="GI32" s="104">
        <v>38896</v>
      </c>
      <c r="GJ32" s="102">
        <v>125936</v>
      </c>
      <c r="GK32" s="101">
        <v>0</v>
      </c>
      <c r="GL32" s="104">
        <v>68508</v>
      </c>
      <c r="GM32" s="104">
        <v>73631</v>
      </c>
      <c r="GN32" s="104">
        <v>38148</v>
      </c>
      <c r="GO32" s="104">
        <v>18480</v>
      </c>
      <c r="GP32" s="104">
        <v>0</v>
      </c>
      <c r="GQ32" s="103">
        <v>198767</v>
      </c>
      <c r="GR32" s="106">
        <v>324703</v>
      </c>
      <c r="GS32" s="100">
        <v>531847</v>
      </c>
      <c r="GT32" s="104">
        <v>530202</v>
      </c>
      <c r="GU32" s="103">
        <v>1062049</v>
      </c>
      <c r="GV32" s="100">
        <v>0</v>
      </c>
      <c r="GW32" s="104">
        <v>158400</v>
      </c>
      <c r="GX32" s="104">
        <v>205317</v>
      </c>
      <c r="GY32" s="104">
        <v>0</v>
      </c>
      <c r="GZ32" s="104">
        <v>0</v>
      </c>
      <c r="HA32" s="104">
        <v>0</v>
      </c>
      <c r="HB32" s="102">
        <v>363717</v>
      </c>
      <c r="HC32" s="106">
        <v>1425766</v>
      </c>
      <c r="HD32" s="100">
        <v>555689</v>
      </c>
      <c r="HE32" s="104">
        <v>1284666</v>
      </c>
      <c r="HF32" s="102">
        <v>1840355</v>
      </c>
      <c r="HG32" s="101">
        <v>0</v>
      </c>
      <c r="HH32" s="104">
        <v>6348598</v>
      </c>
      <c r="HI32" s="104">
        <v>6316052</v>
      </c>
      <c r="HJ32" s="104">
        <v>6505285</v>
      </c>
      <c r="HK32" s="104">
        <v>9018097</v>
      </c>
      <c r="HL32" s="104">
        <v>3536712</v>
      </c>
      <c r="HM32" s="103">
        <v>31724744</v>
      </c>
      <c r="HN32" s="99">
        <v>33565099</v>
      </c>
      <c r="HO32" s="105">
        <v>590820</v>
      </c>
      <c r="HP32" s="104">
        <v>847170</v>
      </c>
      <c r="HQ32" s="103">
        <v>1437990</v>
      </c>
      <c r="HR32" s="100">
        <v>0</v>
      </c>
      <c r="HS32" s="104">
        <v>3313592</v>
      </c>
      <c r="HT32" s="104">
        <v>2306525</v>
      </c>
      <c r="HU32" s="104">
        <v>1807647</v>
      </c>
      <c r="HV32" s="104">
        <v>1226331</v>
      </c>
      <c r="HW32" s="104">
        <v>981865</v>
      </c>
      <c r="HX32" s="102">
        <v>9635960</v>
      </c>
      <c r="HY32" s="106">
        <v>11073950</v>
      </c>
      <c r="HZ32" s="137">
        <v>0</v>
      </c>
      <c r="IA32" s="122">
        <v>0</v>
      </c>
      <c r="IB32" s="137">
        <v>0</v>
      </c>
      <c r="IC32" s="121">
        <v>0</v>
      </c>
      <c r="ID32" s="122">
        <v>5052408</v>
      </c>
      <c r="IE32" s="123">
        <v>2696243</v>
      </c>
      <c r="IF32" s="124">
        <v>5713362</v>
      </c>
      <c r="IG32" s="122">
        <v>5713472</v>
      </c>
      <c r="IH32" s="124">
        <v>3752245</v>
      </c>
      <c r="II32" s="125">
        <v>22927730</v>
      </c>
      <c r="IJ32" s="137">
        <v>22927730</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1774353</v>
      </c>
      <c r="JL32" s="109">
        <v>836207</v>
      </c>
      <c r="JM32" s="109">
        <v>569425</v>
      </c>
      <c r="JN32" s="109">
        <v>157259</v>
      </c>
      <c r="JO32" s="109">
        <v>0</v>
      </c>
      <c r="JP32" s="110">
        <v>3337244</v>
      </c>
      <c r="JQ32" s="298">
        <v>3337244</v>
      </c>
      <c r="JR32" s="129">
        <v>0</v>
      </c>
      <c r="JS32" s="109">
        <v>0</v>
      </c>
      <c r="JT32" s="128">
        <v>0</v>
      </c>
      <c r="JU32" s="108">
        <v>0</v>
      </c>
      <c r="JV32" s="109">
        <v>302721</v>
      </c>
      <c r="JW32" s="109">
        <v>28259</v>
      </c>
      <c r="JX32" s="109">
        <v>70584</v>
      </c>
      <c r="JY32" s="109">
        <v>250448</v>
      </c>
      <c r="JZ32" s="109">
        <v>352656</v>
      </c>
      <c r="KA32" s="110">
        <v>1004668</v>
      </c>
      <c r="KB32" s="298">
        <v>1004668</v>
      </c>
      <c r="KC32" s="221">
        <v>0</v>
      </c>
      <c r="KD32" s="217">
        <v>0</v>
      </c>
      <c r="KE32" s="110">
        <v>0</v>
      </c>
      <c r="KF32" s="108">
        <v>0</v>
      </c>
      <c r="KG32" s="109">
        <v>534658</v>
      </c>
      <c r="KH32" s="109">
        <v>454231</v>
      </c>
      <c r="KI32" s="109">
        <v>1222326</v>
      </c>
      <c r="KJ32" s="109">
        <v>456593</v>
      </c>
      <c r="KK32" s="109">
        <v>0</v>
      </c>
      <c r="KL32" s="110">
        <v>2667808</v>
      </c>
      <c r="KM32" s="130">
        <v>2667808</v>
      </c>
      <c r="KN32" s="219">
        <v>0</v>
      </c>
      <c r="KO32" s="223">
        <v>0</v>
      </c>
      <c r="KP32" s="224">
        <v>0</v>
      </c>
      <c r="KQ32" s="127"/>
      <c r="KR32" s="109">
        <v>2440676</v>
      </c>
      <c r="KS32" s="109">
        <v>1377546</v>
      </c>
      <c r="KT32" s="109">
        <v>1876091</v>
      </c>
      <c r="KU32" s="109">
        <v>1417094</v>
      </c>
      <c r="KV32" s="109">
        <v>1762484</v>
      </c>
      <c r="KW32" s="110">
        <v>8873891</v>
      </c>
      <c r="KX32" s="298">
        <v>8873891</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1799440</v>
      </c>
      <c r="LQ32" s="109">
        <v>3115218</v>
      </c>
      <c r="LR32" s="109">
        <v>1637105</v>
      </c>
      <c r="LS32" s="110">
        <v>6551763</v>
      </c>
      <c r="LT32" s="298">
        <v>6551763</v>
      </c>
      <c r="LU32" s="129">
        <v>0</v>
      </c>
      <c r="LV32" s="109">
        <v>0</v>
      </c>
      <c r="LW32" s="110">
        <v>0</v>
      </c>
      <c r="LX32" s="132"/>
      <c r="LY32" s="109">
        <v>0</v>
      </c>
      <c r="LZ32" s="109">
        <v>0</v>
      </c>
      <c r="MA32" s="109">
        <v>0</v>
      </c>
      <c r="MB32" s="109">
        <v>316860</v>
      </c>
      <c r="MC32" s="109">
        <v>0</v>
      </c>
      <c r="MD32" s="110">
        <v>316860</v>
      </c>
      <c r="ME32" s="111">
        <v>316860</v>
      </c>
      <c r="MF32" s="129">
        <v>0</v>
      </c>
      <c r="MG32" s="109">
        <v>0</v>
      </c>
      <c r="MH32" s="110">
        <v>0</v>
      </c>
      <c r="MI32" s="132"/>
      <c r="MJ32" s="109">
        <v>2988684</v>
      </c>
      <c r="MK32" s="109">
        <v>4957995</v>
      </c>
      <c r="ML32" s="109">
        <v>13403218</v>
      </c>
      <c r="MM32" s="109">
        <v>24870614</v>
      </c>
      <c r="MN32" s="109">
        <v>16709219</v>
      </c>
      <c r="MO32" s="110">
        <v>62929730</v>
      </c>
      <c r="MP32" s="130">
        <v>62929730</v>
      </c>
      <c r="MQ32" s="129">
        <v>0</v>
      </c>
      <c r="MR32" s="109">
        <v>0</v>
      </c>
      <c r="MS32" s="110">
        <v>0</v>
      </c>
      <c r="MT32" s="132"/>
      <c r="MU32" s="109">
        <v>688439</v>
      </c>
      <c r="MV32" s="109">
        <v>466936</v>
      </c>
      <c r="MW32" s="109">
        <v>7600708</v>
      </c>
      <c r="MX32" s="109">
        <v>17890652</v>
      </c>
      <c r="MY32" s="109">
        <v>11789655</v>
      </c>
      <c r="MZ32" s="110">
        <v>38436390</v>
      </c>
      <c r="NA32" s="130">
        <v>38436390</v>
      </c>
      <c r="NB32" s="129">
        <v>0</v>
      </c>
      <c r="NC32" s="109">
        <v>0</v>
      </c>
      <c r="ND32" s="110">
        <v>0</v>
      </c>
      <c r="NE32" s="132"/>
      <c r="NF32" s="109">
        <v>2300245</v>
      </c>
      <c r="NG32" s="109">
        <v>4491059</v>
      </c>
      <c r="NH32" s="109">
        <v>5802510</v>
      </c>
      <c r="NI32" s="109">
        <v>5464610</v>
      </c>
      <c r="NJ32" s="109">
        <v>4455713</v>
      </c>
      <c r="NK32" s="110">
        <v>22514137</v>
      </c>
      <c r="NL32" s="298">
        <v>22514137</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1515352</v>
      </c>
      <c r="OF32" s="109">
        <v>463851</v>
      </c>
      <c r="OG32" s="110">
        <v>1979203</v>
      </c>
      <c r="OH32" s="111">
        <v>1979203</v>
      </c>
      <c r="OI32" s="129">
        <v>3038683</v>
      </c>
      <c r="OJ32" s="109">
        <v>6333871</v>
      </c>
      <c r="OK32" s="128">
        <v>9372554</v>
      </c>
      <c r="OL32" s="108">
        <v>0</v>
      </c>
      <c r="OM32" s="109">
        <v>31975962</v>
      </c>
      <c r="ON32" s="109">
        <v>31130612</v>
      </c>
      <c r="OO32" s="109">
        <v>40654015</v>
      </c>
      <c r="OP32" s="109">
        <v>51048740</v>
      </c>
      <c r="OQ32" s="109">
        <v>39104381</v>
      </c>
      <c r="OR32" s="110">
        <v>193913710</v>
      </c>
      <c r="OS32" s="130">
        <v>203286264</v>
      </c>
    </row>
    <row r="33" spans="2:409" ht="21" customHeight="1" x14ac:dyDescent="0.2">
      <c r="B33" s="472" t="s">
        <v>28</v>
      </c>
      <c r="C33" s="100">
        <v>227623</v>
      </c>
      <c r="D33" s="104">
        <v>535533</v>
      </c>
      <c r="E33" s="103">
        <v>763156</v>
      </c>
      <c r="F33" s="99">
        <v>0</v>
      </c>
      <c r="G33" s="104">
        <v>5202058</v>
      </c>
      <c r="H33" s="104">
        <v>8908301</v>
      </c>
      <c r="I33" s="104">
        <v>6530333</v>
      </c>
      <c r="J33" s="104">
        <v>6938673</v>
      </c>
      <c r="K33" s="104">
        <v>4831529</v>
      </c>
      <c r="L33" s="160">
        <v>32410894</v>
      </c>
      <c r="M33" s="106">
        <v>33174050</v>
      </c>
      <c r="N33" s="100">
        <v>40122</v>
      </c>
      <c r="O33" s="104">
        <v>164202</v>
      </c>
      <c r="P33" s="103">
        <v>204324</v>
      </c>
      <c r="Q33" s="100">
        <v>0</v>
      </c>
      <c r="R33" s="104">
        <v>861558</v>
      </c>
      <c r="S33" s="104">
        <v>2173544</v>
      </c>
      <c r="T33" s="104">
        <v>1463102</v>
      </c>
      <c r="U33" s="104">
        <v>1949397</v>
      </c>
      <c r="V33" s="104">
        <v>1612198</v>
      </c>
      <c r="W33" s="103">
        <v>8059799</v>
      </c>
      <c r="X33" s="106">
        <v>8264123</v>
      </c>
      <c r="Y33" s="100">
        <v>0</v>
      </c>
      <c r="Z33" s="104">
        <v>0</v>
      </c>
      <c r="AA33" s="103">
        <v>0</v>
      </c>
      <c r="AB33" s="100">
        <v>0</v>
      </c>
      <c r="AC33" s="104">
        <v>304597</v>
      </c>
      <c r="AD33" s="104">
        <v>1113734</v>
      </c>
      <c r="AE33" s="104">
        <v>686003</v>
      </c>
      <c r="AF33" s="104">
        <v>841354</v>
      </c>
      <c r="AG33" s="104">
        <v>928090</v>
      </c>
      <c r="AH33" s="103">
        <v>3873778</v>
      </c>
      <c r="AI33" s="106">
        <v>3873778</v>
      </c>
      <c r="AJ33" s="100">
        <v>0</v>
      </c>
      <c r="AK33" s="104">
        <v>0</v>
      </c>
      <c r="AL33" s="103">
        <v>0</v>
      </c>
      <c r="AM33" s="100">
        <v>0</v>
      </c>
      <c r="AN33" s="104">
        <v>0</v>
      </c>
      <c r="AO33" s="104">
        <v>132162</v>
      </c>
      <c r="AP33" s="104">
        <v>25103</v>
      </c>
      <c r="AQ33" s="104">
        <v>177774</v>
      </c>
      <c r="AR33" s="104">
        <v>179728</v>
      </c>
      <c r="AS33" s="103">
        <v>514767</v>
      </c>
      <c r="AT33" s="106">
        <v>514767</v>
      </c>
      <c r="AU33" s="100">
        <v>30816</v>
      </c>
      <c r="AV33" s="104">
        <v>153474</v>
      </c>
      <c r="AW33" s="103">
        <v>184290</v>
      </c>
      <c r="AX33" s="100">
        <v>0</v>
      </c>
      <c r="AY33" s="104">
        <v>370965</v>
      </c>
      <c r="AZ33" s="104">
        <v>591728</v>
      </c>
      <c r="BA33" s="104">
        <v>533815</v>
      </c>
      <c r="BB33" s="104">
        <v>697959</v>
      </c>
      <c r="BC33" s="104">
        <v>310550</v>
      </c>
      <c r="BD33" s="103">
        <v>2505017</v>
      </c>
      <c r="BE33" s="106">
        <v>2689307</v>
      </c>
      <c r="BF33" s="100">
        <v>0</v>
      </c>
      <c r="BG33" s="104">
        <v>0</v>
      </c>
      <c r="BH33" s="102">
        <v>0</v>
      </c>
      <c r="BI33" s="101">
        <v>0</v>
      </c>
      <c r="BJ33" s="104">
        <v>40311</v>
      </c>
      <c r="BK33" s="104">
        <v>62215</v>
      </c>
      <c r="BL33" s="104">
        <v>0</v>
      </c>
      <c r="BM33" s="104">
        <v>26663</v>
      </c>
      <c r="BN33" s="104">
        <v>40311</v>
      </c>
      <c r="BO33" s="103">
        <v>169500</v>
      </c>
      <c r="BP33" s="106">
        <v>169500</v>
      </c>
      <c r="BQ33" s="100">
        <v>9306</v>
      </c>
      <c r="BR33" s="104">
        <v>10728</v>
      </c>
      <c r="BS33" s="103">
        <v>20034</v>
      </c>
      <c r="BT33" s="100">
        <v>0</v>
      </c>
      <c r="BU33" s="104">
        <v>145685</v>
      </c>
      <c r="BV33" s="104">
        <v>273705</v>
      </c>
      <c r="BW33" s="104">
        <v>218181</v>
      </c>
      <c r="BX33" s="104">
        <v>205647</v>
      </c>
      <c r="BY33" s="104">
        <v>153519</v>
      </c>
      <c r="BZ33" s="103">
        <v>996737</v>
      </c>
      <c r="CA33" s="106">
        <v>1016771</v>
      </c>
      <c r="CB33" s="100">
        <v>24896</v>
      </c>
      <c r="CC33" s="104">
        <v>84747</v>
      </c>
      <c r="CD33" s="103">
        <v>109643</v>
      </c>
      <c r="CE33" s="100">
        <v>0</v>
      </c>
      <c r="CF33" s="104">
        <v>1976468</v>
      </c>
      <c r="CG33" s="104">
        <v>2931343</v>
      </c>
      <c r="CH33" s="104">
        <v>2127260</v>
      </c>
      <c r="CI33" s="104">
        <v>2076187</v>
      </c>
      <c r="CJ33" s="104">
        <v>1973488</v>
      </c>
      <c r="CK33" s="103">
        <v>11084746</v>
      </c>
      <c r="CL33" s="106">
        <v>11194389</v>
      </c>
      <c r="CM33" s="100">
        <v>0</v>
      </c>
      <c r="CN33" s="104">
        <v>0</v>
      </c>
      <c r="CO33" s="103">
        <v>0</v>
      </c>
      <c r="CP33" s="101">
        <v>0</v>
      </c>
      <c r="CQ33" s="104">
        <v>1690284</v>
      </c>
      <c r="CR33" s="104">
        <v>2044467</v>
      </c>
      <c r="CS33" s="104">
        <v>1436503</v>
      </c>
      <c r="CT33" s="104">
        <v>1617671</v>
      </c>
      <c r="CU33" s="104">
        <v>1556670</v>
      </c>
      <c r="CV33" s="103">
        <v>8345595</v>
      </c>
      <c r="CW33" s="106">
        <v>8345595</v>
      </c>
      <c r="CX33" s="100">
        <v>24896</v>
      </c>
      <c r="CY33" s="104">
        <v>84747</v>
      </c>
      <c r="CZ33" s="103">
        <v>109643</v>
      </c>
      <c r="DA33" s="100">
        <v>0</v>
      </c>
      <c r="DB33" s="104">
        <v>286184</v>
      </c>
      <c r="DC33" s="104">
        <v>886876</v>
      </c>
      <c r="DD33" s="104">
        <v>690757</v>
      </c>
      <c r="DE33" s="104">
        <v>458516</v>
      </c>
      <c r="DF33" s="104">
        <v>416818</v>
      </c>
      <c r="DG33" s="103">
        <v>2739151</v>
      </c>
      <c r="DH33" s="106">
        <v>2848794</v>
      </c>
      <c r="DI33" s="100">
        <v>0</v>
      </c>
      <c r="DJ33" s="104">
        <v>59964</v>
      </c>
      <c r="DK33" s="102">
        <v>59964</v>
      </c>
      <c r="DL33" s="101">
        <v>0</v>
      </c>
      <c r="DM33" s="104">
        <v>120159</v>
      </c>
      <c r="DN33" s="104">
        <v>364327</v>
      </c>
      <c r="DO33" s="104">
        <v>777125</v>
      </c>
      <c r="DP33" s="104">
        <v>641067</v>
      </c>
      <c r="DQ33" s="104">
        <v>377762</v>
      </c>
      <c r="DR33" s="103">
        <v>2280440</v>
      </c>
      <c r="DS33" s="106">
        <v>2340404</v>
      </c>
      <c r="DT33" s="100">
        <v>0</v>
      </c>
      <c r="DU33" s="104">
        <v>59964</v>
      </c>
      <c r="DV33" s="103">
        <v>59964</v>
      </c>
      <c r="DW33" s="100">
        <v>0</v>
      </c>
      <c r="DX33" s="104">
        <v>58563</v>
      </c>
      <c r="DY33" s="104">
        <v>237173</v>
      </c>
      <c r="DZ33" s="104">
        <v>455254</v>
      </c>
      <c r="EA33" s="104">
        <v>586653</v>
      </c>
      <c r="EB33" s="104">
        <v>338443</v>
      </c>
      <c r="EC33" s="103">
        <v>1676086</v>
      </c>
      <c r="ED33" s="106">
        <v>1736050</v>
      </c>
      <c r="EE33" s="100">
        <v>0</v>
      </c>
      <c r="EF33" s="102">
        <v>0</v>
      </c>
      <c r="EG33" s="103">
        <v>0</v>
      </c>
      <c r="EH33" s="100">
        <v>0</v>
      </c>
      <c r="EI33" s="104">
        <v>61596</v>
      </c>
      <c r="EJ33" s="104">
        <v>127154</v>
      </c>
      <c r="EK33" s="104">
        <v>321871</v>
      </c>
      <c r="EL33" s="104">
        <v>54414</v>
      </c>
      <c r="EM33" s="104">
        <v>39319</v>
      </c>
      <c r="EN33" s="102">
        <v>604354</v>
      </c>
      <c r="EO33" s="106">
        <v>604354</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115805</v>
      </c>
      <c r="FM33" s="104">
        <v>122640</v>
      </c>
      <c r="FN33" s="103">
        <v>238445</v>
      </c>
      <c r="FO33" s="100">
        <v>0</v>
      </c>
      <c r="FP33" s="104">
        <v>421504</v>
      </c>
      <c r="FQ33" s="104">
        <v>895248</v>
      </c>
      <c r="FR33" s="104">
        <v>544529</v>
      </c>
      <c r="FS33" s="104">
        <v>494732</v>
      </c>
      <c r="FT33" s="104">
        <v>323991</v>
      </c>
      <c r="FU33" s="103">
        <v>2680004</v>
      </c>
      <c r="FV33" s="106">
        <v>2918449</v>
      </c>
      <c r="FW33" s="105">
        <v>31500</v>
      </c>
      <c r="FX33" s="104">
        <v>89040</v>
      </c>
      <c r="FY33" s="102">
        <v>120540</v>
      </c>
      <c r="FZ33" s="101">
        <v>0</v>
      </c>
      <c r="GA33" s="104">
        <v>325608</v>
      </c>
      <c r="GB33" s="104">
        <v>895248</v>
      </c>
      <c r="GC33" s="104">
        <v>544529</v>
      </c>
      <c r="GD33" s="104">
        <v>494732</v>
      </c>
      <c r="GE33" s="104">
        <v>323991</v>
      </c>
      <c r="GF33" s="103">
        <v>2584108</v>
      </c>
      <c r="GG33" s="296">
        <v>2704648</v>
      </c>
      <c r="GH33" s="105">
        <v>24750</v>
      </c>
      <c r="GI33" s="104">
        <v>0</v>
      </c>
      <c r="GJ33" s="102">
        <v>24750</v>
      </c>
      <c r="GK33" s="101">
        <v>0</v>
      </c>
      <c r="GL33" s="104">
        <v>31996</v>
      </c>
      <c r="GM33" s="104">
        <v>0</v>
      </c>
      <c r="GN33" s="104">
        <v>0</v>
      </c>
      <c r="GO33" s="104">
        <v>0</v>
      </c>
      <c r="GP33" s="104">
        <v>0</v>
      </c>
      <c r="GQ33" s="103">
        <v>31996</v>
      </c>
      <c r="GR33" s="106">
        <v>56746</v>
      </c>
      <c r="GS33" s="100">
        <v>59555</v>
      </c>
      <c r="GT33" s="104">
        <v>33600</v>
      </c>
      <c r="GU33" s="103">
        <v>93155</v>
      </c>
      <c r="GV33" s="100">
        <v>0</v>
      </c>
      <c r="GW33" s="104">
        <v>63900</v>
      </c>
      <c r="GX33" s="104">
        <v>0</v>
      </c>
      <c r="GY33" s="104">
        <v>0</v>
      </c>
      <c r="GZ33" s="104">
        <v>0</v>
      </c>
      <c r="HA33" s="104">
        <v>0</v>
      </c>
      <c r="HB33" s="102">
        <v>63900</v>
      </c>
      <c r="HC33" s="106">
        <v>157055</v>
      </c>
      <c r="HD33" s="100">
        <v>0</v>
      </c>
      <c r="HE33" s="104">
        <v>0</v>
      </c>
      <c r="HF33" s="102">
        <v>0</v>
      </c>
      <c r="HG33" s="101">
        <v>0</v>
      </c>
      <c r="HH33" s="104">
        <v>827445</v>
      </c>
      <c r="HI33" s="104">
        <v>1403760</v>
      </c>
      <c r="HJ33" s="104">
        <v>942433</v>
      </c>
      <c r="HK33" s="104">
        <v>1296030</v>
      </c>
      <c r="HL33" s="104">
        <v>256140</v>
      </c>
      <c r="HM33" s="103">
        <v>4725808</v>
      </c>
      <c r="HN33" s="99">
        <v>4725808</v>
      </c>
      <c r="HO33" s="105">
        <v>46800</v>
      </c>
      <c r="HP33" s="104">
        <v>103980</v>
      </c>
      <c r="HQ33" s="103">
        <v>150780</v>
      </c>
      <c r="HR33" s="100">
        <v>0</v>
      </c>
      <c r="HS33" s="104">
        <v>994924</v>
      </c>
      <c r="HT33" s="104">
        <v>1140079</v>
      </c>
      <c r="HU33" s="104">
        <v>675884</v>
      </c>
      <c r="HV33" s="104">
        <v>481260</v>
      </c>
      <c r="HW33" s="104">
        <v>287950</v>
      </c>
      <c r="HX33" s="102">
        <v>3580097</v>
      </c>
      <c r="HY33" s="106">
        <v>3730877</v>
      </c>
      <c r="HZ33" s="118">
        <v>0</v>
      </c>
      <c r="IA33" s="119">
        <v>0</v>
      </c>
      <c r="IB33" s="120">
        <v>0</v>
      </c>
      <c r="IC33" s="133">
        <v>0</v>
      </c>
      <c r="ID33" s="119">
        <v>977044</v>
      </c>
      <c r="IE33" s="134">
        <v>1786784</v>
      </c>
      <c r="IF33" s="120">
        <v>896625</v>
      </c>
      <c r="IG33" s="119">
        <v>1644408</v>
      </c>
      <c r="IH33" s="120">
        <v>888665</v>
      </c>
      <c r="II33" s="135">
        <v>6193526</v>
      </c>
      <c r="IJ33" s="126">
        <v>6193526</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624910</v>
      </c>
      <c r="JL33" s="109">
        <v>571712</v>
      </c>
      <c r="JM33" s="109">
        <v>52263</v>
      </c>
      <c r="JN33" s="109">
        <v>165411</v>
      </c>
      <c r="JO33" s="109">
        <v>32508</v>
      </c>
      <c r="JP33" s="110">
        <v>1446804</v>
      </c>
      <c r="JQ33" s="298">
        <v>1446804</v>
      </c>
      <c r="JR33" s="129">
        <v>0</v>
      </c>
      <c r="JS33" s="109">
        <v>0</v>
      </c>
      <c r="JT33" s="128">
        <v>0</v>
      </c>
      <c r="JU33" s="108">
        <v>0</v>
      </c>
      <c r="JV33" s="109">
        <v>87876</v>
      </c>
      <c r="JW33" s="109">
        <v>121113</v>
      </c>
      <c r="JX33" s="109">
        <v>7452</v>
      </c>
      <c r="JY33" s="109">
        <v>324477</v>
      </c>
      <c r="JZ33" s="109">
        <v>0</v>
      </c>
      <c r="KA33" s="110">
        <v>540918</v>
      </c>
      <c r="KB33" s="298">
        <v>540918</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264258</v>
      </c>
      <c r="KS33" s="109">
        <v>1093959</v>
      </c>
      <c r="KT33" s="109">
        <v>566874</v>
      </c>
      <c r="KU33" s="109">
        <v>1154520</v>
      </c>
      <c r="KV33" s="109">
        <v>856157</v>
      </c>
      <c r="KW33" s="110">
        <v>3935768</v>
      </c>
      <c r="KX33" s="298">
        <v>3935768</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270036</v>
      </c>
      <c r="LQ33" s="109">
        <v>0</v>
      </c>
      <c r="LR33" s="109">
        <v>0</v>
      </c>
      <c r="LS33" s="110">
        <v>270036</v>
      </c>
      <c r="LT33" s="298">
        <v>270036</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1038201</v>
      </c>
      <c r="MK33" s="109">
        <v>2466082</v>
      </c>
      <c r="ML33" s="109">
        <v>6905240</v>
      </c>
      <c r="MM33" s="109">
        <v>5779720</v>
      </c>
      <c r="MN33" s="109">
        <v>6477202</v>
      </c>
      <c r="MO33" s="110">
        <v>22666445</v>
      </c>
      <c r="MP33" s="130">
        <v>22666445</v>
      </c>
      <c r="MQ33" s="129">
        <v>0</v>
      </c>
      <c r="MR33" s="109">
        <v>0</v>
      </c>
      <c r="MS33" s="110">
        <v>0</v>
      </c>
      <c r="MT33" s="132"/>
      <c r="MU33" s="109">
        <v>0</v>
      </c>
      <c r="MV33" s="109">
        <v>330035</v>
      </c>
      <c r="MW33" s="109">
        <v>4594268</v>
      </c>
      <c r="MX33" s="109">
        <v>3750500</v>
      </c>
      <c r="MY33" s="109">
        <v>4763955</v>
      </c>
      <c r="MZ33" s="110">
        <v>13438758</v>
      </c>
      <c r="NA33" s="130">
        <v>13438758</v>
      </c>
      <c r="NB33" s="129">
        <v>0</v>
      </c>
      <c r="NC33" s="109">
        <v>0</v>
      </c>
      <c r="ND33" s="110">
        <v>0</v>
      </c>
      <c r="NE33" s="132"/>
      <c r="NF33" s="109">
        <v>1038201</v>
      </c>
      <c r="NG33" s="109">
        <v>2136047</v>
      </c>
      <c r="NH33" s="109">
        <v>2310972</v>
      </c>
      <c r="NI33" s="109">
        <v>2029220</v>
      </c>
      <c r="NJ33" s="109">
        <v>1713247</v>
      </c>
      <c r="NK33" s="110">
        <v>9227687</v>
      </c>
      <c r="NL33" s="298">
        <v>9227687</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227623</v>
      </c>
      <c r="OJ33" s="109">
        <v>535533</v>
      </c>
      <c r="OK33" s="128">
        <v>763156</v>
      </c>
      <c r="OL33" s="108">
        <v>0</v>
      </c>
      <c r="OM33" s="109">
        <v>7217303</v>
      </c>
      <c r="ON33" s="109">
        <v>13161167</v>
      </c>
      <c r="OO33" s="109">
        <v>14332198</v>
      </c>
      <c r="OP33" s="109">
        <v>14362801</v>
      </c>
      <c r="OQ33" s="109">
        <v>12197396</v>
      </c>
      <c r="OR33" s="110">
        <v>61270865</v>
      </c>
      <c r="OS33" s="130">
        <v>62034021</v>
      </c>
    </row>
    <row r="34" spans="2:409" ht="21" customHeight="1" x14ac:dyDescent="0.2">
      <c r="B34" s="472" t="s">
        <v>29</v>
      </c>
      <c r="C34" s="100">
        <v>489676</v>
      </c>
      <c r="D34" s="104">
        <v>666244</v>
      </c>
      <c r="E34" s="103">
        <v>1155920</v>
      </c>
      <c r="F34" s="99">
        <v>0</v>
      </c>
      <c r="G34" s="104">
        <v>8355815</v>
      </c>
      <c r="H34" s="104">
        <v>9817092</v>
      </c>
      <c r="I34" s="104">
        <v>10023535</v>
      </c>
      <c r="J34" s="104">
        <v>7227928</v>
      </c>
      <c r="K34" s="104">
        <v>6144402</v>
      </c>
      <c r="L34" s="160">
        <v>41568772</v>
      </c>
      <c r="M34" s="106">
        <v>42724692</v>
      </c>
      <c r="N34" s="100">
        <v>54207</v>
      </c>
      <c r="O34" s="104">
        <v>212122</v>
      </c>
      <c r="P34" s="103">
        <v>266329</v>
      </c>
      <c r="Q34" s="100">
        <v>0</v>
      </c>
      <c r="R34" s="104">
        <v>2413647</v>
      </c>
      <c r="S34" s="104">
        <v>2320041</v>
      </c>
      <c r="T34" s="104">
        <v>2181486</v>
      </c>
      <c r="U34" s="104">
        <v>2589101</v>
      </c>
      <c r="V34" s="104">
        <v>3058954</v>
      </c>
      <c r="W34" s="103">
        <v>12563229</v>
      </c>
      <c r="X34" s="106">
        <v>12829558</v>
      </c>
      <c r="Y34" s="100">
        <v>0</v>
      </c>
      <c r="Z34" s="104">
        <v>0</v>
      </c>
      <c r="AA34" s="103">
        <v>0</v>
      </c>
      <c r="AB34" s="100">
        <v>0</v>
      </c>
      <c r="AC34" s="104">
        <v>1207489</v>
      </c>
      <c r="AD34" s="104">
        <v>1084934</v>
      </c>
      <c r="AE34" s="104">
        <v>959453</v>
      </c>
      <c r="AF34" s="104">
        <v>1699057</v>
      </c>
      <c r="AG34" s="104">
        <v>1871286</v>
      </c>
      <c r="AH34" s="103">
        <v>6822219</v>
      </c>
      <c r="AI34" s="106">
        <v>6822219</v>
      </c>
      <c r="AJ34" s="100">
        <v>0</v>
      </c>
      <c r="AK34" s="104">
        <v>0</v>
      </c>
      <c r="AL34" s="103">
        <v>0</v>
      </c>
      <c r="AM34" s="100">
        <v>0</v>
      </c>
      <c r="AN34" s="104">
        <v>0</v>
      </c>
      <c r="AO34" s="104">
        <v>0</v>
      </c>
      <c r="AP34" s="104">
        <v>51231</v>
      </c>
      <c r="AQ34" s="104">
        <v>150091</v>
      </c>
      <c r="AR34" s="104">
        <v>538731</v>
      </c>
      <c r="AS34" s="103">
        <v>740053</v>
      </c>
      <c r="AT34" s="106">
        <v>740053</v>
      </c>
      <c r="AU34" s="100">
        <v>40248</v>
      </c>
      <c r="AV34" s="104">
        <v>175186</v>
      </c>
      <c r="AW34" s="103">
        <v>215434</v>
      </c>
      <c r="AX34" s="100">
        <v>0</v>
      </c>
      <c r="AY34" s="104">
        <v>916099</v>
      </c>
      <c r="AZ34" s="104">
        <v>707582</v>
      </c>
      <c r="BA34" s="104">
        <v>788111</v>
      </c>
      <c r="BB34" s="104">
        <v>381168</v>
      </c>
      <c r="BC34" s="104">
        <v>542577</v>
      </c>
      <c r="BD34" s="103">
        <v>3335537</v>
      </c>
      <c r="BE34" s="106">
        <v>3550971</v>
      </c>
      <c r="BF34" s="100">
        <v>0</v>
      </c>
      <c r="BG34" s="104">
        <v>24948</v>
      </c>
      <c r="BH34" s="102">
        <v>24948</v>
      </c>
      <c r="BI34" s="101">
        <v>0</v>
      </c>
      <c r="BJ34" s="104">
        <v>54492</v>
      </c>
      <c r="BK34" s="104">
        <v>76391</v>
      </c>
      <c r="BL34" s="104">
        <v>140511</v>
      </c>
      <c r="BM34" s="104">
        <v>81583</v>
      </c>
      <c r="BN34" s="104">
        <v>0</v>
      </c>
      <c r="BO34" s="103">
        <v>352977</v>
      </c>
      <c r="BP34" s="106">
        <v>377925</v>
      </c>
      <c r="BQ34" s="100">
        <v>13959</v>
      </c>
      <c r="BR34" s="104">
        <v>11988</v>
      </c>
      <c r="BS34" s="103">
        <v>25947</v>
      </c>
      <c r="BT34" s="100">
        <v>0</v>
      </c>
      <c r="BU34" s="104">
        <v>235567</v>
      </c>
      <c r="BV34" s="104">
        <v>451134</v>
      </c>
      <c r="BW34" s="104">
        <v>242180</v>
      </c>
      <c r="BX34" s="104">
        <v>277202</v>
      </c>
      <c r="BY34" s="104">
        <v>106360</v>
      </c>
      <c r="BZ34" s="103">
        <v>1312443</v>
      </c>
      <c r="CA34" s="106">
        <v>1338390</v>
      </c>
      <c r="CB34" s="100">
        <v>22212</v>
      </c>
      <c r="CC34" s="104">
        <v>41211</v>
      </c>
      <c r="CD34" s="103">
        <v>63423</v>
      </c>
      <c r="CE34" s="100">
        <v>0</v>
      </c>
      <c r="CF34" s="104">
        <v>2811232</v>
      </c>
      <c r="CG34" s="104">
        <v>3652946</v>
      </c>
      <c r="CH34" s="104">
        <v>3413542</v>
      </c>
      <c r="CI34" s="104">
        <v>1282013</v>
      </c>
      <c r="CJ34" s="104">
        <v>722906</v>
      </c>
      <c r="CK34" s="103">
        <v>11882639</v>
      </c>
      <c r="CL34" s="106">
        <v>11946062</v>
      </c>
      <c r="CM34" s="100">
        <v>0</v>
      </c>
      <c r="CN34" s="104">
        <v>0</v>
      </c>
      <c r="CO34" s="103">
        <v>0</v>
      </c>
      <c r="CP34" s="101">
        <v>0</v>
      </c>
      <c r="CQ34" s="104">
        <v>1984125</v>
      </c>
      <c r="CR34" s="104">
        <v>3009826</v>
      </c>
      <c r="CS34" s="104">
        <v>2536606</v>
      </c>
      <c r="CT34" s="104">
        <v>1264254</v>
      </c>
      <c r="CU34" s="104">
        <v>713763</v>
      </c>
      <c r="CV34" s="103">
        <v>9508574</v>
      </c>
      <c r="CW34" s="106">
        <v>9508574</v>
      </c>
      <c r="CX34" s="100">
        <v>22212</v>
      </c>
      <c r="CY34" s="104">
        <v>41211</v>
      </c>
      <c r="CZ34" s="103">
        <v>63423</v>
      </c>
      <c r="DA34" s="100">
        <v>0</v>
      </c>
      <c r="DB34" s="104">
        <v>827107</v>
      </c>
      <c r="DC34" s="104">
        <v>643120</v>
      </c>
      <c r="DD34" s="104">
        <v>876936</v>
      </c>
      <c r="DE34" s="104">
        <v>17759</v>
      </c>
      <c r="DF34" s="104">
        <v>9143</v>
      </c>
      <c r="DG34" s="103">
        <v>2374065</v>
      </c>
      <c r="DH34" s="106">
        <v>2437488</v>
      </c>
      <c r="DI34" s="100">
        <v>0</v>
      </c>
      <c r="DJ34" s="104">
        <v>0</v>
      </c>
      <c r="DK34" s="102">
        <v>0</v>
      </c>
      <c r="DL34" s="101">
        <v>0</v>
      </c>
      <c r="DM34" s="104">
        <v>220282</v>
      </c>
      <c r="DN34" s="104">
        <v>645715</v>
      </c>
      <c r="DO34" s="104">
        <v>1524580</v>
      </c>
      <c r="DP34" s="104">
        <v>372112</v>
      </c>
      <c r="DQ34" s="104">
        <v>573167</v>
      </c>
      <c r="DR34" s="103">
        <v>3335856</v>
      </c>
      <c r="DS34" s="106">
        <v>3335856</v>
      </c>
      <c r="DT34" s="100">
        <v>0</v>
      </c>
      <c r="DU34" s="104">
        <v>0</v>
      </c>
      <c r="DV34" s="103">
        <v>0</v>
      </c>
      <c r="DW34" s="100">
        <v>0</v>
      </c>
      <c r="DX34" s="104">
        <v>176262</v>
      </c>
      <c r="DY34" s="104">
        <v>578676</v>
      </c>
      <c r="DZ34" s="104">
        <v>1429351</v>
      </c>
      <c r="EA34" s="104">
        <v>372112</v>
      </c>
      <c r="EB34" s="104">
        <v>530453</v>
      </c>
      <c r="EC34" s="103">
        <v>3086854</v>
      </c>
      <c r="ED34" s="106">
        <v>3086854</v>
      </c>
      <c r="EE34" s="100">
        <v>0</v>
      </c>
      <c r="EF34" s="102">
        <v>0</v>
      </c>
      <c r="EG34" s="103">
        <v>0</v>
      </c>
      <c r="EH34" s="100">
        <v>0</v>
      </c>
      <c r="EI34" s="104">
        <v>44020</v>
      </c>
      <c r="EJ34" s="104">
        <v>67039</v>
      </c>
      <c r="EK34" s="104">
        <v>95229</v>
      </c>
      <c r="EL34" s="104">
        <v>0</v>
      </c>
      <c r="EM34" s="104">
        <v>42714</v>
      </c>
      <c r="EN34" s="102">
        <v>249002</v>
      </c>
      <c r="EO34" s="106">
        <v>249002</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99010</v>
      </c>
      <c r="FM34" s="104">
        <v>240471</v>
      </c>
      <c r="FN34" s="103">
        <v>539481</v>
      </c>
      <c r="FO34" s="100">
        <v>0</v>
      </c>
      <c r="FP34" s="104">
        <v>469230</v>
      </c>
      <c r="FQ34" s="104">
        <v>759173</v>
      </c>
      <c r="FR34" s="104">
        <v>930675</v>
      </c>
      <c r="FS34" s="104">
        <v>725631</v>
      </c>
      <c r="FT34" s="104">
        <v>633887</v>
      </c>
      <c r="FU34" s="103">
        <v>3518596</v>
      </c>
      <c r="FV34" s="106">
        <v>4058077</v>
      </c>
      <c r="FW34" s="105">
        <v>129540</v>
      </c>
      <c r="FX34" s="104">
        <v>240471</v>
      </c>
      <c r="FY34" s="102">
        <v>370011</v>
      </c>
      <c r="FZ34" s="101">
        <v>0</v>
      </c>
      <c r="GA34" s="104">
        <v>431610</v>
      </c>
      <c r="GB34" s="104">
        <v>748823</v>
      </c>
      <c r="GC34" s="104">
        <v>767325</v>
      </c>
      <c r="GD34" s="104">
        <v>545631</v>
      </c>
      <c r="GE34" s="104">
        <v>633887</v>
      </c>
      <c r="GF34" s="103">
        <v>3127276</v>
      </c>
      <c r="GG34" s="296">
        <v>3497287</v>
      </c>
      <c r="GH34" s="105">
        <v>27720</v>
      </c>
      <c r="GI34" s="104">
        <v>0</v>
      </c>
      <c r="GJ34" s="102">
        <v>27720</v>
      </c>
      <c r="GK34" s="101">
        <v>0</v>
      </c>
      <c r="GL34" s="104">
        <v>37620</v>
      </c>
      <c r="GM34" s="104">
        <v>10350</v>
      </c>
      <c r="GN34" s="104">
        <v>61380</v>
      </c>
      <c r="GO34" s="104">
        <v>0</v>
      </c>
      <c r="GP34" s="104">
        <v>0</v>
      </c>
      <c r="GQ34" s="103">
        <v>109350</v>
      </c>
      <c r="GR34" s="106">
        <v>137070</v>
      </c>
      <c r="GS34" s="100">
        <v>141750</v>
      </c>
      <c r="GT34" s="104">
        <v>0</v>
      </c>
      <c r="GU34" s="103">
        <v>141750</v>
      </c>
      <c r="GV34" s="100">
        <v>0</v>
      </c>
      <c r="GW34" s="104">
        <v>0</v>
      </c>
      <c r="GX34" s="104">
        <v>0</v>
      </c>
      <c r="GY34" s="104">
        <v>101970</v>
      </c>
      <c r="GZ34" s="104">
        <v>180000</v>
      </c>
      <c r="HA34" s="104">
        <v>0</v>
      </c>
      <c r="HB34" s="102">
        <v>281970</v>
      </c>
      <c r="HC34" s="106">
        <v>423720</v>
      </c>
      <c r="HD34" s="100">
        <v>0</v>
      </c>
      <c r="HE34" s="104">
        <v>0</v>
      </c>
      <c r="HF34" s="102">
        <v>0</v>
      </c>
      <c r="HG34" s="101">
        <v>0</v>
      </c>
      <c r="HH34" s="104">
        <v>1193579</v>
      </c>
      <c r="HI34" s="104">
        <v>1357543</v>
      </c>
      <c r="HJ34" s="104">
        <v>916930</v>
      </c>
      <c r="HK34" s="104">
        <v>1762085</v>
      </c>
      <c r="HL34" s="104">
        <v>766728</v>
      </c>
      <c r="HM34" s="103">
        <v>5996865</v>
      </c>
      <c r="HN34" s="99">
        <v>5996865</v>
      </c>
      <c r="HO34" s="105">
        <v>114247</v>
      </c>
      <c r="HP34" s="104">
        <v>172440</v>
      </c>
      <c r="HQ34" s="103">
        <v>286687</v>
      </c>
      <c r="HR34" s="100">
        <v>0</v>
      </c>
      <c r="HS34" s="104">
        <v>1247845</v>
      </c>
      <c r="HT34" s="104">
        <v>1081674</v>
      </c>
      <c r="HU34" s="104">
        <v>1056322</v>
      </c>
      <c r="HV34" s="104">
        <v>496986</v>
      </c>
      <c r="HW34" s="104">
        <v>388760</v>
      </c>
      <c r="HX34" s="102">
        <v>4271587</v>
      </c>
      <c r="HY34" s="106">
        <v>4558274</v>
      </c>
      <c r="HZ34" s="137">
        <v>0</v>
      </c>
      <c r="IA34" s="122">
        <v>352224</v>
      </c>
      <c r="IB34" s="137">
        <v>352224</v>
      </c>
      <c r="IC34" s="121">
        <v>0</v>
      </c>
      <c r="ID34" s="122">
        <v>3451603</v>
      </c>
      <c r="IE34" s="123">
        <v>3642880</v>
      </c>
      <c r="IF34" s="124">
        <v>7091455</v>
      </c>
      <c r="IG34" s="122">
        <v>4871346</v>
      </c>
      <c r="IH34" s="124">
        <v>2344830</v>
      </c>
      <c r="II34" s="125">
        <v>21402114</v>
      </c>
      <c r="IJ34" s="137">
        <v>21754338</v>
      </c>
      <c r="IK34" s="219">
        <v>0</v>
      </c>
      <c r="IL34" s="223">
        <v>0</v>
      </c>
      <c r="IM34" s="224">
        <v>0</v>
      </c>
      <c r="IN34" s="127"/>
      <c r="IO34" s="109">
        <v>110766</v>
      </c>
      <c r="IP34" s="109">
        <v>0</v>
      </c>
      <c r="IQ34" s="109">
        <v>0</v>
      </c>
      <c r="IR34" s="109">
        <v>0</v>
      </c>
      <c r="IS34" s="109">
        <v>0</v>
      </c>
      <c r="IT34" s="128">
        <v>110766</v>
      </c>
      <c r="IU34" s="298">
        <v>110766</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988190</v>
      </c>
      <c r="JL34" s="109">
        <v>1213819</v>
      </c>
      <c r="JM34" s="109">
        <v>651114</v>
      </c>
      <c r="JN34" s="109">
        <v>330156</v>
      </c>
      <c r="JO34" s="109">
        <v>0</v>
      </c>
      <c r="JP34" s="110">
        <v>3183279</v>
      </c>
      <c r="JQ34" s="298">
        <v>3183279</v>
      </c>
      <c r="JR34" s="129">
        <v>0</v>
      </c>
      <c r="JS34" s="109">
        <v>0</v>
      </c>
      <c r="JT34" s="128">
        <v>0</v>
      </c>
      <c r="JU34" s="108">
        <v>0</v>
      </c>
      <c r="JV34" s="109">
        <v>81864</v>
      </c>
      <c r="JW34" s="109">
        <v>9312</v>
      </c>
      <c r="JX34" s="109">
        <v>155916</v>
      </c>
      <c r="JY34" s="109">
        <v>57447</v>
      </c>
      <c r="JZ34" s="109">
        <v>0</v>
      </c>
      <c r="KA34" s="110">
        <v>304539</v>
      </c>
      <c r="KB34" s="298">
        <v>304539</v>
      </c>
      <c r="KC34" s="221">
        <v>0</v>
      </c>
      <c r="KD34" s="217">
        <v>352224</v>
      </c>
      <c r="KE34" s="110">
        <v>352224</v>
      </c>
      <c r="KF34" s="108">
        <v>0</v>
      </c>
      <c r="KG34" s="109">
        <v>1323164</v>
      </c>
      <c r="KH34" s="109">
        <v>795969</v>
      </c>
      <c r="KI34" s="109">
        <v>1686442</v>
      </c>
      <c r="KJ34" s="109">
        <v>1158327</v>
      </c>
      <c r="KK34" s="109">
        <v>318615</v>
      </c>
      <c r="KL34" s="110">
        <v>5282517</v>
      </c>
      <c r="KM34" s="130">
        <v>5634741</v>
      </c>
      <c r="KN34" s="219">
        <v>0</v>
      </c>
      <c r="KO34" s="223">
        <v>0</v>
      </c>
      <c r="KP34" s="224">
        <v>0</v>
      </c>
      <c r="KQ34" s="127"/>
      <c r="KR34" s="109">
        <v>947619</v>
      </c>
      <c r="KS34" s="109">
        <v>1623780</v>
      </c>
      <c r="KT34" s="109">
        <v>1897623</v>
      </c>
      <c r="KU34" s="109">
        <v>1103076</v>
      </c>
      <c r="KV34" s="109">
        <v>500958</v>
      </c>
      <c r="KW34" s="110">
        <v>6073056</v>
      </c>
      <c r="KX34" s="298">
        <v>6073056</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2700360</v>
      </c>
      <c r="LQ34" s="109">
        <v>2222340</v>
      </c>
      <c r="LR34" s="109">
        <v>1525257</v>
      </c>
      <c r="LS34" s="110">
        <v>6447957</v>
      </c>
      <c r="LT34" s="298">
        <v>6447957</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717475</v>
      </c>
      <c r="MK34" s="109">
        <v>2597251</v>
      </c>
      <c r="ML34" s="109">
        <v>6266939</v>
      </c>
      <c r="MM34" s="109">
        <v>12164417</v>
      </c>
      <c r="MN34" s="109">
        <v>7905643</v>
      </c>
      <c r="MO34" s="110">
        <v>29651725</v>
      </c>
      <c r="MP34" s="130">
        <v>29651725</v>
      </c>
      <c r="MQ34" s="129">
        <v>0</v>
      </c>
      <c r="MR34" s="109">
        <v>0</v>
      </c>
      <c r="MS34" s="110">
        <v>0</v>
      </c>
      <c r="MT34" s="132"/>
      <c r="MU34" s="109">
        <v>0</v>
      </c>
      <c r="MV34" s="109">
        <v>431979</v>
      </c>
      <c r="MW34" s="109">
        <v>2614319</v>
      </c>
      <c r="MX34" s="109">
        <v>8306407</v>
      </c>
      <c r="MY34" s="109">
        <v>5510243</v>
      </c>
      <c r="MZ34" s="110">
        <v>16862948</v>
      </c>
      <c r="NA34" s="130">
        <v>16862948</v>
      </c>
      <c r="NB34" s="129">
        <v>0</v>
      </c>
      <c r="NC34" s="109">
        <v>0</v>
      </c>
      <c r="ND34" s="110">
        <v>0</v>
      </c>
      <c r="NE34" s="132"/>
      <c r="NF34" s="109">
        <v>717475</v>
      </c>
      <c r="NG34" s="109">
        <v>2165272</v>
      </c>
      <c r="NH34" s="109">
        <v>3652620</v>
      </c>
      <c r="NI34" s="109">
        <v>3858010</v>
      </c>
      <c r="NJ34" s="109">
        <v>2395400</v>
      </c>
      <c r="NK34" s="110">
        <v>12788777</v>
      </c>
      <c r="NL34" s="298">
        <v>12788777</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489676</v>
      </c>
      <c r="OJ34" s="109">
        <v>1018468</v>
      </c>
      <c r="OK34" s="128">
        <v>1508144</v>
      </c>
      <c r="OL34" s="108">
        <v>0</v>
      </c>
      <c r="OM34" s="109">
        <v>12524893</v>
      </c>
      <c r="ON34" s="109">
        <v>16057223</v>
      </c>
      <c r="OO34" s="109">
        <v>23381929</v>
      </c>
      <c r="OP34" s="109">
        <v>24263691</v>
      </c>
      <c r="OQ34" s="109">
        <v>16394875</v>
      </c>
      <c r="OR34" s="110">
        <v>92622611</v>
      </c>
      <c r="OS34" s="130">
        <v>94130755</v>
      </c>
    </row>
    <row r="35" spans="2:409" ht="21" customHeight="1" x14ac:dyDescent="0.2">
      <c r="B35" s="472" t="s">
        <v>30</v>
      </c>
      <c r="C35" s="100">
        <v>898424</v>
      </c>
      <c r="D35" s="104">
        <v>767541</v>
      </c>
      <c r="E35" s="161">
        <v>1665965</v>
      </c>
      <c r="F35" s="162">
        <v>0</v>
      </c>
      <c r="G35" s="163">
        <v>6924109</v>
      </c>
      <c r="H35" s="163">
        <v>6900775</v>
      </c>
      <c r="I35" s="163">
        <v>9184996</v>
      </c>
      <c r="J35" s="163">
        <v>9014322</v>
      </c>
      <c r="K35" s="163">
        <v>2603359</v>
      </c>
      <c r="L35" s="164">
        <v>34627561</v>
      </c>
      <c r="M35" s="106">
        <v>36293526</v>
      </c>
      <c r="N35" s="100">
        <v>194856</v>
      </c>
      <c r="O35" s="104">
        <v>209200</v>
      </c>
      <c r="P35" s="103">
        <v>404056</v>
      </c>
      <c r="Q35" s="100">
        <v>0</v>
      </c>
      <c r="R35" s="104">
        <v>2118832</v>
      </c>
      <c r="S35" s="104">
        <v>1724883</v>
      </c>
      <c r="T35" s="104">
        <v>3114281</v>
      </c>
      <c r="U35" s="104">
        <v>4581305</v>
      </c>
      <c r="V35" s="104">
        <v>1612795</v>
      </c>
      <c r="W35" s="103">
        <v>13152096</v>
      </c>
      <c r="X35" s="106">
        <v>13556152</v>
      </c>
      <c r="Y35" s="100">
        <v>0</v>
      </c>
      <c r="Z35" s="104">
        <v>0</v>
      </c>
      <c r="AA35" s="103">
        <v>0</v>
      </c>
      <c r="AB35" s="100">
        <v>0</v>
      </c>
      <c r="AC35" s="104">
        <v>1116948</v>
      </c>
      <c r="AD35" s="104">
        <v>811009</v>
      </c>
      <c r="AE35" s="104">
        <v>2060859</v>
      </c>
      <c r="AF35" s="104">
        <v>2611800</v>
      </c>
      <c r="AG35" s="104">
        <v>1213224</v>
      </c>
      <c r="AH35" s="103">
        <v>7813840</v>
      </c>
      <c r="AI35" s="106">
        <v>7813840</v>
      </c>
      <c r="AJ35" s="100">
        <v>0</v>
      </c>
      <c r="AK35" s="104">
        <v>0</v>
      </c>
      <c r="AL35" s="103">
        <v>0</v>
      </c>
      <c r="AM35" s="100">
        <v>0</v>
      </c>
      <c r="AN35" s="104">
        <v>61461</v>
      </c>
      <c r="AO35" s="104">
        <v>0</v>
      </c>
      <c r="AP35" s="104">
        <v>49167</v>
      </c>
      <c r="AQ35" s="104">
        <v>576479</v>
      </c>
      <c r="AR35" s="104">
        <v>196677</v>
      </c>
      <c r="AS35" s="103">
        <v>883784</v>
      </c>
      <c r="AT35" s="106">
        <v>883784</v>
      </c>
      <c r="AU35" s="100">
        <v>133350</v>
      </c>
      <c r="AV35" s="104">
        <v>197248</v>
      </c>
      <c r="AW35" s="103">
        <v>330598</v>
      </c>
      <c r="AX35" s="100">
        <v>0</v>
      </c>
      <c r="AY35" s="104">
        <v>654003</v>
      </c>
      <c r="AZ35" s="104">
        <v>678479</v>
      </c>
      <c r="BA35" s="104">
        <v>616483</v>
      </c>
      <c r="BB35" s="104">
        <v>1016209</v>
      </c>
      <c r="BC35" s="104">
        <v>110107</v>
      </c>
      <c r="BD35" s="103">
        <v>3075281</v>
      </c>
      <c r="BE35" s="106">
        <v>3405879</v>
      </c>
      <c r="BF35" s="100">
        <v>50706</v>
      </c>
      <c r="BG35" s="104">
        <v>0</v>
      </c>
      <c r="BH35" s="102">
        <v>50706</v>
      </c>
      <c r="BI35" s="101">
        <v>0</v>
      </c>
      <c r="BJ35" s="104">
        <v>34416</v>
      </c>
      <c r="BK35" s="104">
        <v>0</v>
      </c>
      <c r="BL35" s="104">
        <v>126813</v>
      </c>
      <c r="BM35" s="104">
        <v>68832</v>
      </c>
      <c r="BN35" s="104">
        <v>0</v>
      </c>
      <c r="BO35" s="103">
        <v>230061</v>
      </c>
      <c r="BP35" s="106">
        <v>280767</v>
      </c>
      <c r="BQ35" s="100">
        <v>10800</v>
      </c>
      <c r="BR35" s="104">
        <v>11952</v>
      </c>
      <c r="BS35" s="103">
        <v>22752</v>
      </c>
      <c r="BT35" s="100">
        <v>0</v>
      </c>
      <c r="BU35" s="104">
        <v>252004</v>
      </c>
      <c r="BV35" s="104">
        <v>235395</v>
      </c>
      <c r="BW35" s="104">
        <v>260959</v>
      </c>
      <c r="BX35" s="104">
        <v>307985</v>
      </c>
      <c r="BY35" s="104">
        <v>92787</v>
      </c>
      <c r="BZ35" s="103">
        <v>1149130</v>
      </c>
      <c r="CA35" s="106">
        <v>1171882</v>
      </c>
      <c r="CB35" s="100">
        <v>0</v>
      </c>
      <c r="CC35" s="104">
        <v>128926</v>
      </c>
      <c r="CD35" s="103">
        <v>128926</v>
      </c>
      <c r="CE35" s="100">
        <v>0</v>
      </c>
      <c r="CF35" s="104">
        <v>1982171</v>
      </c>
      <c r="CG35" s="104">
        <v>1990504</v>
      </c>
      <c r="CH35" s="104">
        <v>1930620</v>
      </c>
      <c r="CI35" s="104">
        <v>1783079</v>
      </c>
      <c r="CJ35" s="104">
        <v>133096</v>
      </c>
      <c r="CK35" s="103">
        <v>7819470</v>
      </c>
      <c r="CL35" s="106">
        <v>7948396</v>
      </c>
      <c r="CM35" s="100">
        <v>0</v>
      </c>
      <c r="CN35" s="104">
        <v>0</v>
      </c>
      <c r="CO35" s="103">
        <v>0</v>
      </c>
      <c r="CP35" s="101">
        <v>0</v>
      </c>
      <c r="CQ35" s="104">
        <v>1615896</v>
      </c>
      <c r="CR35" s="104">
        <v>1585549</v>
      </c>
      <c r="CS35" s="104">
        <v>1529324</v>
      </c>
      <c r="CT35" s="104">
        <v>1491924</v>
      </c>
      <c r="CU35" s="104">
        <v>133096</v>
      </c>
      <c r="CV35" s="103">
        <v>6355789</v>
      </c>
      <c r="CW35" s="106">
        <v>6355789</v>
      </c>
      <c r="CX35" s="100">
        <v>0</v>
      </c>
      <c r="CY35" s="104">
        <v>128926</v>
      </c>
      <c r="CZ35" s="103">
        <v>128926</v>
      </c>
      <c r="DA35" s="100">
        <v>0</v>
      </c>
      <c r="DB35" s="104">
        <v>366275</v>
      </c>
      <c r="DC35" s="104">
        <v>404955</v>
      </c>
      <c r="DD35" s="104">
        <v>401296</v>
      </c>
      <c r="DE35" s="104">
        <v>291155</v>
      </c>
      <c r="DF35" s="104">
        <v>0</v>
      </c>
      <c r="DG35" s="103">
        <v>1463681</v>
      </c>
      <c r="DH35" s="106">
        <v>1592607</v>
      </c>
      <c r="DI35" s="100">
        <v>0</v>
      </c>
      <c r="DJ35" s="104">
        <v>17181</v>
      </c>
      <c r="DK35" s="102">
        <v>17181</v>
      </c>
      <c r="DL35" s="101">
        <v>0</v>
      </c>
      <c r="DM35" s="104">
        <v>458168</v>
      </c>
      <c r="DN35" s="104">
        <v>473674</v>
      </c>
      <c r="DO35" s="104">
        <v>945352</v>
      </c>
      <c r="DP35" s="104">
        <v>575209</v>
      </c>
      <c r="DQ35" s="104">
        <v>122518</v>
      </c>
      <c r="DR35" s="103">
        <v>2574921</v>
      </c>
      <c r="DS35" s="106">
        <v>2592102</v>
      </c>
      <c r="DT35" s="100">
        <v>0</v>
      </c>
      <c r="DU35" s="104">
        <v>17181</v>
      </c>
      <c r="DV35" s="103">
        <v>17181</v>
      </c>
      <c r="DW35" s="100">
        <v>0</v>
      </c>
      <c r="DX35" s="104">
        <v>411554</v>
      </c>
      <c r="DY35" s="104">
        <v>417037</v>
      </c>
      <c r="DZ35" s="104">
        <v>746935</v>
      </c>
      <c r="EA35" s="104">
        <v>575209</v>
      </c>
      <c r="EB35" s="104">
        <v>67923</v>
      </c>
      <c r="EC35" s="103">
        <v>2218658</v>
      </c>
      <c r="ED35" s="106">
        <v>2235839</v>
      </c>
      <c r="EE35" s="100">
        <v>0</v>
      </c>
      <c r="EF35" s="102">
        <v>0</v>
      </c>
      <c r="EG35" s="103">
        <v>0</v>
      </c>
      <c r="EH35" s="100">
        <v>0</v>
      </c>
      <c r="EI35" s="104">
        <v>46614</v>
      </c>
      <c r="EJ35" s="104">
        <v>56637</v>
      </c>
      <c r="EK35" s="104">
        <v>198417</v>
      </c>
      <c r="EL35" s="104">
        <v>0</v>
      </c>
      <c r="EM35" s="104">
        <v>54595</v>
      </c>
      <c r="EN35" s="102">
        <v>356263</v>
      </c>
      <c r="EO35" s="106">
        <v>356263</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429500</v>
      </c>
      <c r="FM35" s="104">
        <v>179935</v>
      </c>
      <c r="FN35" s="103">
        <v>609435</v>
      </c>
      <c r="FO35" s="100">
        <v>0</v>
      </c>
      <c r="FP35" s="104">
        <v>425351</v>
      </c>
      <c r="FQ35" s="104">
        <v>650741</v>
      </c>
      <c r="FR35" s="104">
        <v>935850</v>
      </c>
      <c r="FS35" s="104">
        <v>725340</v>
      </c>
      <c r="FT35" s="104">
        <v>278936</v>
      </c>
      <c r="FU35" s="103">
        <v>3016218</v>
      </c>
      <c r="FV35" s="106">
        <v>3625653</v>
      </c>
      <c r="FW35" s="105">
        <v>235550</v>
      </c>
      <c r="FX35" s="104">
        <v>179935</v>
      </c>
      <c r="FY35" s="102">
        <v>415485</v>
      </c>
      <c r="FZ35" s="101">
        <v>0</v>
      </c>
      <c r="GA35" s="104">
        <v>376247</v>
      </c>
      <c r="GB35" s="104">
        <v>617621</v>
      </c>
      <c r="GC35" s="104">
        <v>849360</v>
      </c>
      <c r="GD35" s="104">
        <v>725340</v>
      </c>
      <c r="GE35" s="104">
        <v>217556</v>
      </c>
      <c r="GF35" s="103">
        <v>2786124</v>
      </c>
      <c r="GG35" s="296">
        <v>3201609</v>
      </c>
      <c r="GH35" s="105">
        <v>15750</v>
      </c>
      <c r="GI35" s="104">
        <v>0</v>
      </c>
      <c r="GJ35" s="102">
        <v>15750</v>
      </c>
      <c r="GK35" s="101">
        <v>0</v>
      </c>
      <c r="GL35" s="104">
        <v>49104</v>
      </c>
      <c r="GM35" s="104">
        <v>33120</v>
      </c>
      <c r="GN35" s="104">
        <v>36990</v>
      </c>
      <c r="GO35" s="104">
        <v>0</v>
      </c>
      <c r="GP35" s="104">
        <v>61380</v>
      </c>
      <c r="GQ35" s="103">
        <v>180594</v>
      </c>
      <c r="GR35" s="106">
        <v>196344</v>
      </c>
      <c r="GS35" s="100">
        <v>178200</v>
      </c>
      <c r="GT35" s="104">
        <v>0</v>
      </c>
      <c r="GU35" s="103">
        <v>178200</v>
      </c>
      <c r="GV35" s="100">
        <v>0</v>
      </c>
      <c r="GW35" s="104">
        <v>0</v>
      </c>
      <c r="GX35" s="104">
        <v>0</v>
      </c>
      <c r="GY35" s="104">
        <v>49500</v>
      </c>
      <c r="GZ35" s="104">
        <v>0</v>
      </c>
      <c r="HA35" s="104">
        <v>0</v>
      </c>
      <c r="HB35" s="102">
        <v>49500</v>
      </c>
      <c r="HC35" s="106">
        <v>227700</v>
      </c>
      <c r="HD35" s="100">
        <v>58968</v>
      </c>
      <c r="HE35" s="104">
        <v>99279</v>
      </c>
      <c r="HF35" s="102">
        <v>158247</v>
      </c>
      <c r="HG35" s="101">
        <v>0</v>
      </c>
      <c r="HH35" s="104">
        <v>916063</v>
      </c>
      <c r="HI35" s="104">
        <v>1333439</v>
      </c>
      <c r="HJ35" s="104">
        <v>1341715</v>
      </c>
      <c r="HK35" s="104">
        <v>702981</v>
      </c>
      <c r="HL35" s="104">
        <v>269590</v>
      </c>
      <c r="HM35" s="103">
        <v>4563788</v>
      </c>
      <c r="HN35" s="99">
        <v>4722035</v>
      </c>
      <c r="HO35" s="105">
        <v>215100</v>
      </c>
      <c r="HP35" s="104">
        <v>133020</v>
      </c>
      <c r="HQ35" s="103">
        <v>348120</v>
      </c>
      <c r="HR35" s="100">
        <v>0</v>
      </c>
      <c r="HS35" s="104">
        <v>1023524</v>
      </c>
      <c r="HT35" s="104">
        <v>727534</v>
      </c>
      <c r="HU35" s="104">
        <v>917178</v>
      </c>
      <c r="HV35" s="104">
        <v>646408</v>
      </c>
      <c r="HW35" s="104">
        <v>186424</v>
      </c>
      <c r="HX35" s="102">
        <v>3501068</v>
      </c>
      <c r="HY35" s="106">
        <v>3849188</v>
      </c>
      <c r="HZ35" s="118">
        <v>26763</v>
      </c>
      <c r="IA35" s="119">
        <v>0</v>
      </c>
      <c r="IB35" s="120">
        <v>26763</v>
      </c>
      <c r="IC35" s="133">
        <v>0</v>
      </c>
      <c r="ID35" s="119">
        <v>2771491</v>
      </c>
      <c r="IE35" s="134">
        <v>1901793</v>
      </c>
      <c r="IF35" s="120">
        <v>2184490</v>
      </c>
      <c r="IG35" s="119">
        <v>1965906</v>
      </c>
      <c r="IH35" s="120">
        <v>307827</v>
      </c>
      <c r="II35" s="135">
        <v>9131507</v>
      </c>
      <c r="IJ35" s="126">
        <v>9158270</v>
      </c>
      <c r="IK35" s="219">
        <v>0</v>
      </c>
      <c r="IL35" s="223">
        <v>0</v>
      </c>
      <c r="IM35" s="224">
        <v>0</v>
      </c>
      <c r="IN35" s="127"/>
      <c r="IO35" s="109">
        <v>0</v>
      </c>
      <c r="IP35" s="109">
        <v>112131</v>
      </c>
      <c r="IQ35" s="109">
        <v>181224</v>
      </c>
      <c r="IR35" s="109">
        <v>0</v>
      </c>
      <c r="IS35" s="109">
        <v>0</v>
      </c>
      <c r="IT35" s="128">
        <v>293355</v>
      </c>
      <c r="IU35" s="298">
        <v>293355</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1374592</v>
      </c>
      <c r="JL35" s="109">
        <v>572934</v>
      </c>
      <c r="JM35" s="109">
        <v>1051984</v>
      </c>
      <c r="JN35" s="109">
        <v>571918</v>
      </c>
      <c r="JO35" s="109">
        <v>22383</v>
      </c>
      <c r="JP35" s="110">
        <v>3593811</v>
      </c>
      <c r="JQ35" s="298">
        <v>3593811</v>
      </c>
      <c r="JR35" s="129">
        <v>26763</v>
      </c>
      <c r="JS35" s="109">
        <v>0</v>
      </c>
      <c r="JT35" s="128">
        <v>26763</v>
      </c>
      <c r="JU35" s="108">
        <v>0</v>
      </c>
      <c r="JV35" s="109">
        <v>186318</v>
      </c>
      <c r="JW35" s="109">
        <v>37674</v>
      </c>
      <c r="JX35" s="109">
        <v>172071</v>
      </c>
      <c r="JY35" s="109">
        <v>0</v>
      </c>
      <c r="JZ35" s="109">
        <v>0</v>
      </c>
      <c r="KA35" s="110">
        <v>396063</v>
      </c>
      <c r="KB35" s="298">
        <v>422826</v>
      </c>
      <c r="KC35" s="221">
        <v>0</v>
      </c>
      <c r="KD35" s="217">
        <v>0</v>
      </c>
      <c r="KE35" s="110">
        <v>0</v>
      </c>
      <c r="KF35" s="108">
        <v>0</v>
      </c>
      <c r="KG35" s="109">
        <v>0</v>
      </c>
      <c r="KH35" s="109">
        <v>0</v>
      </c>
      <c r="KI35" s="109">
        <v>0</v>
      </c>
      <c r="KJ35" s="109">
        <v>295704</v>
      </c>
      <c r="KK35" s="109">
        <v>0</v>
      </c>
      <c r="KL35" s="110">
        <v>295704</v>
      </c>
      <c r="KM35" s="130">
        <v>295704</v>
      </c>
      <c r="KN35" s="219">
        <v>0</v>
      </c>
      <c r="KO35" s="223">
        <v>0</v>
      </c>
      <c r="KP35" s="224">
        <v>0</v>
      </c>
      <c r="KQ35" s="127"/>
      <c r="KR35" s="109">
        <v>1210581</v>
      </c>
      <c r="KS35" s="109">
        <v>1179054</v>
      </c>
      <c r="KT35" s="109">
        <v>779211</v>
      </c>
      <c r="KU35" s="109">
        <v>1098284</v>
      </c>
      <c r="KV35" s="109">
        <v>285444</v>
      </c>
      <c r="KW35" s="110">
        <v>4552574</v>
      </c>
      <c r="KX35" s="298">
        <v>455257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3090288</v>
      </c>
      <c r="MK35" s="109">
        <v>629552</v>
      </c>
      <c r="ML35" s="109">
        <v>10286689</v>
      </c>
      <c r="MM35" s="109">
        <v>12948458</v>
      </c>
      <c r="MN35" s="109">
        <v>6520991</v>
      </c>
      <c r="MO35" s="110">
        <v>33475978</v>
      </c>
      <c r="MP35" s="130">
        <v>33475978</v>
      </c>
      <c r="MQ35" s="129">
        <v>0</v>
      </c>
      <c r="MR35" s="109">
        <v>0</v>
      </c>
      <c r="MS35" s="110">
        <v>0</v>
      </c>
      <c r="MT35" s="132"/>
      <c r="MU35" s="109">
        <v>0</v>
      </c>
      <c r="MV35" s="109">
        <v>58825</v>
      </c>
      <c r="MW35" s="109">
        <v>6177031</v>
      </c>
      <c r="MX35" s="109">
        <v>7818783</v>
      </c>
      <c r="MY35" s="109">
        <v>4546299</v>
      </c>
      <c r="MZ35" s="110">
        <v>18600938</v>
      </c>
      <c r="NA35" s="130">
        <v>18600938</v>
      </c>
      <c r="NB35" s="129">
        <v>0</v>
      </c>
      <c r="NC35" s="109">
        <v>0</v>
      </c>
      <c r="ND35" s="110">
        <v>0</v>
      </c>
      <c r="NE35" s="132"/>
      <c r="NF35" s="109">
        <v>3090288</v>
      </c>
      <c r="NG35" s="109">
        <v>570727</v>
      </c>
      <c r="NH35" s="109">
        <v>3690501</v>
      </c>
      <c r="NI35" s="109">
        <v>4743298</v>
      </c>
      <c r="NJ35" s="109">
        <v>1585114</v>
      </c>
      <c r="NK35" s="110">
        <v>13679928</v>
      </c>
      <c r="NL35" s="298">
        <v>13679928</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419157</v>
      </c>
      <c r="OE35" s="109">
        <v>386377</v>
      </c>
      <c r="OF35" s="109">
        <v>389578</v>
      </c>
      <c r="OG35" s="110">
        <v>1195112</v>
      </c>
      <c r="OH35" s="111">
        <v>1195112</v>
      </c>
      <c r="OI35" s="129">
        <v>925187</v>
      </c>
      <c r="OJ35" s="109">
        <v>767541</v>
      </c>
      <c r="OK35" s="128">
        <v>1692728</v>
      </c>
      <c r="OL35" s="108">
        <v>0</v>
      </c>
      <c r="OM35" s="109">
        <v>12785888</v>
      </c>
      <c r="ON35" s="109">
        <v>9432120</v>
      </c>
      <c r="OO35" s="109">
        <v>21656175</v>
      </c>
      <c r="OP35" s="109">
        <v>23928686</v>
      </c>
      <c r="OQ35" s="109">
        <v>9432177</v>
      </c>
      <c r="OR35" s="110">
        <v>77235046</v>
      </c>
      <c r="OS35" s="130">
        <v>78927774</v>
      </c>
    </row>
    <row r="36" spans="2:409" ht="21" customHeight="1" x14ac:dyDescent="0.2">
      <c r="B36" s="472" t="s">
        <v>31</v>
      </c>
      <c r="C36" s="100">
        <v>512721</v>
      </c>
      <c r="D36" s="104">
        <v>1005750</v>
      </c>
      <c r="E36" s="103">
        <v>1518471</v>
      </c>
      <c r="F36" s="99">
        <v>0</v>
      </c>
      <c r="G36" s="104">
        <v>6656486</v>
      </c>
      <c r="H36" s="104">
        <v>8842102</v>
      </c>
      <c r="I36" s="104">
        <v>7542230</v>
      </c>
      <c r="J36" s="104">
        <v>6915299</v>
      </c>
      <c r="K36" s="104">
        <v>3713740</v>
      </c>
      <c r="L36" s="160">
        <v>33669857</v>
      </c>
      <c r="M36" s="106">
        <v>35188328</v>
      </c>
      <c r="N36" s="100">
        <v>168250</v>
      </c>
      <c r="O36" s="104">
        <v>223281</v>
      </c>
      <c r="P36" s="103">
        <v>391531</v>
      </c>
      <c r="Q36" s="100">
        <v>0</v>
      </c>
      <c r="R36" s="104">
        <v>1301207</v>
      </c>
      <c r="S36" s="104">
        <v>1382937</v>
      </c>
      <c r="T36" s="104">
        <v>1705244</v>
      </c>
      <c r="U36" s="104">
        <v>2103264</v>
      </c>
      <c r="V36" s="104">
        <v>2539758</v>
      </c>
      <c r="W36" s="103">
        <v>9032410</v>
      </c>
      <c r="X36" s="106">
        <v>9423941</v>
      </c>
      <c r="Y36" s="100">
        <v>0</v>
      </c>
      <c r="Z36" s="104">
        <v>0</v>
      </c>
      <c r="AA36" s="103">
        <v>0</v>
      </c>
      <c r="AB36" s="100">
        <v>0</v>
      </c>
      <c r="AC36" s="104">
        <v>399399</v>
      </c>
      <c r="AD36" s="104">
        <v>462283</v>
      </c>
      <c r="AE36" s="104">
        <v>767316</v>
      </c>
      <c r="AF36" s="104">
        <v>384274</v>
      </c>
      <c r="AG36" s="104">
        <v>1644124</v>
      </c>
      <c r="AH36" s="103">
        <v>3657396</v>
      </c>
      <c r="AI36" s="106">
        <v>3657396</v>
      </c>
      <c r="AJ36" s="100">
        <v>0</v>
      </c>
      <c r="AK36" s="104">
        <v>0</v>
      </c>
      <c r="AL36" s="103">
        <v>0</v>
      </c>
      <c r="AM36" s="100">
        <v>0</v>
      </c>
      <c r="AN36" s="104">
        <v>49167</v>
      </c>
      <c r="AO36" s="104">
        <v>43704</v>
      </c>
      <c r="AP36" s="104">
        <v>184646</v>
      </c>
      <c r="AQ36" s="104">
        <v>544088</v>
      </c>
      <c r="AR36" s="104">
        <v>285469</v>
      </c>
      <c r="AS36" s="103">
        <v>1107074</v>
      </c>
      <c r="AT36" s="106">
        <v>1107074</v>
      </c>
      <c r="AU36" s="100">
        <v>122908</v>
      </c>
      <c r="AV36" s="104">
        <v>164529</v>
      </c>
      <c r="AW36" s="103">
        <v>287437</v>
      </c>
      <c r="AX36" s="100">
        <v>0</v>
      </c>
      <c r="AY36" s="104">
        <v>668213</v>
      </c>
      <c r="AZ36" s="104">
        <v>576320</v>
      </c>
      <c r="BA36" s="104">
        <v>509697</v>
      </c>
      <c r="BB36" s="104">
        <v>705610</v>
      </c>
      <c r="BC36" s="104">
        <v>445102</v>
      </c>
      <c r="BD36" s="103">
        <v>2904942</v>
      </c>
      <c r="BE36" s="106">
        <v>3192379</v>
      </c>
      <c r="BF36" s="100">
        <v>33804</v>
      </c>
      <c r="BG36" s="104">
        <v>58752</v>
      </c>
      <c r="BH36" s="102">
        <v>92556</v>
      </c>
      <c r="BI36" s="101">
        <v>0</v>
      </c>
      <c r="BJ36" s="104">
        <v>77436</v>
      </c>
      <c r="BK36" s="104">
        <v>60228</v>
      </c>
      <c r="BL36" s="104">
        <v>86945</v>
      </c>
      <c r="BM36" s="104">
        <v>146268</v>
      </c>
      <c r="BN36" s="104">
        <v>40509</v>
      </c>
      <c r="BO36" s="103">
        <v>411386</v>
      </c>
      <c r="BP36" s="106">
        <v>503942</v>
      </c>
      <c r="BQ36" s="100">
        <v>11538</v>
      </c>
      <c r="BR36" s="104">
        <v>0</v>
      </c>
      <c r="BS36" s="103">
        <v>11538</v>
      </c>
      <c r="BT36" s="100">
        <v>0</v>
      </c>
      <c r="BU36" s="104">
        <v>106992</v>
      </c>
      <c r="BV36" s="104">
        <v>240402</v>
      </c>
      <c r="BW36" s="104">
        <v>156640</v>
      </c>
      <c r="BX36" s="104">
        <v>323024</v>
      </c>
      <c r="BY36" s="104">
        <v>124554</v>
      </c>
      <c r="BZ36" s="103">
        <v>951612</v>
      </c>
      <c r="CA36" s="106">
        <v>963150</v>
      </c>
      <c r="CB36" s="100">
        <v>0</v>
      </c>
      <c r="CC36" s="104">
        <v>0</v>
      </c>
      <c r="CD36" s="103">
        <v>0</v>
      </c>
      <c r="CE36" s="100">
        <v>0</v>
      </c>
      <c r="CF36" s="104">
        <v>2013698</v>
      </c>
      <c r="CG36" s="104">
        <v>3464255</v>
      </c>
      <c r="CH36" s="104">
        <v>2031775</v>
      </c>
      <c r="CI36" s="104">
        <v>1524033</v>
      </c>
      <c r="CJ36" s="104">
        <v>384065</v>
      </c>
      <c r="CK36" s="103">
        <v>9417826</v>
      </c>
      <c r="CL36" s="106">
        <v>9417826</v>
      </c>
      <c r="CM36" s="100">
        <v>0</v>
      </c>
      <c r="CN36" s="104">
        <v>0</v>
      </c>
      <c r="CO36" s="103">
        <v>0</v>
      </c>
      <c r="CP36" s="101">
        <v>0</v>
      </c>
      <c r="CQ36" s="104">
        <v>1826898</v>
      </c>
      <c r="CR36" s="104">
        <v>3007271</v>
      </c>
      <c r="CS36" s="104">
        <v>1619622</v>
      </c>
      <c r="CT36" s="104">
        <v>1274179</v>
      </c>
      <c r="CU36" s="104">
        <v>276649</v>
      </c>
      <c r="CV36" s="103">
        <v>8004619</v>
      </c>
      <c r="CW36" s="106">
        <v>8004619</v>
      </c>
      <c r="CX36" s="100">
        <v>0</v>
      </c>
      <c r="CY36" s="104">
        <v>0</v>
      </c>
      <c r="CZ36" s="103">
        <v>0</v>
      </c>
      <c r="DA36" s="100">
        <v>0</v>
      </c>
      <c r="DB36" s="104">
        <v>186800</v>
      </c>
      <c r="DC36" s="104">
        <v>456984</v>
      </c>
      <c r="DD36" s="104">
        <v>412153</v>
      </c>
      <c r="DE36" s="104">
        <v>249854</v>
      </c>
      <c r="DF36" s="104">
        <v>107416</v>
      </c>
      <c r="DG36" s="103">
        <v>1413207</v>
      </c>
      <c r="DH36" s="106">
        <v>1413207</v>
      </c>
      <c r="DI36" s="100">
        <v>0</v>
      </c>
      <c r="DJ36" s="104">
        <v>0</v>
      </c>
      <c r="DK36" s="102">
        <v>0</v>
      </c>
      <c r="DL36" s="101">
        <v>0</v>
      </c>
      <c r="DM36" s="104">
        <v>314642</v>
      </c>
      <c r="DN36" s="104">
        <v>441670</v>
      </c>
      <c r="DO36" s="104">
        <v>1025828</v>
      </c>
      <c r="DP36" s="104">
        <v>1113984</v>
      </c>
      <c r="DQ36" s="104">
        <v>115805</v>
      </c>
      <c r="DR36" s="103">
        <v>3011929</v>
      </c>
      <c r="DS36" s="106">
        <v>3011929</v>
      </c>
      <c r="DT36" s="100">
        <v>0</v>
      </c>
      <c r="DU36" s="104">
        <v>0</v>
      </c>
      <c r="DV36" s="103">
        <v>0</v>
      </c>
      <c r="DW36" s="100">
        <v>0</v>
      </c>
      <c r="DX36" s="104">
        <v>314642</v>
      </c>
      <c r="DY36" s="104">
        <v>364766</v>
      </c>
      <c r="DZ36" s="104">
        <v>1025828</v>
      </c>
      <c r="EA36" s="104">
        <v>1082367</v>
      </c>
      <c r="EB36" s="104">
        <v>54587</v>
      </c>
      <c r="EC36" s="103">
        <v>2842190</v>
      </c>
      <c r="ED36" s="106">
        <v>2842190</v>
      </c>
      <c r="EE36" s="100">
        <v>0</v>
      </c>
      <c r="EF36" s="102">
        <v>0</v>
      </c>
      <c r="EG36" s="103">
        <v>0</v>
      </c>
      <c r="EH36" s="100">
        <v>0</v>
      </c>
      <c r="EI36" s="104">
        <v>0</v>
      </c>
      <c r="EJ36" s="104">
        <v>76904</v>
      </c>
      <c r="EK36" s="104">
        <v>0</v>
      </c>
      <c r="EL36" s="104">
        <v>31617</v>
      </c>
      <c r="EM36" s="104">
        <v>61218</v>
      </c>
      <c r="EN36" s="102">
        <v>169739</v>
      </c>
      <c r="EO36" s="106">
        <v>169739</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194977</v>
      </c>
      <c r="FM36" s="104">
        <v>401270</v>
      </c>
      <c r="FN36" s="103">
        <v>596247</v>
      </c>
      <c r="FO36" s="100">
        <v>0</v>
      </c>
      <c r="FP36" s="104">
        <v>527818</v>
      </c>
      <c r="FQ36" s="104">
        <v>1018519</v>
      </c>
      <c r="FR36" s="104">
        <v>933503</v>
      </c>
      <c r="FS36" s="104">
        <v>794089</v>
      </c>
      <c r="FT36" s="104">
        <v>416042</v>
      </c>
      <c r="FU36" s="103">
        <v>3689971</v>
      </c>
      <c r="FV36" s="106">
        <v>4286218</v>
      </c>
      <c r="FW36" s="105">
        <v>122180</v>
      </c>
      <c r="FX36" s="104">
        <v>401270</v>
      </c>
      <c r="FY36" s="102">
        <v>523450</v>
      </c>
      <c r="FZ36" s="101">
        <v>0</v>
      </c>
      <c r="GA36" s="104">
        <v>510313</v>
      </c>
      <c r="GB36" s="104">
        <v>862169</v>
      </c>
      <c r="GC36" s="104">
        <v>753503</v>
      </c>
      <c r="GD36" s="104">
        <v>794089</v>
      </c>
      <c r="GE36" s="104">
        <v>416042</v>
      </c>
      <c r="GF36" s="103">
        <v>3336116</v>
      </c>
      <c r="GG36" s="296">
        <v>3859566</v>
      </c>
      <c r="GH36" s="105">
        <v>0</v>
      </c>
      <c r="GI36" s="104">
        <v>0</v>
      </c>
      <c r="GJ36" s="102">
        <v>0</v>
      </c>
      <c r="GK36" s="101">
        <v>0</v>
      </c>
      <c r="GL36" s="104">
        <v>0</v>
      </c>
      <c r="GM36" s="104">
        <v>31250</v>
      </c>
      <c r="GN36" s="104">
        <v>0</v>
      </c>
      <c r="GO36" s="104">
        <v>0</v>
      </c>
      <c r="GP36" s="104">
        <v>0</v>
      </c>
      <c r="GQ36" s="103">
        <v>31250</v>
      </c>
      <c r="GR36" s="106">
        <v>31250</v>
      </c>
      <c r="GS36" s="100">
        <v>72797</v>
      </c>
      <c r="GT36" s="104">
        <v>0</v>
      </c>
      <c r="GU36" s="103">
        <v>72797</v>
      </c>
      <c r="GV36" s="100">
        <v>0</v>
      </c>
      <c r="GW36" s="104">
        <v>17505</v>
      </c>
      <c r="GX36" s="104">
        <v>125100</v>
      </c>
      <c r="GY36" s="104">
        <v>180000</v>
      </c>
      <c r="GZ36" s="104">
        <v>0</v>
      </c>
      <c r="HA36" s="104">
        <v>0</v>
      </c>
      <c r="HB36" s="102">
        <v>322605</v>
      </c>
      <c r="HC36" s="106">
        <v>395402</v>
      </c>
      <c r="HD36" s="100">
        <v>42190</v>
      </c>
      <c r="HE36" s="104">
        <v>99279</v>
      </c>
      <c r="HF36" s="102">
        <v>141469</v>
      </c>
      <c r="HG36" s="101">
        <v>0</v>
      </c>
      <c r="HH36" s="104">
        <v>1218439</v>
      </c>
      <c r="HI36" s="104">
        <v>1374878</v>
      </c>
      <c r="HJ36" s="104">
        <v>1062239</v>
      </c>
      <c r="HK36" s="104">
        <v>768184</v>
      </c>
      <c r="HL36" s="104">
        <v>0</v>
      </c>
      <c r="HM36" s="103">
        <v>4423740</v>
      </c>
      <c r="HN36" s="99">
        <v>4565209</v>
      </c>
      <c r="HO36" s="105">
        <v>107304</v>
      </c>
      <c r="HP36" s="104">
        <v>281920</v>
      </c>
      <c r="HQ36" s="103">
        <v>389224</v>
      </c>
      <c r="HR36" s="100">
        <v>0</v>
      </c>
      <c r="HS36" s="104">
        <v>1280682</v>
      </c>
      <c r="HT36" s="104">
        <v>1159843</v>
      </c>
      <c r="HU36" s="104">
        <v>783641</v>
      </c>
      <c r="HV36" s="104">
        <v>611745</v>
      </c>
      <c r="HW36" s="104">
        <v>258070</v>
      </c>
      <c r="HX36" s="102">
        <v>4093981</v>
      </c>
      <c r="HY36" s="106">
        <v>4483205</v>
      </c>
      <c r="HZ36" s="137">
        <v>0</v>
      </c>
      <c r="IA36" s="122">
        <v>89552</v>
      </c>
      <c r="IB36" s="137">
        <v>89552</v>
      </c>
      <c r="IC36" s="121">
        <v>0</v>
      </c>
      <c r="ID36" s="122">
        <v>3953331</v>
      </c>
      <c r="IE36" s="123">
        <v>4066544</v>
      </c>
      <c r="IF36" s="124">
        <v>4719781</v>
      </c>
      <c r="IG36" s="122">
        <v>4517049</v>
      </c>
      <c r="IH36" s="124">
        <v>1975471</v>
      </c>
      <c r="II36" s="125">
        <v>19232176</v>
      </c>
      <c r="IJ36" s="137">
        <v>19321728</v>
      </c>
      <c r="IK36" s="219">
        <v>0</v>
      </c>
      <c r="IL36" s="223">
        <v>0</v>
      </c>
      <c r="IM36" s="224">
        <v>0</v>
      </c>
      <c r="IN36" s="127"/>
      <c r="IO36" s="109">
        <v>0</v>
      </c>
      <c r="IP36" s="109">
        <v>195992</v>
      </c>
      <c r="IQ36" s="109">
        <v>0</v>
      </c>
      <c r="IR36" s="109">
        <v>0</v>
      </c>
      <c r="IS36" s="109">
        <v>0</v>
      </c>
      <c r="IT36" s="128">
        <v>195992</v>
      </c>
      <c r="IU36" s="298">
        <v>195992</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999363</v>
      </c>
      <c r="JL36" s="109">
        <v>544829</v>
      </c>
      <c r="JM36" s="109">
        <v>464518</v>
      </c>
      <c r="JN36" s="109">
        <v>293922</v>
      </c>
      <c r="JO36" s="109">
        <v>0</v>
      </c>
      <c r="JP36" s="110">
        <v>2302632</v>
      </c>
      <c r="JQ36" s="298">
        <v>2302632</v>
      </c>
      <c r="JR36" s="129">
        <v>0</v>
      </c>
      <c r="JS36" s="109">
        <v>0</v>
      </c>
      <c r="JT36" s="128">
        <v>0</v>
      </c>
      <c r="JU36" s="108">
        <v>0</v>
      </c>
      <c r="JV36" s="109">
        <v>0</v>
      </c>
      <c r="JW36" s="109">
        <v>0</v>
      </c>
      <c r="JX36" s="109">
        <v>0</v>
      </c>
      <c r="JY36" s="109">
        <v>197867</v>
      </c>
      <c r="JZ36" s="109">
        <v>276993</v>
      </c>
      <c r="KA36" s="110">
        <v>474860</v>
      </c>
      <c r="KB36" s="298">
        <v>474860</v>
      </c>
      <c r="KC36" s="221">
        <v>0</v>
      </c>
      <c r="KD36" s="217">
        <v>89552</v>
      </c>
      <c r="KE36" s="110">
        <v>89552</v>
      </c>
      <c r="KF36" s="108">
        <v>0</v>
      </c>
      <c r="KG36" s="109">
        <v>1162268</v>
      </c>
      <c r="KH36" s="109">
        <v>957948</v>
      </c>
      <c r="KI36" s="109">
        <v>1358841</v>
      </c>
      <c r="KJ36" s="109">
        <v>1174463</v>
      </c>
      <c r="KK36" s="109">
        <v>318615</v>
      </c>
      <c r="KL36" s="110">
        <v>4972135</v>
      </c>
      <c r="KM36" s="130">
        <v>5061687</v>
      </c>
      <c r="KN36" s="219">
        <v>0</v>
      </c>
      <c r="KO36" s="223">
        <v>0</v>
      </c>
      <c r="KP36" s="224">
        <v>0</v>
      </c>
      <c r="KQ36" s="127"/>
      <c r="KR36" s="109">
        <v>1791700</v>
      </c>
      <c r="KS36" s="109">
        <v>2367775</v>
      </c>
      <c r="KT36" s="109">
        <v>2896422</v>
      </c>
      <c r="KU36" s="109">
        <v>2850797</v>
      </c>
      <c r="KV36" s="109">
        <v>1379863</v>
      </c>
      <c r="KW36" s="110">
        <v>11286557</v>
      </c>
      <c r="KX36" s="298">
        <v>11286557</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987872</v>
      </c>
      <c r="MK36" s="109">
        <v>3980831</v>
      </c>
      <c r="ML36" s="109">
        <v>8692663</v>
      </c>
      <c r="MM36" s="109">
        <v>13250612</v>
      </c>
      <c r="MN36" s="109">
        <v>8160885</v>
      </c>
      <c r="MO36" s="110">
        <v>35072863</v>
      </c>
      <c r="MP36" s="130">
        <v>35072863</v>
      </c>
      <c r="MQ36" s="129">
        <v>0</v>
      </c>
      <c r="MR36" s="109">
        <v>0</v>
      </c>
      <c r="MS36" s="110">
        <v>0</v>
      </c>
      <c r="MT36" s="132"/>
      <c r="MU36" s="109">
        <v>231975</v>
      </c>
      <c r="MV36" s="109">
        <v>452136</v>
      </c>
      <c r="MW36" s="109">
        <v>5853442</v>
      </c>
      <c r="MX36" s="109">
        <v>8446352</v>
      </c>
      <c r="MY36" s="109">
        <v>6474713</v>
      </c>
      <c r="MZ36" s="110">
        <v>21458618</v>
      </c>
      <c r="NA36" s="130">
        <v>21458618</v>
      </c>
      <c r="NB36" s="129">
        <v>0</v>
      </c>
      <c r="NC36" s="109">
        <v>0</v>
      </c>
      <c r="ND36" s="110">
        <v>0</v>
      </c>
      <c r="NE36" s="132"/>
      <c r="NF36" s="109">
        <v>476660</v>
      </c>
      <c r="NG36" s="109">
        <v>3223589</v>
      </c>
      <c r="NH36" s="109">
        <v>2839221</v>
      </c>
      <c r="NI36" s="109">
        <v>3683036</v>
      </c>
      <c r="NJ36" s="109">
        <v>1686172</v>
      </c>
      <c r="NK36" s="110">
        <v>11908678</v>
      </c>
      <c r="NL36" s="298">
        <v>11908678</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279237</v>
      </c>
      <c r="OC36" s="109">
        <v>305106</v>
      </c>
      <c r="OD36" s="109">
        <v>0</v>
      </c>
      <c r="OE36" s="109">
        <v>1121224</v>
      </c>
      <c r="OF36" s="109">
        <v>0</v>
      </c>
      <c r="OG36" s="110">
        <v>1705567</v>
      </c>
      <c r="OH36" s="111">
        <v>1705567</v>
      </c>
      <c r="OI36" s="129">
        <v>512721</v>
      </c>
      <c r="OJ36" s="109">
        <v>1095302</v>
      </c>
      <c r="OK36" s="128">
        <v>1608023</v>
      </c>
      <c r="OL36" s="108">
        <v>0</v>
      </c>
      <c r="OM36" s="109">
        <v>11597689</v>
      </c>
      <c r="ON36" s="109">
        <v>16889477</v>
      </c>
      <c r="OO36" s="109">
        <v>20954674</v>
      </c>
      <c r="OP36" s="109">
        <v>24682960</v>
      </c>
      <c r="OQ36" s="109">
        <v>13850096</v>
      </c>
      <c r="OR36" s="110">
        <v>87974896</v>
      </c>
      <c r="OS36" s="130">
        <v>89582919</v>
      </c>
    </row>
    <row r="37" spans="2:409" ht="21" customHeight="1" x14ac:dyDescent="0.2">
      <c r="B37" s="472" t="s">
        <v>32</v>
      </c>
      <c r="C37" s="100">
        <v>578934</v>
      </c>
      <c r="D37" s="104">
        <v>1042698</v>
      </c>
      <c r="E37" s="161">
        <v>1621632</v>
      </c>
      <c r="F37" s="162">
        <v>0</v>
      </c>
      <c r="G37" s="163">
        <v>9519248</v>
      </c>
      <c r="H37" s="163">
        <v>11301558</v>
      </c>
      <c r="I37" s="163">
        <v>9147197</v>
      </c>
      <c r="J37" s="163">
        <v>8551380</v>
      </c>
      <c r="K37" s="163">
        <v>6478987</v>
      </c>
      <c r="L37" s="164">
        <v>44998370</v>
      </c>
      <c r="M37" s="106">
        <v>46620002</v>
      </c>
      <c r="N37" s="100">
        <v>80163</v>
      </c>
      <c r="O37" s="104">
        <v>178527</v>
      </c>
      <c r="P37" s="103">
        <v>258690</v>
      </c>
      <c r="Q37" s="100">
        <v>0</v>
      </c>
      <c r="R37" s="104">
        <v>2551514</v>
      </c>
      <c r="S37" s="104">
        <v>2312454</v>
      </c>
      <c r="T37" s="104">
        <v>2805394</v>
      </c>
      <c r="U37" s="104">
        <v>2634813</v>
      </c>
      <c r="V37" s="104">
        <v>3601050</v>
      </c>
      <c r="W37" s="103">
        <v>13905225</v>
      </c>
      <c r="X37" s="106">
        <v>14163915</v>
      </c>
      <c r="Y37" s="100">
        <v>0</v>
      </c>
      <c r="Z37" s="104">
        <v>0</v>
      </c>
      <c r="AA37" s="103">
        <v>0</v>
      </c>
      <c r="AB37" s="100">
        <v>0</v>
      </c>
      <c r="AC37" s="104">
        <v>1171506</v>
      </c>
      <c r="AD37" s="104">
        <v>813336</v>
      </c>
      <c r="AE37" s="104">
        <v>1755189</v>
      </c>
      <c r="AF37" s="104">
        <v>1458957</v>
      </c>
      <c r="AG37" s="104">
        <v>2383418</v>
      </c>
      <c r="AH37" s="103">
        <v>7582406</v>
      </c>
      <c r="AI37" s="106">
        <v>7582406</v>
      </c>
      <c r="AJ37" s="100">
        <v>0</v>
      </c>
      <c r="AK37" s="104">
        <v>0</v>
      </c>
      <c r="AL37" s="103">
        <v>0</v>
      </c>
      <c r="AM37" s="100">
        <v>0</v>
      </c>
      <c r="AN37" s="104">
        <v>0</v>
      </c>
      <c r="AO37" s="104">
        <v>0</v>
      </c>
      <c r="AP37" s="104">
        <v>88081</v>
      </c>
      <c r="AQ37" s="104">
        <v>198639</v>
      </c>
      <c r="AR37" s="104">
        <v>518005</v>
      </c>
      <c r="AS37" s="103">
        <v>804725</v>
      </c>
      <c r="AT37" s="106">
        <v>804725</v>
      </c>
      <c r="AU37" s="100">
        <v>40482</v>
      </c>
      <c r="AV37" s="104">
        <v>178527</v>
      </c>
      <c r="AW37" s="103">
        <v>219009</v>
      </c>
      <c r="AX37" s="100">
        <v>0</v>
      </c>
      <c r="AY37" s="104">
        <v>1015664</v>
      </c>
      <c r="AZ37" s="104">
        <v>1140845</v>
      </c>
      <c r="BA37" s="104">
        <v>622678</v>
      </c>
      <c r="BB37" s="104">
        <v>572677</v>
      </c>
      <c r="BC37" s="104">
        <v>331392</v>
      </c>
      <c r="BD37" s="103">
        <v>3683256</v>
      </c>
      <c r="BE37" s="106">
        <v>3902265</v>
      </c>
      <c r="BF37" s="100">
        <v>0</v>
      </c>
      <c r="BG37" s="104">
        <v>0</v>
      </c>
      <c r="BH37" s="102">
        <v>0</v>
      </c>
      <c r="BI37" s="101">
        <v>0</v>
      </c>
      <c r="BJ37" s="104">
        <v>176121</v>
      </c>
      <c r="BK37" s="104">
        <v>72656</v>
      </c>
      <c r="BL37" s="104">
        <v>68526</v>
      </c>
      <c r="BM37" s="104">
        <v>20076</v>
      </c>
      <c r="BN37" s="104">
        <v>64116</v>
      </c>
      <c r="BO37" s="103">
        <v>401495</v>
      </c>
      <c r="BP37" s="106">
        <v>401495</v>
      </c>
      <c r="BQ37" s="100">
        <v>39681</v>
      </c>
      <c r="BR37" s="104">
        <v>0</v>
      </c>
      <c r="BS37" s="103">
        <v>39681</v>
      </c>
      <c r="BT37" s="100">
        <v>0</v>
      </c>
      <c r="BU37" s="104">
        <v>188223</v>
      </c>
      <c r="BV37" s="104">
        <v>285617</v>
      </c>
      <c r="BW37" s="104">
        <v>270920</v>
      </c>
      <c r="BX37" s="104">
        <v>384464</v>
      </c>
      <c r="BY37" s="104">
        <v>304119</v>
      </c>
      <c r="BZ37" s="103">
        <v>1433343</v>
      </c>
      <c r="CA37" s="106">
        <v>1473024</v>
      </c>
      <c r="CB37" s="100">
        <v>0</v>
      </c>
      <c r="CC37" s="104">
        <v>0</v>
      </c>
      <c r="CD37" s="103">
        <v>0</v>
      </c>
      <c r="CE37" s="100">
        <v>0</v>
      </c>
      <c r="CF37" s="104">
        <v>3568161</v>
      </c>
      <c r="CG37" s="104">
        <v>4245179</v>
      </c>
      <c r="CH37" s="104">
        <v>2223134</v>
      </c>
      <c r="CI37" s="104">
        <v>2078081</v>
      </c>
      <c r="CJ37" s="104">
        <v>575995</v>
      </c>
      <c r="CK37" s="103">
        <v>12690550</v>
      </c>
      <c r="CL37" s="106">
        <v>12690550</v>
      </c>
      <c r="CM37" s="100">
        <v>0</v>
      </c>
      <c r="CN37" s="104">
        <v>0</v>
      </c>
      <c r="CO37" s="103">
        <v>0</v>
      </c>
      <c r="CP37" s="101">
        <v>0</v>
      </c>
      <c r="CQ37" s="104">
        <v>3187455</v>
      </c>
      <c r="CR37" s="104">
        <v>3373712</v>
      </c>
      <c r="CS37" s="104">
        <v>1845374</v>
      </c>
      <c r="CT37" s="104">
        <v>1529487</v>
      </c>
      <c r="CU37" s="104">
        <v>329890</v>
      </c>
      <c r="CV37" s="103">
        <v>10265918</v>
      </c>
      <c r="CW37" s="106">
        <v>10265918</v>
      </c>
      <c r="CX37" s="100">
        <v>0</v>
      </c>
      <c r="CY37" s="104">
        <v>0</v>
      </c>
      <c r="CZ37" s="103">
        <v>0</v>
      </c>
      <c r="DA37" s="100">
        <v>0</v>
      </c>
      <c r="DB37" s="104">
        <v>380706</v>
      </c>
      <c r="DC37" s="104">
        <v>871467</v>
      </c>
      <c r="DD37" s="104">
        <v>377760</v>
      </c>
      <c r="DE37" s="104">
        <v>548594</v>
      </c>
      <c r="DF37" s="104">
        <v>246105</v>
      </c>
      <c r="DG37" s="103">
        <v>2424632</v>
      </c>
      <c r="DH37" s="106">
        <v>2424632</v>
      </c>
      <c r="DI37" s="100">
        <v>0</v>
      </c>
      <c r="DJ37" s="104">
        <v>22302</v>
      </c>
      <c r="DK37" s="102">
        <v>22302</v>
      </c>
      <c r="DL37" s="101">
        <v>0</v>
      </c>
      <c r="DM37" s="104">
        <v>252278</v>
      </c>
      <c r="DN37" s="104">
        <v>852008</v>
      </c>
      <c r="DO37" s="104">
        <v>884697</v>
      </c>
      <c r="DP37" s="104">
        <v>420351</v>
      </c>
      <c r="DQ37" s="104">
        <v>331260</v>
      </c>
      <c r="DR37" s="103">
        <v>2740594</v>
      </c>
      <c r="DS37" s="106">
        <v>2762896</v>
      </c>
      <c r="DT37" s="100">
        <v>0</v>
      </c>
      <c r="DU37" s="104">
        <v>22302</v>
      </c>
      <c r="DV37" s="103">
        <v>22302</v>
      </c>
      <c r="DW37" s="100">
        <v>0</v>
      </c>
      <c r="DX37" s="104">
        <v>131835</v>
      </c>
      <c r="DY37" s="104">
        <v>704627</v>
      </c>
      <c r="DZ37" s="104">
        <v>720750</v>
      </c>
      <c r="EA37" s="104">
        <v>384684</v>
      </c>
      <c r="EB37" s="104">
        <v>331260</v>
      </c>
      <c r="EC37" s="103">
        <v>2273156</v>
      </c>
      <c r="ED37" s="106">
        <v>2295458</v>
      </c>
      <c r="EE37" s="100">
        <v>0</v>
      </c>
      <c r="EF37" s="102">
        <v>0</v>
      </c>
      <c r="EG37" s="103">
        <v>0</v>
      </c>
      <c r="EH37" s="100">
        <v>0</v>
      </c>
      <c r="EI37" s="104">
        <v>120443</v>
      </c>
      <c r="EJ37" s="104">
        <v>147381</v>
      </c>
      <c r="EK37" s="104">
        <v>163947</v>
      </c>
      <c r="EL37" s="104">
        <v>35667</v>
      </c>
      <c r="EM37" s="104">
        <v>0</v>
      </c>
      <c r="EN37" s="102">
        <v>467438</v>
      </c>
      <c r="EO37" s="106">
        <v>467438</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208030</v>
      </c>
      <c r="FM37" s="104">
        <v>309720</v>
      </c>
      <c r="FN37" s="103">
        <v>517750</v>
      </c>
      <c r="FO37" s="100">
        <v>0</v>
      </c>
      <c r="FP37" s="104">
        <v>570510</v>
      </c>
      <c r="FQ37" s="104">
        <v>1091117</v>
      </c>
      <c r="FR37" s="104">
        <v>913870</v>
      </c>
      <c r="FS37" s="104">
        <v>644919</v>
      </c>
      <c r="FT37" s="104">
        <v>428083</v>
      </c>
      <c r="FU37" s="103">
        <v>3648499</v>
      </c>
      <c r="FV37" s="106">
        <v>4166249</v>
      </c>
      <c r="FW37" s="105">
        <v>115630</v>
      </c>
      <c r="FX37" s="104">
        <v>309720</v>
      </c>
      <c r="FY37" s="102">
        <v>425350</v>
      </c>
      <c r="FZ37" s="101">
        <v>0</v>
      </c>
      <c r="GA37" s="104">
        <v>570510</v>
      </c>
      <c r="GB37" s="104">
        <v>1091117</v>
      </c>
      <c r="GC37" s="104">
        <v>858430</v>
      </c>
      <c r="GD37" s="104">
        <v>644919</v>
      </c>
      <c r="GE37" s="104">
        <v>428083</v>
      </c>
      <c r="GF37" s="103">
        <v>3593059</v>
      </c>
      <c r="GG37" s="296">
        <v>4018409</v>
      </c>
      <c r="GH37" s="105">
        <v>0</v>
      </c>
      <c r="GI37" s="104">
        <v>0</v>
      </c>
      <c r="GJ37" s="102">
        <v>0</v>
      </c>
      <c r="GK37" s="101">
        <v>0</v>
      </c>
      <c r="GL37" s="104">
        <v>0</v>
      </c>
      <c r="GM37" s="104">
        <v>0</v>
      </c>
      <c r="GN37" s="104">
        <v>55440</v>
      </c>
      <c r="GO37" s="104">
        <v>0</v>
      </c>
      <c r="GP37" s="104">
        <v>0</v>
      </c>
      <c r="GQ37" s="103">
        <v>55440</v>
      </c>
      <c r="GR37" s="106">
        <v>55440</v>
      </c>
      <c r="GS37" s="100">
        <v>92400</v>
      </c>
      <c r="GT37" s="104">
        <v>0</v>
      </c>
      <c r="GU37" s="103">
        <v>92400</v>
      </c>
      <c r="GV37" s="100">
        <v>0</v>
      </c>
      <c r="GW37" s="104">
        <v>0</v>
      </c>
      <c r="GX37" s="104">
        <v>0</v>
      </c>
      <c r="GY37" s="104">
        <v>0</v>
      </c>
      <c r="GZ37" s="104">
        <v>0</v>
      </c>
      <c r="HA37" s="104">
        <v>0</v>
      </c>
      <c r="HB37" s="102">
        <v>0</v>
      </c>
      <c r="HC37" s="106">
        <v>92400</v>
      </c>
      <c r="HD37" s="100">
        <v>185141</v>
      </c>
      <c r="HE37" s="104">
        <v>299529</v>
      </c>
      <c r="HF37" s="102">
        <v>484670</v>
      </c>
      <c r="HG37" s="101">
        <v>0</v>
      </c>
      <c r="HH37" s="104">
        <v>871810</v>
      </c>
      <c r="HI37" s="104">
        <v>1299371</v>
      </c>
      <c r="HJ37" s="104">
        <v>1367019</v>
      </c>
      <c r="HK37" s="104">
        <v>2231424</v>
      </c>
      <c r="HL37" s="104">
        <v>1242998</v>
      </c>
      <c r="HM37" s="103">
        <v>7012622</v>
      </c>
      <c r="HN37" s="99">
        <v>7497292</v>
      </c>
      <c r="HO37" s="105">
        <v>105600</v>
      </c>
      <c r="HP37" s="104">
        <v>232620</v>
      </c>
      <c r="HQ37" s="103">
        <v>338220</v>
      </c>
      <c r="HR37" s="100">
        <v>0</v>
      </c>
      <c r="HS37" s="104">
        <v>1704975</v>
      </c>
      <c r="HT37" s="104">
        <v>1501429</v>
      </c>
      <c r="HU37" s="104">
        <v>953083</v>
      </c>
      <c r="HV37" s="104">
        <v>541792</v>
      </c>
      <c r="HW37" s="104">
        <v>299601</v>
      </c>
      <c r="HX37" s="102">
        <v>5000880</v>
      </c>
      <c r="HY37" s="106">
        <v>5339100</v>
      </c>
      <c r="HZ37" s="118">
        <v>21969</v>
      </c>
      <c r="IA37" s="119">
        <v>255771</v>
      </c>
      <c r="IB37" s="120">
        <v>277740</v>
      </c>
      <c r="IC37" s="133">
        <v>0</v>
      </c>
      <c r="ID37" s="119">
        <v>3560011</v>
      </c>
      <c r="IE37" s="134">
        <v>3414867</v>
      </c>
      <c r="IF37" s="120">
        <v>6435871</v>
      </c>
      <c r="IG37" s="119">
        <v>4601162</v>
      </c>
      <c r="IH37" s="120">
        <v>2536884</v>
      </c>
      <c r="II37" s="135">
        <v>20548795</v>
      </c>
      <c r="IJ37" s="126">
        <v>20826535</v>
      </c>
      <c r="IK37" s="219">
        <v>0</v>
      </c>
      <c r="IL37" s="223">
        <v>0</v>
      </c>
      <c r="IM37" s="224">
        <v>0</v>
      </c>
      <c r="IN37" s="127"/>
      <c r="IO37" s="109">
        <v>0</v>
      </c>
      <c r="IP37" s="109">
        <v>0</v>
      </c>
      <c r="IQ37" s="109">
        <v>0</v>
      </c>
      <c r="IR37" s="109">
        <v>0</v>
      </c>
      <c r="IS37" s="109">
        <v>0</v>
      </c>
      <c r="IT37" s="128">
        <v>0</v>
      </c>
      <c r="IU37" s="298">
        <v>0</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1800060</v>
      </c>
      <c r="JL37" s="109">
        <v>1933233</v>
      </c>
      <c r="JM37" s="109">
        <v>1091215</v>
      </c>
      <c r="JN37" s="109">
        <v>302600</v>
      </c>
      <c r="JO37" s="109">
        <v>175046</v>
      </c>
      <c r="JP37" s="110">
        <v>5302154</v>
      </c>
      <c r="JQ37" s="298">
        <v>5302154</v>
      </c>
      <c r="JR37" s="129">
        <v>0</v>
      </c>
      <c r="JS37" s="109">
        <v>0</v>
      </c>
      <c r="JT37" s="128">
        <v>0</v>
      </c>
      <c r="JU37" s="108">
        <v>0</v>
      </c>
      <c r="JV37" s="109">
        <v>437646</v>
      </c>
      <c r="JW37" s="109">
        <v>108999</v>
      </c>
      <c r="JX37" s="109">
        <v>238248</v>
      </c>
      <c r="JY37" s="109">
        <v>0</v>
      </c>
      <c r="JZ37" s="109">
        <v>164453</v>
      </c>
      <c r="KA37" s="110">
        <v>949346</v>
      </c>
      <c r="KB37" s="298">
        <v>949346</v>
      </c>
      <c r="KC37" s="221">
        <v>21969</v>
      </c>
      <c r="KD37" s="217">
        <v>255771</v>
      </c>
      <c r="KE37" s="110">
        <v>277740</v>
      </c>
      <c r="KF37" s="108">
        <v>0</v>
      </c>
      <c r="KG37" s="109">
        <v>614646</v>
      </c>
      <c r="KH37" s="109">
        <v>0</v>
      </c>
      <c r="KI37" s="109">
        <v>720396</v>
      </c>
      <c r="KJ37" s="109">
        <v>547956</v>
      </c>
      <c r="KK37" s="109">
        <v>0</v>
      </c>
      <c r="KL37" s="110">
        <v>1882998</v>
      </c>
      <c r="KM37" s="130">
        <v>2160738</v>
      </c>
      <c r="KN37" s="219">
        <v>0</v>
      </c>
      <c r="KO37" s="223">
        <v>0</v>
      </c>
      <c r="KP37" s="224">
        <v>0</v>
      </c>
      <c r="KQ37" s="127"/>
      <c r="KR37" s="109">
        <v>523591</v>
      </c>
      <c r="KS37" s="109">
        <v>1372635</v>
      </c>
      <c r="KT37" s="109">
        <v>1817082</v>
      </c>
      <c r="KU37" s="109">
        <v>2146131</v>
      </c>
      <c r="KV37" s="109">
        <v>1655207</v>
      </c>
      <c r="KW37" s="110">
        <v>7514646</v>
      </c>
      <c r="KX37" s="298">
        <v>7514646</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184068</v>
      </c>
      <c r="LO37" s="109">
        <v>0</v>
      </c>
      <c r="LP37" s="109">
        <v>2568930</v>
      </c>
      <c r="LQ37" s="109">
        <v>1604475</v>
      </c>
      <c r="LR37" s="109">
        <v>542178</v>
      </c>
      <c r="LS37" s="110">
        <v>4899651</v>
      </c>
      <c r="LT37" s="298">
        <v>4899651</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165839</v>
      </c>
      <c r="MK37" s="109">
        <v>2083834</v>
      </c>
      <c r="ML37" s="109">
        <v>7713310</v>
      </c>
      <c r="MM37" s="109">
        <v>12217806</v>
      </c>
      <c r="MN37" s="109">
        <v>7314453</v>
      </c>
      <c r="MO37" s="110">
        <v>30495242</v>
      </c>
      <c r="MP37" s="130">
        <v>30495242</v>
      </c>
      <c r="MQ37" s="129">
        <v>0</v>
      </c>
      <c r="MR37" s="109">
        <v>0</v>
      </c>
      <c r="MS37" s="110">
        <v>0</v>
      </c>
      <c r="MT37" s="132"/>
      <c r="MU37" s="109">
        <v>433719</v>
      </c>
      <c r="MV37" s="109">
        <v>0</v>
      </c>
      <c r="MW37" s="109">
        <v>2764567</v>
      </c>
      <c r="MX37" s="109">
        <v>6585435</v>
      </c>
      <c r="MY37" s="109">
        <v>5213263</v>
      </c>
      <c r="MZ37" s="110">
        <v>14996984</v>
      </c>
      <c r="NA37" s="130">
        <v>14996984</v>
      </c>
      <c r="NB37" s="129">
        <v>0</v>
      </c>
      <c r="NC37" s="109">
        <v>0</v>
      </c>
      <c r="ND37" s="110">
        <v>0</v>
      </c>
      <c r="NE37" s="132"/>
      <c r="NF37" s="109">
        <v>732120</v>
      </c>
      <c r="NG37" s="109">
        <v>1757198</v>
      </c>
      <c r="NH37" s="109">
        <v>4266735</v>
      </c>
      <c r="NI37" s="109">
        <v>5632371</v>
      </c>
      <c r="NJ37" s="109">
        <v>1675801</v>
      </c>
      <c r="NK37" s="110">
        <v>14064225</v>
      </c>
      <c r="NL37" s="298">
        <v>14064225</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326636</v>
      </c>
      <c r="OD37" s="109">
        <v>682008</v>
      </c>
      <c r="OE37" s="109">
        <v>0</v>
      </c>
      <c r="OF37" s="109">
        <v>425389</v>
      </c>
      <c r="OG37" s="110">
        <v>1434033</v>
      </c>
      <c r="OH37" s="111">
        <v>1434033</v>
      </c>
      <c r="OI37" s="129">
        <v>600903</v>
      </c>
      <c r="OJ37" s="109">
        <v>1298469</v>
      </c>
      <c r="OK37" s="128">
        <v>1899372</v>
      </c>
      <c r="OL37" s="108">
        <v>0</v>
      </c>
      <c r="OM37" s="109">
        <v>14245098</v>
      </c>
      <c r="ON37" s="109">
        <v>16800259</v>
      </c>
      <c r="OO37" s="109">
        <v>23296378</v>
      </c>
      <c r="OP37" s="109">
        <v>25370348</v>
      </c>
      <c r="OQ37" s="109">
        <v>16330324</v>
      </c>
      <c r="OR37" s="110">
        <v>96042407</v>
      </c>
      <c r="OS37" s="130">
        <v>97941779</v>
      </c>
    </row>
    <row r="38" spans="2:409" ht="21" customHeight="1" x14ac:dyDescent="0.2">
      <c r="B38" s="472" t="s">
        <v>33</v>
      </c>
      <c r="C38" s="100">
        <v>998486</v>
      </c>
      <c r="D38" s="104">
        <v>2295873</v>
      </c>
      <c r="E38" s="103">
        <v>3294359</v>
      </c>
      <c r="F38" s="99">
        <v>0</v>
      </c>
      <c r="G38" s="104">
        <v>8572147</v>
      </c>
      <c r="H38" s="104">
        <v>9176712</v>
      </c>
      <c r="I38" s="104">
        <v>9183751</v>
      </c>
      <c r="J38" s="104">
        <v>3853047</v>
      </c>
      <c r="K38" s="104">
        <v>5402311</v>
      </c>
      <c r="L38" s="160">
        <v>36187968</v>
      </c>
      <c r="M38" s="106">
        <v>39482327</v>
      </c>
      <c r="N38" s="100">
        <v>401819</v>
      </c>
      <c r="O38" s="104">
        <v>672757</v>
      </c>
      <c r="P38" s="103">
        <v>1074576</v>
      </c>
      <c r="Q38" s="100">
        <v>0</v>
      </c>
      <c r="R38" s="104">
        <v>2597904</v>
      </c>
      <c r="S38" s="104">
        <v>2307974</v>
      </c>
      <c r="T38" s="104">
        <v>2664501</v>
      </c>
      <c r="U38" s="104">
        <v>1232000</v>
      </c>
      <c r="V38" s="104">
        <v>2881200</v>
      </c>
      <c r="W38" s="103">
        <v>11683579</v>
      </c>
      <c r="X38" s="106">
        <v>12758155</v>
      </c>
      <c r="Y38" s="100">
        <v>0</v>
      </c>
      <c r="Z38" s="104">
        <v>0</v>
      </c>
      <c r="AA38" s="103">
        <v>0</v>
      </c>
      <c r="AB38" s="100">
        <v>0</v>
      </c>
      <c r="AC38" s="104">
        <v>499335</v>
      </c>
      <c r="AD38" s="104">
        <v>767541</v>
      </c>
      <c r="AE38" s="104">
        <v>1710501</v>
      </c>
      <c r="AF38" s="104">
        <v>578168</v>
      </c>
      <c r="AG38" s="104">
        <v>2074227</v>
      </c>
      <c r="AH38" s="103">
        <v>5629772</v>
      </c>
      <c r="AI38" s="106">
        <v>5629772</v>
      </c>
      <c r="AJ38" s="100">
        <v>0</v>
      </c>
      <c r="AK38" s="104">
        <v>0</v>
      </c>
      <c r="AL38" s="103">
        <v>0</v>
      </c>
      <c r="AM38" s="100">
        <v>0</v>
      </c>
      <c r="AN38" s="104">
        <v>0</v>
      </c>
      <c r="AO38" s="104">
        <v>0</v>
      </c>
      <c r="AP38" s="104">
        <v>89550</v>
      </c>
      <c r="AQ38" s="104">
        <v>79015</v>
      </c>
      <c r="AR38" s="104">
        <v>278147</v>
      </c>
      <c r="AS38" s="103">
        <v>446712</v>
      </c>
      <c r="AT38" s="106">
        <v>446712</v>
      </c>
      <c r="AU38" s="100">
        <v>0</v>
      </c>
      <c r="AV38" s="104">
        <v>64508</v>
      </c>
      <c r="AW38" s="103">
        <v>64508</v>
      </c>
      <c r="AX38" s="100">
        <v>0</v>
      </c>
      <c r="AY38" s="104">
        <v>492610</v>
      </c>
      <c r="AZ38" s="104">
        <v>424159</v>
      </c>
      <c r="BA38" s="104">
        <v>102789</v>
      </c>
      <c r="BB38" s="104">
        <v>233269</v>
      </c>
      <c r="BC38" s="104">
        <v>192901</v>
      </c>
      <c r="BD38" s="103">
        <v>1445728</v>
      </c>
      <c r="BE38" s="106">
        <v>1510236</v>
      </c>
      <c r="BF38" s="100">
        <v>352019</v>
      </c>
      <c r="BG38" s="104">
        <v>513587</v>
      </c>
      <c r="BH38" s="102">
        <v>865606</v>
      </c>
      <c r="BI38" s="101">
        <v>0</v>
      </c>
      <c r="BJ38" s="104">
        <v>1312681</v>
      </c>
      <c r="BK38" s="104">
        <v>737984</v>
      </c>
      <c r="BL38" s="104">
        <v>319269</v>
      </c>
      <c r="BM38" s="104">
        <v>203405</v>
      </c>
      <c r="BN38" s="104">
        <v>121277</v>
      </c>
      <c r="BO38" s="103">
        <v>2694616</v>
      </c>
      <c r="BP38" s="106">
        <v>3560222</v>
      </c>
      <c r="BQ38" s="100">
        <v>49800</v>
      </c>
      <c r="BR38" s="104">
        <v>94662</v>
      </c>
      <c r="BS38" s="103">
        <v>144462</v>
      </c>
      <c r="BT38" s="100">
        <v>0</v>
      </c>
      <c r="BU38" s="104">
        <v>293278</v>
      </c>
      <c r="BV38" s="104">
        <v>378290</v>
      </c>
      <c r="BW38" s="104">
        <v>442392</v>
      </c>
      <c r="BX38" s="104">
        <v>138143</v>
      </c>
      <c r="BY38" s="104">
        <v>214648</v>
      </c>
      <c r="BZ38" s="103">
        <v>1466751</v>
      </c>
      <c r="CA38" s="106">
        <v>1611213</v>
      </c>
      <c r="CB38" s="100">
        <v>116987</v>
      </c>
      <c r="CC38" s="104">
        <v>685481</v>
      </c>
      <c r="CD38" s="103">
        <v>802468</v>
      </c>
      <c r="CE38" s="100">
        <v>0</v>
      </c>
      <c r="CF38" s="104">
        <v>1453826</v>
      </c>
      <c r="CG38" s="104">
        <v>1493719</v>
      </c>
      <c r="CH38" s="104">
        <v>1168457</v>
      </c>
      <c r="CI38" s="104">
        <v>426722</v>
      </c>
      <c r="CJ38" s="104">
        <v>338699</v>
      </c>
      <c r="CK38" s="103">
        <v>4881423</v>
      </c>
      <c r="CL38" s="106">
        <v>5683891</v>
      </c>
      <c r="CM38" s="100">
        <v>0</v>
      </c>
      <c r="CN38" s="104">
        <v>0</v>
      </c>
      <c r="CO38" s="103">
        <v>0</v>
      </c>
      <c r="CP38" s="101">
        <v>0</v>
      </c>
      <c r="CQ38" s="104">
        <v>170521</v>
      </c>
      <c r="CR38" s="104">
        <v>780672</v>
      </c>
      <c r="CS38" s="104">
        <v>719076</v>
      </c>
      <c r="CT38" s="104">
        <v>371397</v>
      </c>
      <c r="CU38" s="104">
        <v>242090</v>
      </c>
      <c r="CV38" s="103">
        <v>2283756</v>
      </c>
      <c r="CW38" s="106">
        <v>2283756</v>
      </c>
      <c r="CX38" s="100">
        <v>116987</v>
      </c>
      <c r="CY38" s="104">
        <v>685481</v>
      </c>
      <c r="CZ38" s="103">
        <v>802468</v>
      </c>
      <c r="DA38" s="100">
        <v>0</v>
      </c>
      <c r="DB38" s="104">
        <v>1283305</v>
      </c>
      <c r="DC38" s="104">
        <v>713047</v>
      </c>
      <c r="DD38" s="104">
        <v>449381</v>
      </c>
      <c r="DE38" s="104">
        <v>55325</v>
      </c>
      <c r="DF38" s="104">
        <v>96609</v>
      </c>
      <c r="DG38" s="103">
        <v>2597667</v>
      </c>
      <c r="DH38" s="106">
        <v>3400135</v>
      </c>
      <c r="DI38" s="100">
        <v>0</v>
      </c>
      <c r="DJ38" s="104">
        <v>5903</v>
      </c>
      <c r="DK38" s="102">
        <v>5903</v>
      </c>
      <c r="DL38" s="101">
        <v>0</v>
      </c>
      <c r="DM38" s="104">
        <v>387790</v>
      </c>
      <c r="DN38" s="104">
        <v>621028</v>
      </c>
      <c r="DO38" s="104">
        <v>617131</v>
      </c>
      <c r="DP38" s="104">
        <v>431473</v>
      </c>
      <c r="DQ38" s="104">
        <v>57035</v>
      </c>
      <c r="DR38" s="103">
        <v>2114457</v>
      </c>
      <c r="DS38" s="106">
        <v>2120360</v>
      </c>
      <c r="DT38" s="100">
        <v>0</v>
      </c>
      <c r="DU38" s="104">
        <v>5903</v>
      </c>
      <c r="DV38" s="103">
        <v>5903</v>
      </c>
      <c r="DW38" s="100">
        <v>0</v>
      </c>
      <c r="DX38" s="104">
        <v>302507</v>
      </c>
      <c r="DY38" s="104">
        <v>499599</v>
      </c>
      <c r="DZ38" s="104">
        <v>579789</v>
      </c>
      <c r="EA38" s="104">
        <v>431473</v>
      </c>
      <c r="EB38" s="104">
        <v>57035</v>
      </c>
      <c r="EC38" s="103">
        <v>1870403</v>
      </c>
      <c r="ED38" s="106">
        <v>1876306</v>
      </c>
      <c r="EE38" s="100">
        <v>0</v>
      </c>
      <c r="EF38" s="102">
        <v>0</v>
      </c>
      <c r="EG38" s="103">
        <v>0</v>
      </c>
      <c r="EH38" s="100">
        <v>0</v>
      </c>
      <c r="EI38" s="104">
        <v>85283</v>
      </c>
      <c r="EJ38" s="104">
        <v>121429</v>
      </c>
      <c r="EK38" s="104">
        <v>37342</v>
      </c>
      <c r="EL38" s="104">
        <v>0</v>
      </c>
      <c r="EM38" s="104">
        <v>0</v>
      </c>
      <c r="EN38" s="102">
        <v>244054</v>
      </c>
      <c r="EO38" s="106">
        <v>244054</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156162</v>
      </c>
      <c r="FM38" s="104">
        <v>267233</v>
      </c>
      <c r="FN38" s="103">
        <v>423395</v>
      </c>
      <c r="FO38" s="100">
        <v>0</v>
      </c>
      <c r="FP38" s="104">
        <v>728446</v>
      </c>
      <c r="FQ38" s="104">
        <v>566161</v>
      </c>
      <c r="FR38" s="104">
        <v>350900</v>
      </c>
      <c r="FS38" s="104">
        <v>177963</v>
      </c>
      <c r="FT38" s="104">
        <v>522586</v>
      </c>
      <c r="FU38" s="103">
        <v>2346056</v>
      </c>
      <c r="FV38" s="106">
        <v>2769451</v>
      </c>
      <c r="FW38" s="105">
        <v>112062</v>
      </c>
      <c r="FX38" s="104">
        <v>257333</v>
      </c>
      <c r="FY38" s="102">
        <v>369395</v>
      </c>
      <c r="FZ38" s="101">
        <v>0</v>
      </c>
      <c r="GA38" s="104">
        <v>526774</v>
      </c>
      <c r="GB38" s="104">
        <v>566161</v>
      </c>
      <c r="GC38" s="104">
        <v>350900</v>
      </c>
      <c r="GD38" s="104">
        <v>177963</v>
      </c>
      <c r="GE38" s="104">
        <v>522586</v>
      </c>
      <c r="GF38" s="103">
        <v>2144384</v>
      </c>
      <c r="GG38" s="296">
        <v>2513779</v>
      </c>
      <c r="GH38" s="105">
        <v>0</v>
      </c>
      <c r="GI38" s="104">
        <v>9900</v>
      </c>
      <c r="GJ38" s="102">
        <v>9900</v>
      </c>
      <c r="GK38" s="101">
        <v>0</v>
      </c>
      <c r="GL38" s="104">
        <v>102672</v>
      </c>
      <c r="GM38" s="104">
        <v>0</v>
      </c>
      <c r="GN38" s="104">
        <v>0</v>
      </c>
      <c r="GO38" s="104">
        <v>0</v>
      </c>
      <c r="GP38" s="104">
        <v>0</v>
      </c>
      <c r="GQ38" s="103">
        <v>102672</v>
      </c>
      <c r="GR38" s="106">
        <v>112572</v>
      </c>
      <c r="GS38" s="100">
        <v>44100</v>
      </c>
      <c r="GT38" s="104">
        <v>0</v>
      </c>
      <c r="GU38" s="103">
        <v>44100</v>
      </c>
      <c r="GV38" s="100">
        <v>0</v>
      </c>
      <c r="GW38" s="104">
        <v>99000</v>
      </c>
      <c r="GX38" s="104">
        <v>0</v>
      </c>
      <c r="GY38" s="104">
        <v>0</v>
      </c>
      <c r="GZ38" s="104">
        <v>0</v>
      </c>
      <c r="HA38" s="104">
        <v>0</v>
      </c>
      <c r="HB38" s="102">
        <v>99000</v>
      </c>
      <c r="HC38" s="106">
        <v>143100</v>
      </c>
      <c r="HD38" s="100">
        <v>175975</v>
      </c>
      <c r="HE38" s="104">
        <v>398532</v>
      </c>
      <c r="HF38" s="102">
        <v>574507</v>
      </c>
      <c r="HG38" s="101">
        <v>0</v>
      </c>
      <c r="HH38" s="104">
        <v>2129279</v>
      </c>
      <c r="HI38" s="104">
        <v>3428239</v>
      </c>
      <c r="HJ38" s="104">
        <v>3717983</v>
      </c>
      <c r="HK38" s="104">
        <v>1348199</v>
      </c>
      <c r="HL38" s="104">
        <v>1273800</v>
      </c>
      <c r="HM38" s="103">
        <v>11897500</v>
      </c>
      <c r="HN38" s="99">
        <v>12472007</v>
      </c>
      <c r="HO38" s="105">
        <v>147543</v>
      </c>
      <c r="HP38" s="104">
        <v>265967</v>
      </c>
      <c r="HQ38" s="103">
        <v>413510</v>
      </c>
      <c r="HR38" s="100">
        <v>0</v>
      </c>
      <c r="HS38" s="104">
        <v>1274902</v>
      </c>
      <c r="HT38" s="104">
        <v>759591</v>
      </c>
      <c r="HU38" s="104">
        <v>664779</v>
      </c>
      <c r="HV38" s="104">
        <v>236690</v>
      </c>
      <c r="HW38" s="104">
        <v>328991</v>
      </c>
      <c r="HX38" s="102">
        <v>3264953</v>
      </c>
      <c r="HY38" s="106">
        <v>3678463</v>
      </c>
      <c r="HZ38" s="137">
        <v>0</v>
      </c>
      <c r="IA38" s="122">
        <v>245899</v>
      </c>
      <c r="IB38" s="137">
        <v>245899</v>
      </c>
      <c r="IC38" s="133">
        <v>0</v>
      </c>
      <c r="ID38" s="119">
        <v>3216146</v>
      </c>
      <c r="IE38" s="134">
        <v>2389600</v>
      </c>
      <c r="IF38" s="120">
        <v>3890331</v>
      </c>
      <c r="IG38" s="119">
        <v>1340581</v>
      </c>
      <c r="IH38" s="120">
        <v>2554339</v>
      </c>
      <c r="II38" s="135">
        <v>13390997</v>
      </c>
      <c r="IJ38" s="137">
        <v>13636896</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1397332</v>
      </c>
      <c r="JL38" s="109">
        <v>937156</v>
      </c>
      <c r="JM38" s="109">
        <v>637674</v>
      </c>
      <c r="JN38" s="109">
        <v>70361</v>
      </c>
      <c r="JO38" s="109">
        <v>210918</v>
      </c>
      <c r="JP38" s="110">
        <v>3253441</v>
      </c>
      <c r="JQ38" s="298">
        <v>3253441</v>
      </c>
      <c r="JR38" s="129">
        <v>0</v>
      </c>
      <c r="JS38" s="109">
        <v>0</v>
      </c>
      <c r="JT38" s="128">
        <v>0</v>
      </c>
      <c r="JU38" s="108">
        <v>0</v>
      </c>
      <c r="JV38" s="109">
        <v>0</v>
      </c>
      <c r="JW38" s="109">
        <v>0</v>
      </c>
      <c r="JX38" s="109">
        <v>0</v>
      </c>
      <c r="JY38" s="109">
        <v>24840</v>
      </c>
      <c r="JZ38" s="109">
        <v>0</v>
      </c>
      <c r="KA38" s="110">
        <v>24840</v>
      </c>
      <c r="KB38" s="298">
        <v>24840</v>
      </c>
      <c r="KC38" s="221">
        <v>0</v>
      </c>
      <c r="KD38" s="217">
        <v>0</v>
      </c>
      <c r="KE38" s="110">
        <v>0</v>
      </c>
      <c r="KF38" s="108">
        <v>0</v>
      </c>
      <c r="KG38" s="109">
        <v>0</v>
      </c>
      <c r="KH38" s="109">
        <v>0</v>
      </c>
      <c r="KI38" s="109">
        <v>0</v>
      </c>
      <c r="KJ38" s="109">
        <v>0</v>
      </c>
      <c r="KK38" s="109">
        <v>0</v>
      </c>
      <c r="KL38" s="110">
        <v>0</v>
      </c>
      <c r="KM38" s="130">
        <v>0</v>
      </c>
      <c r="KN38" s="219">
        <v>0</v>
      </c>
      <c r="KO38" s="223">
        <v>245899</v>
      </c>
      <c r="KP38" s="224">
        <v>245899</v>
      </c>
      <c r="KQ38" s="127"/>
      <c r="KR38" s="109">
        <v>1045245</v>
      </c>
      <c r="KS38" s="109">
        <v>814245</v>
      </c>
      <c r="KT38" s="109">
        <v>1954911</v>
      </c>
      <c r="KU38" s="109">
        <v>0</v>
      </c>
      <c r="KV38" s="109">
        <v>570702</v>
      </c>
      <c r="KW38" s="110">
        <v>4385103</v>
      </c>
      <c r="KX38" s="298">
        <v>4631002</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773569</v>
      </c>
      <c r="LZ38" s="109">
        <v>638199</v>
      </c>
      <c r="MA38" s="109">
        <v>1297746</v>
      </c>
      <c r="MB38" s="109">
        <v>1245380</v>
      </c>
      <c r="MC38" s="109">
        <v>1772719</v>
      </c>
      <c r="MD38" s="110">
        <v>5727613</v>
      </c>
      <c r="ME38" s="111">
        <v>5727613</v>
      </c>
      <c r="MF38" s="129">
        <v>0</v>
      </c>
      <c r="MG38" s="109">
        <v>0</v>
      </c>
      <c r="MH38" s="110">
        <v>0</v>
      </c>
      <c r="MI38" s="132"/>
      <c r="MJ38" s="109">
        <v>2605608</v>
      </c>
      <c r="MK38" s="109">
        <v>5845069</v>
      </c>
      <c r="ML38" s="109">
        <v>10608346</v>
      </c>
      <c r="MM38" s="109">
        <v>18527028</v>
      </c>
      <c r="MN38" s="109">
        <v>13368973</v>
      </c>
      <c r="MO38" s="110">
        <v>50955024</v>
      </c>
      <c r="MP38" s="130">
        <v>50955024</v>
      </c>
      <c r="MQ38" s="129">
        <v>0</v>
      </c>
      <c r="MR38" s="109">
        <v>0</v>
      </c>
      <c r="MS38" s="110">
        <v>0</v>
      </c>
      <c r="MT38" s="132"/>
      <c r="MU38" s="109">
        <v>0</v>
      </c>
      <c r="MV38" s="109">
        <v>1352414</v>
      </c>
      <c r="MW38" s="109">
        <v>5184377</v>
      </c>
      <c r="MX38" s="109">
        <v>8507715</v>
      </c>
      <c r="MY38" s="109">
        <v>5947267</v>
      </c>
      <c r="MZ38" s="110">
        <v>20991773</v>
      </c>
      <c r="NA38" s="130">
        <v>20991773</v>
      </c>
      <c r="NB38" s="129">
        <v>0</v>
      </c>
      <c r="NC38" s="109">
        <v>0</v>
      </c>
      <c r="ND38" s="110">
        <v>0</v>
      </c>
      <c r="NE38" s="132"/>
      <c r="NF38" s="109">
        <v>1899834</v>
      </c>
      <c r="NG38" s="109">
        <v>2821872</v>
      </c>
      <c r="NH38" s="109">
        <v>3275175</v>
      </c>
      <c r="NI38" s="109">
        <v>6105104</v>
      </c>
      <c r="NJ38" s="109">
        <v>1729021</v>
      </c>
      <c r="NK38" s="110">
        <v>15831006</v>
      </c>
      <c r="NL38" s="298">
        <v>15831006</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705774</v>
      </c>
      <c r="OC38" s="109">
        <v>1670783</v>
      </c>
      <c r="OD38" s="109">
        <v>2148794</v>
      </c>
      <c r="OE38" s="109">
        <v>3914209</v>
      </c>
      <c r="OF38" s="109">
        <v>5692685</v>
      </c>
      <c r="OG38" s="110">
        <v>14132245</v>
      </c>
      <c r="OH38" s="111">
        <v>14132245</v>
      </c>
      <c r="OI38" s="129">
        <v>998486</v>
      </c>
      <c r="OJ38" s="109">
        <v>2541772</v>
      </c>
      <c r="OK38" s="128">
        <v>3540258</v>
      </c>
      <c r="OL38" s="108">
        <v>0</v>
      </c>
      <c r="OM38" s="109">
        <v>14393901</v>
      </c>
      <c r="ON38" s="109">
        <v>17411381</v>
      </c>
      <c r="OO38" s="109">
        <v>23682428</v>
      </c>
      <c r="OP38" s="109">
        <v>23720656</v>
      </c>
      <c r="OQ38" s="109">
        <v>21325623</v>
      </c>
      <c r="OR38" s="110">
        <v>100533989</v>
      </c>
      <c r="OS38" s="130">
        <v>104074247</v>
      </c>
    </row>
    <row r="39" spans="2:409" ht="21" customHeight="1" x14ac:dyDescent="0.2">
      <c r="B39" s="472" t="s">
        <v>34</v>
      </c>
      <c r="C39" s="100">
        <v>483988</v>
      </c>
      <c r="D39" s="104">
        <v>1062839</v>
      </c>
      <c r="E39" s="161">
        <v>1546827</v>
      </c>
      <c r="F39" s="162">
        <v>0</v>
      </c>
      <c r="G39" s="163">
        <v>7216191</v>
      </c>
      <c r="H39" s="163">
        <v>5816968</v>
      </c>
      <c r="I39" s="163">
        <v>4581473</v>
      </c>
      <c r="J39" s="163">
        <v>7337124</v>
      </c>
      <c r="K39" s="163">
        <v>3661456</v>
      </c>
      <c r="L39" s="164">
        <v>28613212</v>
      </c>
      <c r="M39" s="106">
        <v>30160039</v>
      </c>
      <c r="N39" s="100">
        <v>81882</v>
      </c>
      <c r="O39" s="104">
        <v>295227</v>
      </c>
      <c r="P39" s="103">
        <v>377109</v>
      </c>
      <c r="Q39" s="100">
        <v>0</v>
      </c>
      <c r="R39" s="104">
        <v>1404579</v>
      </c>
      <c r="S39" s="104">
        <v>1356543</v>
      </c>
      <c r="T39" s="104">
        <v>1284440</v>
      </c>
      <c r="U39" s="104">
        <v>1694087</v>
      </c>
      <c r="V39" s="104">
        <v>1786607</v>
      </c>
      <c r="W39" s="103">
        <v>7526256</v>
      </c>
      <c r="X39" s="106">
        <v>7903365</v>
      </c>
      <c r="Y39" s="100">
        <v>0</v>
      </c>
      <c r="Z39" s="104">
        <v>0</v>
      </c>
      <c r="AA39" s="103">
        <v>0</v>
      </c>
      <c r="AB39" s="100">
        <v>0</v>
      </c>
      <c r="AC39" s="104">
        <v>415331</v>
      </c>
      <c r="AD39" s="104">
        <v>445495</v>
      </c>
      <c r="AE39" s="104">
        <v>823928</v>
      </c>
      <c r="AF39" s="104">
        <v>989642</v>
      </c>
      <c r="AG39" s="104">
        <v>668011</v>
      </c>
      <c r="AH39" s="103">
        <v>3342407</v>
      </c>
      <c r="AI39" s="106">
        <v>3342407</v>
      </c>
      <c r="AJ39" s="100">
        <v>0</v>
      </c>
      <c r="AK39" s="104">
        <v>0</v>
      </c>
      <c r="AL39" s="103">
        <v>0</v>
      </c>
      <c r="AM39" s="100">
        <v>0</v>
      </c>
      <c r="AN39" s="104">
        <v>0</v>
      </c>
      <c r="AO39" s="104">
        <v>49167</v>
      </c>
      <c r="AP39" s="104">
        <v>0</v>
      </c>
      <c r="AQ39" s="104">
        <v>51174</v>
      </c>
      <c r="AR39" s="104">
        <v>455175</v>
      </c>
      <c r="AS39" s="103">
        <v>555516</v>
      </c>
      <c r="AT39" s="106">
        <v>555516</v>
      </c>
      <c r="AU39" s="100">
        <v>16200</v>
      </c>
      <c r="AV39" s="104">
        <v>281466</v>
      </c>
      <c r="AW39" s="103">
        <v>297666</v>
      </c>
      <c r="AX39" s="100">
        <v>0</v>
      </c>
      <c r="AY39" s="104">
        <v>375134</v>
      </c>
      <c r="AZ39" s="104">
        <v>443630</v>
      </c>
      <c r="BA39" s="104">
        <v>236635</v>
      </c>
      <c r="BB39" s="104">
        <v>263697</v>
      </c>
      <c r="BC39" s="104">
        <v>352728</v>
      </c>
      <c r="BD39" s="103">
        <v>1671824</v>
      </c>
      <c r="BE39" s="106">
        <v>1969490</v>
      </c>
      <c r="BF39" s="100">
        <v>0</v>
      </c>
      <c r="BG39" s="104">
        <v>0</v>
      </c>
      <c r="BH39" s="102">
        <v>0</v>
      </c>
      <c r="BI39" s="101">
        <v>0</v>
      </c>
      <c r="BJ39" s="104">
        <v>123768</v>
      </c>
      <c r="BK39" s="104">
        <v>170548</v>
      </c>
      <c r="BL39" s="104">
        <v>56016</v>
      </c>
      <c r="BM39" s="104">
        <v>41850</v>
      </c>
      <c r="BN39" s="104">
        <v>50706</v>
      </c>
      <c r="BO39" s="103">
        <v>442888</v>
      </c>
      <c r="BP39" s="106">
        <v>442888</v>
      </c>
      <c r="BQ39" s="100">
        <v>65682</v>
      </c>
      <c r="BR39" s="104">
        <v>13761</v>
      </c>
      <c r="BS39" s="103">
        <v>79443</v>
      </c>
      <c r="BT39" s="100">
        <v>0</v>
      </c>
      <c r="BU39" s="104">
        <v>490346</v>
      </c>
      <c r="BV39" s="104">
        <v>247703</v>
      </c>
      <c r="BW39" s="104">
        <v>167861</v>
      </c>
      <c r="BX39" s="104">
        <v>347724</v>
      </c>
      <c r="BY39" s="104">
        <v>259987</v>
      </c>
      <c r="BZ39" s="103">
        <v>1513621</v>
      </c>
      <c r="CA39" s="106">
        <v>1593064</v>
      </c>
      <c r="CB39" s="100">
        <v>23319</v>
      </c>
      <c r="CC39" s="104">
        <v>127953</v>
      </c>
      <c r="CD39" s="103">
        <v>151272</v>
      </c>
      <c r="CE39" s="100">
        <v>0</v>
      </c>
      <c r="CF39" s="104">
        <v>2072430</v>
      </c>
      <c r="CG39" s="104">
        <v>2117057</v>
      </c>
      <c r="CH39" s="104">
        <v>1711865</v>
      </c>
      <c r="CI39" s="104">
        <v>1891349</v>
      </c>
      <c r="CJ39" s="104">
        <v>293418</v>
      </c>
      <c r="CK39" s="103">
        <v>8086119</v>
      </c>
      <c r="CL39" s="106">
        <v>8237391</v>
      </c>
      <c r="CM39" s="100">
        <v>0</v>
      </c>
      <c r="CN39" s="104">
        <v>0</v>
      </c>
      <c r="CO39" s="103">
        <v>0</v>
      </c>
      <c r="CP39" s="101">
        <v>0</v>
      </c>
      <c r="CQ39" s="104">
        <v>1701225</v>
      </c>
      <c r="CR39" s="104">
        <v>2006105</v>
      </c>
      <c r="CS39" s="104">
        <v>1579055</v>
      </c>
      <c r="CT39" s="104">
        <v>1419200</v>
      </c>
      <c r="CU39" s="104">
        <v>293418</v>
      </c>
      <c r="CV39" s="103">
        <v>6999003</v>
      </c>
      <c r="CW39" s="106">
        <v>6999003</v>
      </c>
      <c r="CX39" s="100">
        <v>23319</v>
      </c>
      <c r="CY39" s="104">
        <v>127953</v>
      </c>
      <c r="CZ39" s="103">
        <v>151272</v>
      </c>
      <c r="DA39" s="100">
        <v>0</v>
      </c>
      <c r="DB39" s="104">
        <v>371205</v>
      </c>
      <c r="DC39" s="104">
        <v>110952</v>
      </c>
      <c r="DD39" s="104">
        <v>132810</v>
      </c>
      <c r="DE39" s="104">
        <v>472149</v>
      </c>
      <c r="DF39" s="104">
        <v>0</v>
      </c>
      <c r="DG39" s="103">
        <v>1087116</v>
      </c>
      <c r="DH39" s="106">
        <v>1238388</v>
      </c>
      <c r="DI39" s="100">
        <v>0</v>
      </c>
      <c r="DJ39" s="104">
        <v>0</v>
      </c>
      <c r="DK39" s="102">
        <v>0</v>
      </c>
      <c r="DL39" s="101">
        <v>0</v>
      </c>
      <c r="DM39" s="104">
        <v>217476</v>
      </c>
      <c r="DN39" s="104">
        <v>97722</v>
      </c>
      <c r="DO39" s="104">
        <v>113751</v>
      </c>
      <c r="DP39" s="104">
        <v>491265</v>
      </c>
      <c r="DQ39" s="104">
        <v>180707</v>
      </c>
      <c r="DR39" s="103">
        <v>1100921</v>
      </c>
      <c r="DS39" s="106">
        <v>1100921</v>
      </c>
      <c r="DT39" s="100">
        <v>0</v>
      </c>
      <c r="DU39" s="104">
        <v>0</v>
      </c>
      <c r="DV39" s="103">
        <v>0</v>
      </c>
      <c r="DW39" s="100">
        <v>0</v>
      </c>
      <c r="DX39" s="104">
        <v>193923</v>
      </c>
      <c r="DY39" s="104">
        <v>97722</v>
      </c>
      <c r="DZ39" s="104">
        <v>113751</v>
      </c>
      <c r="EA39" s="104">
        <v>491265</v>
      </c>
      <c r="EB39" s="104">
        <v>180707</v>
      </c>
      <c r="EC39" s="103">
        <v>1077368</v>
      </c>
      <c r="ED39" s="106">
        <v>1077368</v>
      </c>
      <c r="EE39" s="100">
        <v>0</v>
      </c>
      <c r="EF39" s="102">
        <v>0</v>
      </c>
      <c r="EG39" s="103">
        <v>0</v>
      </c>
      <c r="EH39" s="100">
        <v>0</v>
      </c>
      <c r="EI39" s="104">
        <v>23553</v>
      </c>
      <c r="EJ39" s="104">
        <v>0</v>
      </c>
      <c r="EK39" s="104">
        <v>0</v>
      </c>
      <c r="EL39" s="104">
        <v>0</v>
      </c>
      <c r="EM39" s="104">
        <v>0</v>
      </c>
      <c r="EN39" s="102">
        <v>23553</v>
      </c>
      <c r="EO39" s="106">
        <v>23553</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134224</v>
      </c>
      <c r="FM39" s="104">
        <v>337895</v>
      </c>
      <c r="FN39" s="103">
        <v>472119</v>
      </c>
      <c r="FO39" s="100">
        <v>0</v>
      </c>
      <c r="FP39" s="104">
        <v>389076</v>
      </c>
      <c r="FQ39" s="104">
        <v>569649</v>
      </c>
      <c r="FR39" s="104">
        <v>342688</v>
      </c>
      <c r="FS39" s="104">
        <v>529204</v>
      </c>
      <c r="FT39" s="104">
        <v>220760</v>
      </c>
      <c r="FU39" s="103">
        <v>2051377</v>
      </c>
      <c r="FV39" s="106">
        <v>2523496</v>
      </c>
      <c r="FW39" s="105">
        <v>111240</v>
      </c>
      <c r="FX39" s="104">
        <v>107225</v>
      </c>
      <c r="FY39" s="102">
        <v>218465</v>
      </c>
      <c r="FZ39" s="101">
        <v>0</v>
      </c>
      <c r="GA39" s="104">
        <v>357891</v>
      </c>
      <c r="GB39" s="104">
        <v>569649</v>
      </c>
      <c r="GC39" s="104">
        <v>342688</v>
      </c>
      <c r="GD39" s="104">
        <v>505840</v>
      </c>
      <c r="GE39" s="104">
        <v>220760</v>
      </c>
      <c r="GF39" s="103">
        <v>1996828</v>
      </c>
      <c r="GG39" s="296">
        <v>2215293</v>
      </c>
      <c r="GH39" s="105">
        <v>0</v>
      </c>
      <c r="GI39" s="104">
        <v>0</v>
      </c>
      <c r="GJ39" s="102">
        <v>0</v>
      </c>
      <c r="GK39" s="101">
        <v>0</v>
      </c>
      <c r="GL39" s="104">
        <v>31185</v>
      </c>
      <c r="GM39" s="104">
        <v>0</v>
      </c>
      <c r="GN39" s="104">
        <v>0</v>
      </c>
      <c r="GO39" s="104">
        <v>23364</v>
      </c>
      <c r="GP39" s="104">
        <v>0</v>
      </c>
      <c r="GQ39" s="103">
        <v>54549</v>
      </c>
      <c r="GR39" s="106">
        <v>54549</v>
      </c>
      <c r="GS39" s="100">
        <v>22984</v>
      </c>
      <c r="GT39" s="104">
        <v>230670</v>
      </c>
      <c r="GU39" s="103">
        <v>253654</v>
      </c>
      <c r="GV39" s="100">
        <v>0</v>
      </c>
      <c r="GW39" s="104">
        <v>0</v>
      </c>
      <c r="GX39" s="104">
        <v>0</v>
      </c>
      <c r="GY39" s="104">
        <v>0</v>
      </c>
      <c r="GZ39" s="104">
        <v>0</v>
      </c>
      <c r="HA39" s="104">
        <v>0</v>
      </c>
      <c r="HB39" s="102">
        <v>0</v>
      </c>
      <c r="HC39" s="106">
        <v>253654</v>
      </c>
      <c r="HD39" s="100">
        <v>174483</v>
      </c>
      <c r="HE39" s="104">
        <v>193644</v>
      </c>
      <c r="HF39" s="102">
        <v>368127</v>
      </c>
      <c r="HG39" s="101">
        <v>0</v>
      </c>
      <c r="HH39" s="104">
        <v>2191398</v>
      </c>
      <c r="HI39" s="104">
        <v>948203</v>
      </c>
      <c r="HJ39" s="104">
        <v>724662</v>
      </c>
      <c r="HK39" s="104">
        <v>2329931</v>
      </c>
      <c r="HL39" s="104">
        <v>1007880</v>
      </c>
      <c r="HM39" s="103">
        <v>7202074</v>
      </c>
      <c r="HN39" s="99">
        <v>7570201</v>
      </c>
      <c r="HO39" s="105">
        <v>70080</v>
      </c>
      <c r="HP39" s="104">
        <v>108120</v>
      </c>
      <c r="HQ39" s="103">
        <v>178200</v>
      </c>
      <c r="HR39" s="100">
        <v>0</v>
      </c>
      <c r="HS39" s="104">
        <v>941232</v>
      </c>
      <c r="HT39" s="104">
        <v>727794</v>
      </c>
      <c r="HU39" s="104">
        <v>404067</v>
      </c>
      <c r="HV39" s="104">
        <v>401288</v>
      </c>
      <c r="HW39" s="104">
        <v>172084</v>
      </c>
      <c r="HX39" s="102">
        <v>2646465</v>
      </c>
      <c r="HY39" s="106">
        <v>2824665</v>
      </c>
      <c r="HZ39" s="118">
        <v>45171</v>
      </c>
      <c r="IA39" s="119">
        <v>80901</v>
      </c>
      <c r="IB39" s="120">
        <v>126072</v>
      </c>
      <c r="IC39" s="133">
        <v>0</v>
      </c>
      <c r="ID39" s="119">
        <v>3516006</v>
      </c>
      <c r="IE39" s="134">
        <v>3550375</v>
      </c>
      <c r="IF39" s="120">
        <v>4453780</v>
      </c>
      <c r="IG39" s="119">
        <v>2061873</v>
      </c>
      <c r="IH39" s="120">
        <v>1776936</v>
      </c>
      <c r="II39" s="135">
        <v>15358970</v>
      </c>
      <c r="IJ39" s="126">
        <v>15485042</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755177</v>
      </c>
      <c r="JL39" s="109">
        <v>522754</v>
      </c>
      <c r="JM39" s="109">
        <v>291384</v>
      </c>
      <c r="JN39" s="109">
        <v>164097</v>
      </c>
      <c r="JO39" s="109">
        <v>49644</v>
      </c>
      <c r="JP39" s="110">
        <v>1783056</v>
      </c>
      <c r="JQ39" s="298">
        <v>1783056</v>
      </c>
      <c r="JR39" s="129">
        <v>0</v>
      </c>
      <c r="JS39" s="109">
        <v>0</v>
      </c>
      <c r="JT39" s="128">
        <v>0</v>
      </c>
      <c r="JU39" s="108">
        <v>0</v>
      </c>
      <c r="JV39" s="109">
        <v>0</v>
      </c>
      <c r="JW39" s="109">
        <v>0</v>
      </c>
      <c r="JX39" s="109">
        <v>0</v>
      </c>
      <c r="JY39" s="109">
        <v>0</v>
      </c>
      <c r="JZ39" s="109">
        <v>90800</v>
      </c>
      <c r="KA39" s="110">
        <v>90800</v>
      </c>
      <c r="KB39" s="298">
        <v>90800</v>
      </c>
      <c r="KC39" s="221">
        <v>45171</v>
      </c>
      <c r="KD39" s="217">
        <v>80901</v>
      </c>
      <c r="KE39" s="110">
        <v>126072</v>
      </c>
      <c r="KF39" s="108">
        <v>0</v>
      </c>
      <c r="KG39" s="109">
        <v>722437</v>
      </c>
      <c r="KH39" s="109">
        <v>1434512</v>
      </c>
      <c r="KI39" s="109">
        <v>2213392</v>
      </c>
      <c r="KJ39" s="109">
        <v>278838</v>
      </c>
      <c r="KK39" s="109">
        <v>0</v>
      </c>
      <c r="KL39" s="110">
        <v>4649179</v>
      </c>
      <c r="KM39" s="130">
        <v>4775251</v>
      </c>
      <c r="KN39" s="219">
        <v>0</v>
      </c>
      <c r="KO39" s="223">
        <v>0</v>
      </c>
      <c r="KP39" s="224">
        <v>0</v>
      </c>
      <c r="KQ39" s="127"/>
      <c r="KR39" s="109">
        <v>640296</v>
      </c>
      <c r="KS39" s="109">
        <v>537966</v>
      </c>
      <c r="KT39" s="109">
        <v>0</v>
      </c>
      <c r="KU39" s="109">
        <v>563814</v>
      </c>
      <c r="KV39" s="109">
        <v>574776</v>
      </c>
      <c r="KW39" s="110">
        <v>2316852</v>
      </c>
      <c r="KX39" s="298">
        <v>2316852</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1398096</v>
      </c>
      <c r="LZ39" s="109">
        <v>1055143</v>
      </c>
      <c r="MA39" s="109">
        <v>1949004</v>
      </c>
      <c r="MB39" s="109">
        <v>1055124</v>
      </c>
      <c r="MC39" s="109">
        <v>1061716</v>
      </c>
      <c r="MD39" s="110">
        <v>6519083</v>
      </c>
      <c r="ME39" s="111">
        <v>6519083</v>
      </c>
      <c r="MF39" s="129">
        <v>0</v>
      </c>
      <c r="MG39" s="109">
        <v>0</v>
      </c>
      <c r="MH39" s="110">
        <v>0</v>
      </c>
      <c r="MI39" s="132"/>
      <c r="MJ39" s="109">
        <v>781009</v>
      </c>
      <c r="MK39" s="109">
        <v>4166305</v>
      </c>
      <c r="ML39" s="109">
        <v>4874848</v>
      </c>
      <c r="MM39" s="109">
        <v>10886693</v>
      </c>
      <c r="MN39" s="109">
        <v>6946973</v>
      </c>
      <c r="MO39" s="110">
        <v>27655828</v>
      </c>
      <c r="MP39" s="130">
        <v>27655828</v>
      </c>
      <c r="MQ39" s="129">
        <v>0</v>
      </c>
      <c r="MR39" s="109">
        <v>0</v>
      </c>
      <c r="MS39" s="110">
        <v>0</v>
      </c>
      <c r="MT39" s="132"/>
      <c r="MU39" s="109">
        <v>0</v>
      </c>
      <c r="MV39" s="109">
        <v>0</v>
      </c>
      <c r="MW39" s="109">
        <v>2768200</v>
      </c>
      <c r="MX39" s="109">
        <v>7810129</v>
      </c>
      <c r="MY39" s="109">
        <v>5306514</v>
      </c>
      <c r="MZ39" s="110">
        <v>15884843</v>
      </c>
      <c r="NA39" s="130">
        <v>15884843</v>
      </c>
      <c r="NB39" s="129">
        <v>0</v>
      </c>
      <c r="NC39" s="109">
        <v>0</v>
      </c>
      <c r="ND39" s="110">
        <v>0</v>
      </c>
      <c r="NE39" s="132"/>
      <c r="NF39" s="109">
        <v>781009</v>
      </c>
      <c r="NG39" s="109">
        <v>4166305</v>
      </c>
      <c r="NH39" s="109">
        <v>2106648</v>
      </c>
      <c r="NI39" s="109">
        <v>2732098</v>
      </c>
      <c r="NJ39" s="109">
        <v>1275059</v>
      </c>
      <c r="NK39" s="110">
        <v>11061119</v>
      </c>
      <c r="NL39" s="298">
        <v>11061119</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344466</v>
      </c>
      <c r="OF39" s="109">
        <v>365400</v>
      </c>
      <c r="OG39" s="110">
        <v>709866</v>
      </c>
      <c r="OH39" s="111">
        <v>709866</v>
      </c>
      <c r="OI39" s="129">
        <v>529159</v>
      </c>
      <c r="OJ39" s="109">
        <v>1143740</v>
      </c>
      <c r="OK39" s="128">
        <v>1672899</v>
      </c>
      <c r="OL39" s="108">
        <v>0</v>
      </c>
      <c r="OM39" s="109">
        <v>11513206</v>
      </c>
      <c r="ON39" s="109">
        <v>13533648</v>
      </c>
      <c r="OO39" s="109">
        <v>13910101</v>
      </c>
      <c r="OP39" s="109">
        <v>20285690</v>
      </c>
      <c r="OQ39" s="109">
        <v>12385365</v>
      </c>
      <c r="OR39" s="110">
        <v>71628010</v>
      </c>
      <c r="OS39" s="130">
        <v>73300909</v>
      </c>
    </row>
    <row r="40" spans="2:409" ht="21" customHeight="1" x14ac:dyDescent="0.2">
      <c r="B40" s="472" t="s">
        <v>35</v>
      </c>
      <c r="C40" s="100">
        <v>2108964</v>
      </c>
      <c r="D40" s="104">
        <v>4629280</v>
      </c>
      <c r="E40" s="103">
        <v>6738244</v>
      </c>
      <c r="F40" s="99">
        <v>0</v>
      </c>
      <c r="G40" s="104">
        <v>32330475</v>
      </c>
      <c r="H40" s="104">
        <v>22132424</v>
      </c>
      <c r="I40" s="104">
        <v>21186228</v>
      </c>
      <c r="J40" s="104">
        <v>25834725</v>
      </c>
      <c r="K40" s="104">
        <v>10889747</v>
      </c>
      <c r="L40" s="160">
        <v>112373599</v>
      </c>
      <c r="M40" s="106">
        <v>119111843</v>
      </c>
      <c r="N40" s="100">
        <v>434794</v>
      </c>
      <c r="O40" s="104">
        <v>1110636</v>
      </c>
      <c r="P40" s="103">
        <v>1545430</v>
      </c>
      <c r="Q40" s="100">
        <v>0</v>
      </c>
      <c r="R40" s="104">
        <v>7850396</v>
      </c>
      <c r="S40" s="104">
        <v>6006118</v>
      </c>
      <c r="T40" s="104">
        <v>7131739</v>
      </c>
      <c r="U40" s="104">
        <v>9078176</v>
      </c>
      <c r="V40" s="104">
        <v>4874931</v>
      </c>
      <c r="W40" s="103">
        <v>34941360</v>
      </c>
      <c r="X40" s="106">
        <v>36486790</v>
      </c>
      <c r="Y40" s="100">
        <v>0</v>
      </c>
      <c r="Z40" s="104">
        <v>0</v>
      </c>
      <c r="AA40" s="103">
        <v>0</v>
      </c>
      <c r="AB40" s="100">
        <v>0</v>
      </c>
      <c r="AC40" s="104">
        <v>3604878</v>
      </c>
      <c r="AD40" s="104">
        <v>2893236</v>
      </c>
      <c r="AE40" s="104">
        <v>4663017</v>
      </c>
      <c r="AF40" s="104">
        <v>5239509</v>
      </c>
      <c r="AG40" s="104">
        <v>2539857</v>
      </c>
      <c r="AH40" s="103">
        <v>18940497</v>
      </c>
      <c r="AI40" s="106">
        <v>18940497</v>
      </c>
      <c r="AJ40" s="100">
        <v>0</v>
      </c>
      <c r="AK40" s="104">
        <v>0</v>
      </c>
      <c r="AL40" s="103">
        <v>0</v>
      </c>
      <c r="AM40" s="100">
        <v>0</v>
      </c>
      <c r="AN40" s="104">
        <v>0</v>
      </c>
      <c r="AO40" s="104">
        <v>204678</v>
      </c>
      <c r="AP40" s="104">
        <v>197172</v>
      </c>
      <c r="AQ40" s="104">
        <v>713136</v>
      </c>
      <c r="AR40" s="104">
        <v>607322</v>
      </c>
      <c r="AS40" s="103">
        <v>1722308</v>
      </c>
      <c r="AT40" s="106">
        <v>1722308</v>
      </c>
      <c r="AU40" s="100">
        <v>133726</v>
      </c>
      <c r="AV40" s="104">
        <v>509146</v>
      </c>
      <c r="AW40" s="103">
        <v>642872</v>
      </c>
      <c r="AX40" s="100">
        <v>0</v>
      </c>
      <c r="AY40" s="104">
        <v>2004202</v>
      </c>
      <c r="AZ40" s="104">
        <v>1429449</v>
      </c>
      <c r="BA40" s="104">
        <v>1118108</v>
      </c>
      <c r="BB40" s="104">
        <v>1416163</v>
      </c>
      <c r="BC40" s="104">
        <v>1001753</v>
      </c>
      <c r="BD40" s="103">
        <v>6969675</v>
      </c>
      <c r="BE40" s="106">
        <v>7612547</v>
      </c>
      <c r="BF40" s="100">
        <v>88144</v>
      </c>
      <c r="BG40" s="104">
        <v>280023</v>
      </c>
      <c r="BH40" s="102">
        <v>368167</v>
      </c>
      <c r="BI40" s="101">
        <v>0</v>
      </c>
      <c r="BJ40" s="104">
        <v>881728</v>
      </c>
      <c r="BK40" s="104">
        <v>431748</v>
      </c>
      <c r="BL40" s="104">
        <v>206658</v>
      </c>
      <c r="BM40" s="104">
        <v>448373</v>
      </c>
      <c r="BN40" s="104">
        <v>192734</v>
      </c>
      <c r="BO40" s="103">
        <v>2161241</v>
      </c>
      <c r="BP40" s="106">
        <v>2529408</v>
      </c>
      <c r="BQ40" s="100">
        <v>212924</v>
      </c>
      <c r="BR40" s="104">
        <v>321467</v>
      </c>
      <c r="BS40" s="103">
        <v>534391</v>
      </c>
      <c r="BT40" s="100">
        <v>0</v>
      </c>
      <c r="BU40" s="104">
        <v>1359588</v>
      </c>
      <c r="BV40" s="104">
        <v>1047007</v>
      </c>
      <c r="BW40" s="104">
        <v>946784</v>
      </c>
      <c r="BX40" s="104">
        <v>1260995</v>
      </c>
      <c r="BY40" s="104">
        <v>533265</v>
      </c>
      <c r="BZ40" s="103">
        <v>5147639</v>
      </c>
      <c r="CA40" s="106">
        <v>5682030</v>
      </c>
      <c r="CB40" s="100">
        <v>181945</v>
      </c>
      <c r="CC40" s="104">
        <v>756710</v>
      </c>
      <c r="CD40" s="103">
        <v>938655</v>
      </c>
      <c r="CE40" s="100">
        <v>0</v>
      </c>
      <c r="CF40" s="104">
        <v>10813673</v>
      </c>
      <c r="CG40" s="104">
        <v>8001902</v>
      </c>
      <c r="CH40" s="104">
        <v>5040119</v>
      </c>
      <c r="CI40" s="104">
        <v>6135541</v>
      </c>
      <c r="CJ40" s="104">
        <v>2439246</v>
      </c>
      <c r="CK40" s="103">
        <v>32430481</v>
      </c>
      <c r="CL40" s="106">
        <v>33369136</v>
      </c>
      <c r="CM40" s="100">
        <v>0</v>
      </c>
      <c r="CN40" s="104">
        <v>0</v>
      </c>
      <c r="CO40" s="103">
        <v>0</v>
      </c>
      <c r="CP40" s="101">
        <v>0</v>
      </c>
      <c r="CQ40" s="104">
        <v>7673508</v>
      </c>
      <c r="CR40" s="104">
        <v>6143692</v>
      </c>
      <c r="CS40" s="104">
        <v>4294307</v>
      </c>
      <c r="CT40" s="104">
        <v>4767762</v>
      </c>
      <c r="CU40" s="104">
        <v>2251002</v>
      </c>
      <c r="CV40" s="103">
        <v>25130271</v>
      </c>
      <c r="CW40" s="106">
        <v>25130271</v>
      </c>
      <c r="CX40" s="100">
        <v>181945</v>
      </c>
      <c r="CY40" s="104">
        <v>756710</v>
      </c>
      <c r="CZ40" s="103">
        <v>938655</v>
      </c>
      <c r="DA40" s="100">
        <v>0</v>
      </c>
      <c r="DB40" s="104">
        <v>3140165</v>
      </c>
      <c r="DC40" s="104">
        <v>1858210</v>
      </c>
      <c r="DD40" s="104">
        <v>745812</v>
      </c>
      <c r="DE40" s="104">
        <v>1367779</v>
      </c>
      <c r="DF40" s="104">
        <v>188244</v>
      </c>
      <c r="DG40" s="103">
        <v>7300210</v>
      </c>
      <c r="DH40" s="106">
        <v>8238865</v>
      </c>
      <c r="DI40" s="100">
        <v>19264</v>
      </c>
      <c r="DJ40" s="104">
        <v>0</v>
      </c>
      <c r="DK40" s="102">
        <v>19264</v>
      </c>
      <c r="DL40" s="101">
        <v>0</v>
      </c>
      <c r="DM40" s="104">
        <v>707778</v>
      </c>
      <c r="DN40" s="104">
        <v>255737</v>
      </c>
      <c r="DO40" s="104">
        <v>792513</v>
      </c>
      <c r="DP40" s="104">
        <v>908549</v>
      </c>
      <c r="DQ40" s="104">
        <v>255734</v>
      </c>
      <c r="DR40" s="103">
        <v>2920311</v>
      </c>
      <c r="DS40" s="106">
        <v>2939575</v>
      </c>
      <c r="DT40" s="100">
        <v>19264</v>
      </c>
      <c r="DU40" s="104">
        <v>0</v>
      </c>
      <c r="DV40" s="103">
        <v>19264</v>
      </c>
      <c r="DW40" s="100">
        <v>0</v>
      </c>
      <c r="DX40" s="104">
        <v>625122</v>
      </c>
      <c r="DY40" s="104">
        <v>148025</v>
      </c>
      <c r="DZ40" s="104">
        <v>663588</v>
      </c>
      <c r="EA40" s="104">
        <v>515834</v>
      </c>
      <c r="EB40" s="104">
        <v>92519</v>
      </c>
      <c r="EC40" s="103">
        <v>2045088</v>
      </c>
      <c r="ED40" s="106">
        <v>2064352</v>
      </c>
      <c r="EE40" s="100">
        <v>0</v>
      </c>
      <c r="EF40" s="102">
        <v>0</v>
      </c>
      <c r="EG40" s="103">
        <v>0</v>
      </c>
      <c r="EH40" s="100">
        <v>0</v>
      </c>
      <c r="EI40" s="104">
        <v>82656</v>
      </c>
      <c r="EJ40" s="104">
        <v>107712</v>
      </c>
      <c r="EK40" s="104">
        <v>128925</v>
      </c>
      <c r="EL40" s="104">
        <v>392715</v>
      </c>
      <c r="EM40" s="104">
        <v>163215</v>
      </c>
      <c r="EN40" s="102">
        <v>875223</v>
      </c>
      <c r="EO40" s="106">
        <v>875223</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246317</v>
      </c>
      <c r="FM40" s="104">
        <v>1056669</v>
      </c>
      <c r="FN40" s="103">
        <v>1302986</v>
      </c>
      <c r="FO40" s="100">
        <v>0</v>
      </c>
      <c r="FP40" s="104">
        <v>1747081</v>
      </c>
      <c r="FQ40" s="104">
        <v>1856332</v>
      </c>
      <c r="FR40" s="104">
        <v>1472746</v>
      </c>
      <c r="FS40" s="104">
        <v>1487429</v>
      </c>
      <c r="FT40" s="104">
        <v>680267</v>
      </c>
      <c r="FU40" s="103">
        <v>7243855</v>
      </c>
      <c r="FV40" s="106">
        <v>8546841</v>
      </c>
      <c r="FW40" s="105">
        <v>246317</v>
      </c>
      <c r="FX40" s="104">
        <v>529244</v>
      </c>
      <c r="FY40" s="102">
        <v>775561</v>
      </c>
      <c r="FZ40" s="101">
        <v>0</v>
      </c>
      <c r="GA40" s="104">
        <v>1170189</v>
      </c>
      <c r="GB40" s="104">
        <v>1779135</v>
      </c>
      <c r="GC40" s="104">
        <v>1304446</v>
      </c>
      <c r="GD40" s="104">
        <v>1422602</v>
      </c>
      <c r="GE40" s="104">
        <v>680267</v>
      </c>
      <c r="GF40" s="103">
        <v>6356639</v>
      </c>
      <c r="GG40" s="296">
        <v>7132200</v>
      </c>
      <c r="GH40" s="105">
        <v>0</v>
      </c>
      <c r="GI40" s="104">
        <v>26235</v>
      </c>
      <c r="GJ40" s="102">
        <v>26235</v>
      </c>
      <c r="GK40" s="101">
        <v>0</v>
      </c>
      <c r="GL40" s="104">
        <v>159607</v>
      </c>
      <c r="GM40" s="104">
        <v>77197</v>
      </c>
      <c r="GN40" s="104">
        <v>168300</v>
      </c>
      <c r="GO40" s="104">
        <v>64827</v>
      </c>
      <c r="GP40" s="104">
        <v>0</v>
      </c>
      <c r="GQ40" s="103">
        <v>469931</v>
      </c>
      <c r="GR40" s="106">
        <v>496166</v>
      </c>
      <c r="GS40" s="100">
        <v>0</v>
      </c>
      <c r="GT40" s="104">
        <v>501190</v>
      </c>
      <c r="GU40" s="103">
        <v>501190</v>
      </c>
      <c r="GV40" s="100">
        <v>0</v>
      </c>
      <c r="GW40" s="104">
        <v>417285</v>
      </c>
      <c r="GX40" s="104">
        <v>0</v>
      </c>
      <c r="GY40" s="104">
        <v>0</v>
      </c>
      <c r="GZ40" s="104">
        <v>0</v>
      </c>
      <c r="HA40" s="104">
        <v>0</v>
      </c>
      <c r="HB40" s="102">
        <v>417285</v>
      </c>
      <c r="HC40" s="106">
        <v>918475</v>
      </c>
      <c r="HD40" s="100">
        <v>962874</v>
      </c>
      <c r="HE40" s="104">
        <v>1215116</v>
      </c>
      <c r="HF40" s="102">
        <v>2177990</v>
      </c>
      <c r="HG40" s="101">
        <v>0</v>
      </c>
      <c r="HH40" s="104">
        <v>7032951</v>
      </c>
      <c r="HI40" s="104">
        <v>3650930</v>
      </c>
      <c r="HJ40" s="104">
        <v>5249332</v>
      </c>
      <c r="HK40" s="104">
        <v>6729095</v>
      </c>
      <c r="HL40" s="104">
        <v>2123493</v>
      </c>
      <c r="HM40" s="103">
        <v>24785801</v>
      </c>
      <c r="HN40" s="99">
        <v>26963791</v>
      </c>
      <c r="HO40" s="105">
        <v>263770</v>
      </c>
      <c r="HP40" s="104">
        <v>490149</v>
      </c>
      <c r="HQ40" s="103">
        <v>753919</v>
      </c>
      <c r="HR40" s="100">
        <v>0</v>
      </c>
      <c r="HS40" s="104">
        <v>4178596</v>
      </c>
      <c r="HT40" s="104">
        <v>2361405</v>
      </c>
      <c r="HU40" s="104">
        <v>1499779</v>
      </c>
      <c r="HV40" s="104">
        <v>1495935</v>
      </c>
      <c r="HW40" s="104">
        <v>516076</v>
      </c>
      <c r="HX40" s="102">
        <v>10051791</v>
      </c>
      <c r="HY40" s="106">
        <v>10805710</v>
      </c>
      <c r="HZ40" s="137">
        <v>116397</v>
      </c>
      <c r="IA40" s="122">
        <v>325017</v>
      </c>
      <c r="IB40" s="137">
        <v>441414</v>
      </c>
      <c r="IC40" s="133">
        <v>0</v>
      </c>
      <c r="ID40" s="119">
        <v>5989520</v>
      </c>
      <c r="IE40" s="134">
        <v>6446610</v>
      </c>
      <c r="IF40" s="120">
        <v>6703857</v>
      </c>
      <c r="IG40" s="119">
        <v>5735177</v>
      </c>
      <c r="IH40" s="120">
        <v>2934937</v>
      </c>
      <c r="II40" s="135">
        <v>27810101</v>
      </c>
      <c r="IJ40" s="137">
        <v>28251515</v>
      </c>
      <c r="IK40" s="219">
        <v>0</v>
      </c>
      <c r="IL40" s="223">
        <v>0</v>
      </c>
      <c r="IM40" s="224">
        <v>0</v>
      </c>
      <c r="IN40" s="127"/>
      <c r="IO40" s="109">
        <v>0</v>
      </c>
      <c r="IP40" s="109">
        <v>0</v>
      </c>
      <c r="IQ40" s="109">
        <v>266254</v>
      </c>
      <c r="IR40" s="109">
        <v>232794</v>
      </c>
      <c r="IS40" s="109">
        <v>0</v>
      </c>
      <c r="IT40" s="128">
        <v>499048</v>
      </c>
      <c r="IU40" s="298">
        <v>499048</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1260685</v>
      </c>
      <c r="JL40" s="109">
        <v>1608282</v>
      </c>
      <c r="JM40" s="109">
        <v>888680</v>
      </c>
      <c r="JN40" s="109">
        <v>1453008</v>
      </c>
      <c r="JO40" s="109">
        <v>778599</v>
      </c>
      <c r="JP40" s="110">
        <v>5989254</v>
      </c>
      <c r="JQ40" s="298">
        <v>5989254</v>
      </c>
      <c r="JR40" s="129">
        <v>0</v>
      </c>
      <c r="JS40" s="109">
        <v>0</v>
      </c>
      <c r="JT40" s="128">
        <v>0</v>
      </c>
      <c r="JU40" s="108">
        <v>0</v>
      </c>
      <c r="JV40" s="109">
        <v>0</v>
      </c>
      <c r="JW40" s="109">
        <v>0</v>
      </c>
      <c r="JX40" s="109">
        <v>0</v>
      </c>
      <c r="JY40" s="109">
        <v>0</v>
      </c>
      <c r="JZ40" s="109">
        <v>0</v>
      </c>
      <c r="KA40" s="110">
        <v>0</v>
      </c>
      <c r="KB40" s="298">
        <v>0</v>
      </c>
      <c r="KC40" s="221">
        <v>116397</v>
      </c>
      <c r="KD40" s="217">
        <v>81315</v>
      </c>
      <c r="KE40" s="110">
        <v>197712</v>
      </c>
      <c r="KF40" s="108">
        <v>0</v>
      </c>
      <c r="KG40" s="109">
        <v>1491237</v>
      </c>
      <c r="KH40" s="109">
        <v>790594</v>
      </c>
      <c r="KI40" s="109">
        <v>2238219</v>
      </c>
      <c r="KJ40" s="109">
        <v>896589</v>
      </c>
      <c r="KK40" s="109">
        <v>440794</v>
      </c>
      <c r="KL40" s="110">
        <v>5857433</v>
      </c>
      <c r="KM40" s="130">
        <v>6055145</v>
      </c>
      <c r="KN40" s="219">
        <v>0</v>
      </c>
      <c r="KO40" s="223">
        <v>243702</v>
      </c>
      <c r="KP40" s="224">
        <v>243702</v>
      </c>
      <c r="KQ40" s="127"/>
      <c r="KR40" s="109">
        <v>3237598</v>
      </c>
      <c r="KS40" s="109">
        <v>4047734</v>
      </c>
      <c r="KT40" s="109">
        <v>3310704</v>
      </c>
      <c r="KU40" s="109">
        <v>3152786</v>
      </c>
      <c r="KV40" s="109">
        <v>1715544</v>
      </c>
      <c r="KW40" s="110">
        <v>15464366</v>
      </c>
      <c r="KX40" s="298">
        <v>15708068</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7256734</v>
      </c>
      <c r="MK40" s="109">
        <v>7805378</v>
      </c>
      <c r="ML40" s="109">
        <v>19791132</v>
      </c>
      <c r="MM40" s="109">
        <v>23817764</v>
      </c>
      <c r="MN40" s="109">
        <v>20608922</v>
      </c>
      <c r="MO40" s="110">
        <v>79279930</v>
      </c>
      <c r="MP40" s="130">
        <v>79279930</v>
      </c>
      <c r="MQ40" s="129">
        <v>0</v>
      </c>
      <c r="MR40" s="109">
        <v>0</v>
      </c>
      <c r="MS40" s="110">
        <v>0</v>
      </c>
      <c r="MT40" s="132"/>
      <c r="MU40" s="109">
        <v>397485</v>
      </c>
      <c r="MV40" s="109">
        <v>693117</v>
      </c>
      <c r="MW40" s="109">
        <v>9811341</v>
      </c>
      <c r="MX40" s="109">
        <v>18453323</v>
      </c>
      <c r="MY40" s="109">
        <v>14906989</v>
      </c>
      <c r="MZ40" s="110">
        <v>44262255</v>
      </c>
      <c r="NA40" s="130">
        <v>44262255</v>
      </c>
      <c r="NB40" s="129">
        <v>0</v>
      </c>
      <c r="NC40" s="109">
        <v>0</v>
      </c>
      <c r="ND40" s="110">
        <v>0</v>
      </c>
      <c r="NE40" s="132"/>
      <c r="NF40" s="109">
        <v>6108784</v>
      </c>
      <c r="NG40" s="109">
        <v>6856805</v>
      </c>
      <c r="NH40" s="109">
        <v>8721852</v>
      </c>
      <c r="NI40" s="109">
        <v>2699658</v>
      </c>
      <c r="NJ40" s="109">
        <v>3139156</v>
      </c>
      <c r="NK40" s="110">
        <v>27526255</v>
      </c>
      <c r="NL40" s="298">
        <v>27526255</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750465</v>
      </c>
      <c r="OC40" s="109">
        <v>255456</v>
      </c>
      <c r="OD40" s="109">
        <v>1257939</v>
      </c>
      <c r="OE40" s="109">
        <v>2664783</v>
      </c>
      <c r="OF40" s="109">
        <v>2562777</v>
      </c>
      <c r="OG40" s="110">
        <v>7491420</v>
      </c>
      <c r="OH40" s="111">
        <v>7491420</v>
      </c>
      <c r="OI40" s="129">
        <v>2225361</v>
      </c>
      <c r="OJ40" s="109">
        <v>4954297</v>
      </c>
      <c r="OK40" s="128">
        <v>7179658</v>
      </c>
      <c r="OL40" s="108">
        <v>0</v>
      </c>
      <c r="OM40" s="109">
        <v>45576729</v>
      </c>
      <c r="ON40" s="109">
        <v>36384412</v>
      </c>
      <c r="OO40" s="109">
        <v>47681217</v>
      </c>
      <c r="OP40" s="109">
        <v>55387666</v>
      </c>
      <c r="OQ40" s="109">
        <v>34433606</v>
      </c>
      <c r="OR40" s="110">
        <v>219463630</v>
      </c>
      <c r="OS40" s="130">
        <v>226643288</v>
      </c>
    </row>
    <row r="41" spans="2:409" ht="21" customHeight="1" x14ac:dyDescent="0.2">
      <c r="B41" s="472" t="s">
        <v>36</v>
      </c>
      <c r="C41" s="100">
        <v>1379645</v>
      </c>
      <c r="D41" s="104">
        <v>3146630</v>
      </c>
      <c r="E41" s="103">
        <v>4526275</v>
      </c>
      <c r="F41" s="99">
        <v>0</v>
      </c>
      <c r="G41" s="104">
        <v>21533060</v>
      </c>
      <c r="H41" s="104">
        <v>30331666</v>
      </c>
      <c r="I41" s="104">
        <v>23313549</v>
      </c>
      <c r="J41" s="104">
        <v>20997747</v>
      </c>
      <c r="K41" s="104">
        <v>15921812</v>
      </c>
      <c r="L41" s="160">
        <v>112097834</v>
      </c>
      <c r="M41" s="106">
        <v>116624109</v>
      </c>
      <c r="N41" s="100">
        <v>498716</v>
      </c>
      <c r="O41" s="104">
        <v>1151429</v>
      </c>
      <c r="P41" s="103">
        <v>1650145</v>
      </c>
      <c r="Q41" s="100">
        <v>0</v>
      </c>
      <c r="R41" s="104">
        <v>5725187</v>
      </c>
      <c r="S41" s="104">
        <v>9450466</v>
      </c>
      <c r="T41" s="104">
        <v>7521194</v>
      </c>
      <c r="U41" s="104">
        <v>8458344</v>
      </c>
      <c r="V41" s="104">
        <v>8476172</v>
      </c>
      <c r="W41" s="103">
        <v>39631363</v>
      </c>
      <c r="X41" s="106">
        <v>41281508</v>
      </c>
      <c r="Y41" s="100">
        <v>0</v>
      </c>
      <c r="Z41" s="104">
        <v>0</v>
      </c>
      <c r="AA41" s="103">
        <v>0</v>
      </c>
      <c r="AB41" s="100">
        <v>0</v>
      </c>
      <c r="AC41" s="104">
        <v>2381818</v>
      </c>
      <c r="AD41" s="104">
        <v>4884055</v>
      </c>
      <c r="AE41" s="104">
        <v>4376995</v>
      </c>
      <c r="AF41" s="104">
        <v>4947936</v>
      </c>
      <c r="AG41" s="104">
        <v>5104452</v>
      </c>
      <c r="AH41" s="103">
        <v>21695256</v>
      </c>
      <c r="AI41" s="106">
        <v>21695256</v>
      </c>
      <c r="AJ41" s="100">
        <v>0</v>
      </c>
      <c r="AK41" s="104">
        <v>0</v>
      </c>
      <c r="AL41" s="103">
        <v>0</v>
      </c>
      <c r="AM41" s="100">
        <v>0</v>
      </c>
      <c r="AN41" s="104">
        <v>105110</v>
      </c>
      <c r="AO41" s="104">
        <v>398302</v>
      </c>
      <c r="AP41" s="104">
        <v>403937</v>
      </c>
      <c r="AQ41" s="104">
        <v>556913</v>
      </c>
      <c r="AR41" s="104">
        <v>673271</v>
      </c>
      <c r="AS41" s="103">
        <v>2137533</v>
      </c>
      <c r="AT41" s="106">
        <v>2137533</v>
      </c>
      <c r="AU41" s="100">
        <v>348626</v>
      </c>
      <c r="AV41" s="104">
        <v>722111</v>
      </c>
      <c r="AW41" s="103">
        <v>1070737</v>
      </c>
      <c r="AX41" s="100">
        <v>0</v>
      </c>
      <c r="AY41" s="104">
        <v>2311122</v>
      </c>
      <c r="AZ41" s="104">
        <v>2800219</v>
      </c>
      <c r="BA41" s="104">
        <v>1561331</v>
      </c>
      <c r="BB41" s="104">
        <v>1874616</v>
      </c>
      <c r="BC41" s="104">
        <v>1885944</v>
      </c>
      <c r="BD41" s="103">
        <v>10433232</v>
      </c>
      <c r="BE41" s="106">
        <v>11503969</v>
      </c>
      <c r="BF41" s="100">
        <v>93048</v>
      </c>
      <c r="BG41" s="104">
        <v>360072</v>
      </c>
      <c r="BH41" s="102">
        <v>453120</v>
      </c>
      <c r="BI41" s="101">
        <v>0</v>
      </c>
      <c r="BJ41" s="104">
        <v>472725</v>
      </c>
      <c r="BK41" s="104">
        <v>449011</v>
      </c>
      <c r="BL41" s="104">
        <v>309153</v>
      </c>
      <c r="BM41" s="104">
        <v>187432</v>
      </c>
      <c r="BN41" s="104">
        <v>111848</v>
      </c>
      <c r="BO41" s="103">
        <v>1530169</v>
      </c>
      <c r="BP41" s="106">
        <v>1983289</v>
      </c>
      <c r="BQ41" s="100">
        <v>57042</v>
      </c>
      <c r="BR41" s="104">
        <v>69246</v>
      </c>
      <c r="BS41" s="103">
        <v>126288</v>
      </c>
      <c r="BT41" s="100">
        <v>0</v>
      </c>
      <c r="BU41" s="104">
        <v>454412</v>
      </c>
      <c r="BV41" s="104">
        <v>918879</v>
      </c>
      <c r="BW41" s="104">
        <v>869778</v>
      </c>
      <c r="BX41" s="104">
        <v>891447</v>
      </c>
      <c r="BY41" s="104">
        <v>700657</v>
      </c>
      <c r="BZ41" s="103">
        <v>3835173</v>
      </c>
      <c r="CA41" s="106">
        <v>3961461</v>
      </c>
      <c r="CB41" s="100">
        <v>94429</v>
      </c>
      <c r="CC41" s="104">
        <v>337957</v>
      </c>
      <c r="CD41" s="103">
        <v>432386</v>
      </c>
      <c r="CE41" s="100">
        <v>0</v>
      </c>
      <c r="CF41" s="104">
        <v>6999666</v>
      </c>
      <c r="CG41" s="104">
        <v>10684046</v>
      </c>
      <c r="CH41" s="104">
        <v>5691034</v>
      </c>
      <c r="CI41" s="104">
        <v>3964339</v>
      </c>
      <c r="CJ41" s="104">
        <v>2460482</v>
      </c>
      <c r="CK41" s="103">
        <v>29799567</v>
      </c>
      <c r="CL41" s="106">
        <v>30231953</v>
      </c>
      <c r="CM41" s="100">
        <v>0</v>
      </c>
      <c r="CN41" s="104">
        <v>0</v>
      </c>
      <c r="CO41" s="103">
        <v>0</v>
      </c>
      <c r="CP41" s="101">
        <v>0</v>
      </c>
      <c r="CQ41" s="104">
        <v>5609002</v>
      </c>
      <c r="CR41" s="104">
        <v>8671729</v>
      </c>
      <c r="CS41" s="104">
        <v>4312791</v>
      </c>
      <c r="CT41" s="104">
        <v>3505194</v>
      </c>
      <c r="CU41" s="104">
        <v>2063795</v>
      </c>
      <c r="CV41" s="103">
        <v>24162511</v>
      </c>
      <c r="CW41" s="106">
        <v>24162511</v>
      </c>
      <c r="CX41" s="100">
        <v>94429</v>
      </c>
      <c r="CY41" s="104">
        <v>337957</v>
      </c>
      <c r="CZ41" s="103">
        <v>432386</v>
      </c>
      <c r="DA41" s="100">
        <v>0</v>
      </c>
      <c r="DB41" s="104">
        <v>1390664</v>
      </c>
      <c r="DC41" s="104">
        <v>2012317</v>
      </c>
      <c r="DD41" s="104">
        <v>1378243</v>
      </c>
      <c r="DE41" s="104">
        <v>459145</v>
      </c>
      <c r="DF41" s="104">
        <v>396687</v>
      </c>
      <c r="DG41" s="103">
        <v>5637056</v>
      </c>
      <c r="DH41" s="106">
        <v>6069442</v>
      </c>
      <c r="DI41" s="100">
        <v>0</v>
      </c>
      <c r="DJ41" s="104">
        <v>0</v>
      </c>
      <c r="DK41" s="102">
        <v>0</v>
      </c>
      <c r="DL41" s="101">
        <v>0</v>
      </c>
      <c r="DM41" s="104">
        <v>1385233</v>
      </c>
      <c r="DN41" s="104">
        <v>1607319</v>
      </c>
      <c r="DO41" s="104">
        <v>2497351</v>
      </c>
      <c r="DP41" s="104">
        <v>3011587</v>
      </c>
      <c r="DQ41" s="104">
        <v>1479338</v>
      </c>
      <c r="DR41" s="103">
        <v>9980828</v>
      </c>
      <c r="DS41" s="106">
        <v>9980828</v>
      </c>
      <c r="DT41" s="100">
        <v>0</v>
      </c>
      <c r="DU41" s="104">
        <v>0</v>
      </c>
      <c r="DV41" s="103">
        <v>0</v>
      </c>
      <c r="DW41" s="100">
        <v>0</v>
      </c>
      <c r="DX41" s="104">
        <v>1213434</v>
      </c>
      <c r="DY41" s="104">
        <v>1582773</v>
      </c>
      <c r="DZ41" s="104">
        <v>2497351</v>
      </c>
      <c r="EA41" s="104">
        <v>2903305</v>
      </c>
      <c r="EB41" s="104">
        <v>1407274</v>
      </c>
      <c r="EC41" s="103">
        <v>9604137</v>
      </c>
      <c r="ED41" s="106">
        <v>9604137</v>
      </c>
      <c r="EE41" s="100">
        <v>0</v>
      </c>
      <c r="EF41" s="102">
        <v>0</v>
      </c>
      <c r="EG41" s="103">
        <v>0</v>
      </c>
      <c r="EH41" s="100">
        <v>0</v>
      </c>
      <c r="EI41" s="104">
        <v>171799</v>
      </c>
      <c r="EJ41" s="104">
        <v>24546</v>
      </c>
      <c r="EK41" s="104">
        <v>0</v>
      </c>
      <c r="EL41" s="104">
        <v>108282</v>
      </c>
      <c r="EM41" s="104">
        <v>72064</v>
      </c>
      <c r="EN41" s="102">
        <v>376691</v>
      </c>
      <c r="EO41" s="106">
        <v>376691</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401317</v>
      </c>
      <c r="FM41" s="104">
        <v>936681</v>
      </c>
      <c r="FN41" s="103">
        <v>1337998</v>
      </c>
      <c r="FO41" s="100">
        <v>0</v>
      </c>
      <c r="FP41" s="104">
        <v>1775728</v>
      </c>
      <c r="FQ41" s="104">
        <v>2998117</v>
      </c>
      <c r="FR41" s="104">
        <v>2460436</v>
      </c>
      <c r="FS41" s="104">
        <v>1871922</v>
      </c>
      <c r="FT41" s="104">
        <v>1216368</v>
      </c>
      <c r="FU41" s="103">
        <v>10322571</v>
      </c>
      <c r="FV41" s="106">
        <v>11660569</v>
      </c>
      <c r="FW41" s="105">
        <v>241317</v>
      </c>
      <c r="FX41" s="104">
        <v>804047</v>
      </c>
      <c r="FY41" s="102">
        <v>1045364</v>
      </c>
      <c r="FZ41" s="101">
        <v>0</v>
      </c>
      <c r="GA41" s="104">
        <v>1669597</v>
      </c>
      <c r="GB41" s="104">
        <v>2678635</v>
      </c>
      <c r="GC41" s="104">
        <v>1687756</v>
      </c>
      <c r="GD41" s="104">
        <v>1691922</v>
      </c>
      <c r="GE41" s="104">
        <v>1179468</v>
      </c>
      <c r="GF41" s="103">
        <v>8907378</v>
      </c>
      <c r="GG41" s="296">
        <v>9952742</v>
      </c>
      <c r="GH41" s="105">
        <v>0</v>
      </c>
      <c r="GI41" s="104">
        <v>61534</v>
      </c>
      <c r="GJ41" s="102">
        <v>61534</v>
      </c>
      <c r="GK41" s="101">
        <v>0</v>
      </c>
      <c r="GL41" s="104">
        <v>106131</v>
      </c>
      <c r="GM41" s="104">
        <v>139482</v>
      </c>
      <c r="GN41" s="104">
        <v>228780</v>
      </c>
      <c r="GO41" s="104">
        <v>0</v>
      </c>
      <c r="GP41" s="104">
        <v>0</v>
      </c>
      <c r="GQ41" s="103">
        <v>474393</v>
      </c>
      <c r="GR41" s="106">
        <v>535927</v>
      </c>
      <c r="GS41" s="100">
        <v>160000</v>
      </c>
      <c r="GT41" s="104">
        <v>71100</v>
      </c>
      <c r="GU41" s="103">
        <v>231100</v>
      </c>
      <c r="GV41" s="100">
        <v>0</v>
      </c>
      <c r="GW41" s="104">
        <v>0</v>
      </c>
      <c r="GX41" s="104">
        <v>180000</v>
      </c>
      <c r="GY41" s="104">
        <v>543900</v>
      </c>
      <c r="GZ41" s="104">
        <v>180000</v>
      </c>
      <c r="HA41" s="104">
        <v>36900</v>
      </c>
      <c r="HB41" s="102">
        <v>940800</v>
      </c>
      <c r="HC41" s="106">
        <v>1171900</v>
      </c>
      <c r="HD41" s="100">
        <v>158460</v>
      </c>
      <c r="HE41" s="104">
        <v>103229</v>
      </c>
      <c r="HF41" s="102">
        <v>261689</v>
      </c>
      <c r="HG41" s="101">
        <v>0</v>
      </c>
      <c r="HH41" s="104">
        <v>1934826</v>
      </c>
      <c r="HI41" s="104">
        <v>2218884</v>
      </c>
      <c r="HJ41" s="104">
        <v>3075502</v>
      </c>
      <c r="HK41" s="104">
        <v>2100612</v>
      </c>
      <c r="HL41" s="104">
        <v>1127269</v>
      </c>
      <c r="HM41" s="103">
        <v>10457093</v>
      </c>
      <c r="HN41" s="99">
        <v>10718782</v>
      </c>
      <c r="HO41" s="105">
        <v>226723</v>
      </c>
      <c r="HP41" s="104">
        <v>617334</v>
      </c>
      <c r="HQ41" s="103">
        <v>844057</v>
      </c>
      <c r="HR41" s="100">
        <v>0</v>
      </c>
      <c r="HS41" s="104">
        <v>3712420</v>
      </c>
      <c r="HT41" s="104">
        <v>3372834</v>
      </c>
      <c r="HU41" s="104">
        <v>2068032</v>
      </c>
      <c r="HV41" s="104">
        <v>1590943</v>
      </c>
      <c r="HW41" s="104">
        <v>1162183</v>
      </c>
      <c r="HX41" s="102">
        <v>11906412</v>
      </c>
      <c r="HY41" s="106">
        <v>12750469</v>
      </c>
      <c r="HZ41" s="118">
        <v>77259</v>
      </c>
      <c r="IA41" s="119">
        <v>350094</v>
      </c>
      <c r="IB41" s="120">
        <v>427353</v>
      </c>
      <c r="IC41" s="133">
        <v>0</v>
      </c>
      <c r="ID41" s="119">
        <v>5708686</v>
      </c>
      <c r="IE41" s="134">
        <v>9050860</v>
      </c>
      <c r="IF41" s="120">
        <v>8634231</v>
      </c>
      <c r="IG41" s="119">
        <v>6993957</v>
      </c>
      <c r="IH41" s="120">
        <v>4439635</v>
      </c>
      <c r="II41" s="135">
        <v>34827369</v>
      </c>
      <c r="IJ41" s="126">
        <v>35254722</v>
      </c>
      <c r="IK41" s="219">
        <v>0</v>
      </c>
      <c r="IL41" s="223">
        <v>0</v>
      </c>
      <c r="IM41" s="224">
        <v>0</v>
      </c>
      <c r="IN41" s="127"/>
      <c r="IO41" s="109">
        <v>0</v>
      </c>
      <c r="IP41" s="109">
        <v>108954</v>
      </c>
      <c r="IQ41" s="109">
        <v>0</v>
      </c>
      <c r="IR41" s="109">
        <v>0</v>
      </c>
      <c r="IS41" s="109">
        <v>0</v>
      </c>
      <c r="IT41" s="128">
        <v>108954</v>
      </c>
      <c r="IU41" s="298">
        <v>108954</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685784</v>
      </c>
      <c r="JL41" s="109">
        <v>2843265</v>
      </c>
      <c r="JM41" s="109">
        <v>4596179</v>
      </c>
      <c r="JN41" s="109">
        <v>2969705</v>
      </c>
      <c r="JO41" s="109">
        <v>2696785</v>
      </c>
      <c r="JP41" s="110">
        <v>15791718</v>
      </c>
      <c r="JQ41" s="298">
        <v>15791718</v>
      </c>
      <c r="JR41" s="129">
        <v>0</v>
      </c>
      <c r="JS41" s="109">
        <v>0</v>
      </c>
      <c r="JT41" s="128">
        <v>0</v>
      </c>
      <c r="JU41" s="108">
        <v>0</v>
      </c>
      <c r="JV41" s="109">
        <v>0</v>
      </c>
      <c r="JW41" s="109">
        <v>0</v>
      </c>
      <c r="JX41" s="109">
        <v>0</v>
      </c>
      <c r="JY41" s="109">
        <v>0</v>
      </c>
      <c r="JZ41" s="109">
        <v>0</v>
      </c>
      <c r="KA41" s="110">
        <v>0</v>
      </c>
      <c r="KB41" s="298">
        <v>0</v>
      </c>
      <c r="KC41" s="221">
        <v>77259</v>
      </c>
      <c r="KD41" s="217">
        <v>350094</v>
      </c>
      <c r="KE41" s="110">
        <v>427353</v>
      </c>
      <c r="KF41" s="108">
        <v>0</v>
      </c>
      <c r="KG41" s="109">
        <v>1480251</v>
      </c>
      <c r="KH41" s="109">
        <v>2312931</v>
      </c>
      <c r="KI41" s="109">
        <v>2030942</v>
      </c>
      <c r="KJ41" s="109">
        <v>843401</v>
      </c>
      <c r="KK41" s="109">
        <v>310543</v>
      </c>
      <c r="KL41" s="110">
        <v>6978068</v>
      </c>
      <c r="KM41" s="130">
        <v>7405421</v>
      </c>
      <c r="KN41" s="219">
        <v>0</v>
      </c>
      <c r="KO41" s="223">
        <v>0</v>
      </c>
      <c r="KP41" s="224">
        <v>0</v>
      </c>
      <c r="KQ41" s="127"/>
      <c r="KR41" s="109">
        <v>1542651</v>
      </c>
      <c r="KS41" s="109">
        <v>3785710</v>
      </c>
      <c r="KT41" s="109">
        <v>2007110</v>
      </c>
      <c r="KU41" s="109">
        <v>3180851</v>
      </c>
      <c r="KV41" s="109">
        <v>1432307</v>
      </c>
      <c r="KW41" s="110">
        <v>11948629</v>
      </c>
      <c r="KX41" s="298">
        <v>11948629</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3046641</v>
      </c>
      <c r="MK41" s="109">
        <v>4736573</v>
      </c>
      <c r="ML41" s="109">
        <v>25239523</v>
      </c>
      <c r="MM41" s="109">
        <v>39486092</v>
      </c>
      <c r="MN41" s="109">
        <v>29040035</v>
      </c>
      <c r="MO41" s="110">
        <v>101548864</v>
      </c>
      <c r="MP41" s="130">
        <v>101548864</v>
      </c>
      <c r="MQ41" s="129">
        <v>0</v>
      </c>
      <c r="MR41" s="109">
        <v>0</v>
      </c>
      <c r="MS41" s="110">
        <v>0</v>
      </c>
      <c r="MT41" s="132"/>
      <c r="MU41" s="109">
        <v>0</v>
      </c>
      <c r="MV41" s="109">
        <v>721224</v>
      </c>
      <c r="MW41" s="109">
        <v>14912223</v>
      </c>
      <c r="MX41" s="109">
        <v>23061755</v>
      </c>
      <c r="MY41" s="109">
        <v>21938080</v>
      </c>
      <c r="MZ41" s="110">
        <v>60633282</v>
      </c>
      <c r="NA41" s="130">
        <v>60633282</v>
      </c>
      <c r="NB41" s="129">
        <v>0</v>
      </c>
      <c r="NC41" s="109">
        <v>0</v>
      </c>
      <c r="ND41" s="110">
        <v>0</v>
      </c>
      <c r="NE41" s="132"/>
      <c r="NF41" s="109">
        <v>3046641</v>
      </c>
      <c r="NG41" s="109">
        <v>4015349</v>
      </c>
      <c r="NH41" s="109">
        <v>10327300</v>
      </c>
      <c r="NI41" s="109">
        <v>13926453</v>
      </c>
      <c r="NJ41" s="109">
        <v>6324116</v>
      </c>
      <c r="NK41" s="110">
        <v>37639859</v>
      </c>
      <c r="NL41" s="298">
        <v>37639859</v>
      </c>
      <c r="NM41" s="129">
        <v>0</v>
      </c>
      <c r="NN41" s="109">
        <v>0</v>
      </c>
      <c r="NO41" s="110">
        <v>0</v>
      </c>
      <c r="NP41" s="132"/>
      <c r="NQ41" s="109">
        <v>0</v>
      </c>
      <c r="NR41" s="109">
        <v>0</v>
      </c>
      <c r="NS41" s="109">
        <v>0</v>
      </c>
      <c r="NT41" s="109">
        <v>684034</v>
      </c>
      <c r="NU41" s="109">
        <v>350051</v>
      </c>
      <c r="NV41" s="110">
        <v>1034085</v>
      </c>
      <c r="NW41" s="111">
        <v>1034085</v>
      </c>
      <c r="NX41" s="129">
        <v>0</v>
      </c>
      <c r="NY41" s="109">
        <v>0</v>
      </c>
      <c r="NZ41" s="110">
        <v>0</v>
      </c>
      <c r="OA41" s="132"/>
      <c r="OB41" s="109">
        <v>0</v>
      </c>
      <c r="OC41" s="109">
        <v>0</v>
      </c>
      <c r="OD41" s="109">
        <v>0</v>
      </c>
      <c r="OE41" s="109">
        <v>1813850</v>
      </c>
      <c r="OF41" s="109">
        <v>427788</v>
      </c>
      <c r="OG41" s="110">
        <v>2241638</v>
      </c>
      <c r="OH41" s="111">
        <v>2241638</v>
      </c>
      <c r="OI41" s="129">
        <v>1456904</v>
      </c>
      <c r="OJ41" s="109">
        <v>3496724</v>
      </c>
      <c r="OK41" s="128">
        <v>4953628</v>
      </c>
      <c r="OL41" s="108">
        <v>0</v>
      </c>
      <c r="OM41" s="109">
        <v>30288387</v>
      </c>
      <c r="ON41" s="109">
        <v>44119099</v>
      </c>
      <c r="OO41" s="109">
        <v>57187303</v>
      </c>
      <c r="OP41" s="109">
        <v>67477796</v>
      </c>
      <c r="OQ41" s="109">
        <v>49401482</v>
      </c>
      <c r="OR41" s="110">
        <v>248474067</v>
      </c>
      <c r="OS41" s="130">
        <v>253427695</v>
      </c>
    </row>
    <row r="42" spans="2:409" ht="21" customHeight="1" thickBot="1" x14ac:dyDescent="0.25">
      <c r="B42" s="473" t="s">
        <v>37</v>
      </c>
      <c r="C42" s="107">
        <v>264665</v>
      </c>
      <c r="D42" s="165">
        <v>121302</v>
      </c>
      <c r="E42" s="166">
        <v>385967</v>
      </c>
      <c r="F42" s="167">
        <v>0</v>
      </c>
      <c r="G42" s="165">
        <v>1615456</v>
      </c>
      <c r="H42" s="165">
        <v>1971454</v>
      </c>
      <c r="I42" s="165">
        <v>1679587</v>
      </c>
      <c r="J42" s="165">
        <v>2037078</v>
      </c>
      <c r="K42" s="165">
        <v>1570146</v>
      </c>
      <c r="L42" s="167">
        <v>8873721</v>
      </c>
      <c r="M42" s="168">
        <v>9259688</v>
      </c>
      <c r="N42" s="107">
        <v>36269</v>
      </c>
      <c r="O42" s="165">
        <v>8780</v>
      </c>
      <c r="P42" s="166">
        <v>45049</v>
      </c>
      <c r="Q42" s="107">
        <v>0</v>
      </c>
      <c r="R42" s="165">
        <v>395485</v>
      </c>
      <c r="S42" s="165">
        <v>408071</v>
      </c>
      <c r="T42" s="165">
        <v>271723</v>
      </c>
      <c r="U42" s="165">
        <v>411201</v>
      </c>
      <c r="V42" s="165">
        <v>952280</v>
      </c>
      <c r="W42" s="166">
        <v>2438760</v>
      </c>
      <c r="X42" s="168">
        <v>2483809</v>
      </c>
      <c r="Y42" s="107">
        <v>0</v>
      </c>
      <c r="Z42" s="165">
        <v>0</v>
      </c>
      <c r="AA42" s="166">
        <v>0</v>
      </c>
      <c r="AB42" s="107">
        <v>0</v>
      </c>
      <c r="AC42" s="165">
        <v>261059</v>
      </c>
      <c r="AD42" s="165">
        <v>228420</v>
      </c>
      <c r="AE42" s="165">
        <v>155173</v>
      </c>
      <c r="AF42" s="165">
        <v>75080</v>
      </c>
      <c r="AG42" s="165">
        <v>516777</v>
      </c>
      <c r="AH42" s="166">
        <v>1236509</v>
      </c>
      <c r="AI42" s="168">
        <v>1236509</v>
      </c>
      <c r="AJ42" s="107">
        <v>0</v>
      </c>
      <c r="AK42" s="165">
        <v>0</v>
      </c>
      <c r="AL42" s="166">
        <v>0</v>
      </c>
      <c r="AM42" s="107">
        <v>0</v>
      </c>
      <c r="AN42" s="165">
        <v>0</v>
      </c>
      <c r="AO42" s="165">
        <v>0</v>
      </c>
      <c r="AP42" s="165">
        <v>0</v>
      </c>
      <c r="AQ42" s="165">
        <v>0</v>
      </c>
      <c r="AR42" s="165">
        <v>0</v>
      </c>
      <c r="AS42" s="166">
        <v>0</v>
      </c>
      <c r="AT42" s="168">
        <v>0</v>
      </c>
      <c r="AU42" s="107">
        <v>26477</v>
      </c>
      <c r="AV42" s="165">
        <v>8780</v>
      </c>
      <c r="AW42" s="166">
        <v>35257</v>
      </c>
      <c r="AX42" s="107">
        <v>0</v>
      </c>
      <c r="AY42" s="165">
        <v>62885</v>
      </c>
      <c r="AZ42" s="165">
        <v>151751</v>
      </c>
      <c r="BA42" s="165">
        <v>21735</v>
      </c>
      <c r="BB42" s="165">
        <v>179226</v>
      </c>
      <c r="BC42" s="165">
        <v>323662</v>
      </c>
      <c r="BD42" s="166">
        <v>739259</v>
      </c>
      <c r="BE42" s="168">
        <v>774516</v>
      </c>
      <c r="BF42" s="107">
        <v>0</v>
      </c>
      <c r="BG42" s="165">
        <v>0</v>
      </c>
      <c r="BH42" s="170">
        <v>0</v>
      </c>
      <c r="BI42" s="169">
        <v>0</v>
      </c>
      <c r="BJ42" s="165">
        <v>0</v>
      </c>
      <c r="BK42" s="165">
        <v>22536</v>
      </c>
      <c r="BL42" s="165">
        <v>0</v>
      </c>
      <c r="BM42" s="165">
        <v>68145</v>
      </c>
      <c r="BN42" s="165">
        <v>0</v>
      </c>
      <c r="BO42" s="166">
        <v>90681</v>
      </c>
      <c r="BP42" s="168">
        <v>90681</v>
      </c>
      <c r="BQ42" s="107">
        <v>9792</v>
      </c>
      <c r="BR42" s="165">
        <v>0</v>
      </c>
      <c r="BS42" s="166">
        <v>9792</v>
      </c>
      <c r="BT42" s="107">
        <v>0</v>
      </c>
      <c r="BU42" s="165">
        <v>71541</v>
      </c>
      <c r="BV42" s="165">
        <v>5364</v>
      </c>
      <c r="BW42" s="165">
        <v>94815</v>
      </c>
      <c r="BX42" s="165">
        <v>88750</v>
      </c>
      <c r="BY42" s="165">
        <v>111841</v>
      </c>
      <c r="BZ42" s="166">
        <v>372311</v>
      </c>
      <c r="CA42" s="168">
        <v>382103</v>
      </c>
      <c r="CB42" s="107">
        <v>61293</v>
      </c>
      <c r="CC42" s="165">
        <v>79138</v>
      </c>
      <c r="CD42" s="166">
        <v>140431</v>
      </c>
      <c r="CE42" s="107">
        <v>0</v>
      </c>
      <c r="CF42" s="165">
        <v>698478</v>
      </c>
      <c r="CG42" s="165">
        <v>739444</v>
      </c>
      <c r="CH42" s="165">
        <v>668463</v>
      </c>
      <c r="CI42" s="165">
        <v>709196</v>
      </c>
      <c r="CJ42" s="165">
        <v>197283</v>
      </c>
      <c r="CK42" s="166">
        <v>3012864</v>
      </c>
      <c r="CL42" s="168">
        <v>3153295</v>
      </c>
      <c r="CM42" s="107">
        <v>0</v>
      </c>
      <c r="CN42" s="165">
        <v>0</v>
      </c>
      <c r="CO42" s="166">
        <v>0</v>
      </c>
      <c r="CP42" s="169">
        <v>0</v>
      </c>
      <c r="CQ42" s="165">
        <v>435846</v>
      </c>
      <c r="CR42" s="165">
        <v>395071</v>
      </c>
      <c r="CS42" s="165">
        <v>668463</v>
      </c>
      <c r="CT42" s="165">
        <v>248455</v>
      </c>
      <c r="CU42" s="165">
        <v>120043</v>
      </c>
      <c r="CV42" s="166">
        <v>1867878</v>
      </c>
      <c r="CW42" s="168">
        <v>1867878</v>
      </c>
      <c r="CX42" s="107">
        <v>61293</v>
      </c>
      <c r="CY42" s="165">
        <v>79138</v>
      </c>
      <c r="CZ42" s="166">
        <v>140431</v>
      </c>
      <c r="DA42" s="107">
        <v>0</v>
      </c>
      <c r="DB42" s="165">
        <v>262632</v>
      </c>
      <c r="DC42" s="165">
        <v>344373</v>
      </c>
      <c r="DD42" s="165">
        <v>0</v>
      </c>
      <c r="DE42" s="165">
        <v>460741</v>
      </c>
      <c r="DF42" s="165">
        <v>77240</v>
      </c>
      <c r="DG42" s="166">
        <v>1144986</v>
      </c>
      <c r="DH42" s="168">
        <v>1285417</v>
      </c>
      <c r="DI42" s="107">
        <v>0</v>
      </c>
      <c r="DJ42" s="165">
        <v>0</v>
      </c>
      <c r="DK42" s="170">
        <v>0</v>
      </c>
      <c r="DL42" s="169">
        <v>0</v>
      </c>
      <c r="DM42" s="165">
        <v>31132</v>
      </c>
      <c r="DN42" s="165">
        <v>110253</v>
      </c>
      <c r="DO42" s="165">
        <v>297535</v>
      </c>
      <c r="DP42" s="165">
        <v>120944</v>
      </c>
      <c r="DQ42" s="165">
        <v>139161</v>
      </c>
      <c r="DR42" s="166">
        <v>699025</v>
      </c>
      <c r="DS42" s="168">
        <v>699025</v>
      </c>
      <c r="DT42" s="107">
        <v>0</v>
      </c>
      <c r="DU42" s="165">
        <v>0</v>
      </c>
      <c r="DV42" s="166">
        <v>0</v>
      </c>
      <c r="DW42" s="107">
        <v>0</v>
      </c>
      <c r="DX42" s="165">
        <v>0</v>
      </c>
      <c r="DY42" s="165">
        <v>110253</v>
      </c>
      <c r="DZ42" s="165">
        <v>297535</v>
      </c>
      <c r="EA42" s="165">
        <v>94394</v>
      </c>
      <c r="EB42" s="165">
        <v>119367</v>
      </c>
      <c r="EC42" s="166">
        <v>621549</v>
      </c>
      <c r="ED42" s="168">
        <v>621549</v>
      </c>
      <c r="EE42" s="107">
        <v>0</v>
      </c>
      <c r="EF42" s="170">
        <v>0</v>
      </c>
      <c r="EG42" s="166">
        <v>0</v>
      </c>
      <c r="EH42" s="107">
        <v>0</v>
      </c>
      <c r="EI42" s="165">
        <v>31132</v>
      </c>
      <c r="EJ42" s="165">
        <v>0</v>
      </c>
      <c r="EK42" s="165">
        <v>0</v>
      </c>
      <c r="EL42" s="165">
        <v>26550</v>
      </c>
      <c r="EM42" s="165">
        <v>19794</v>
      </c>
      <c r="EN42" s="170">
        <v>77476</v>
      </c>
      <c r="EO42" s="168">
        <v>77476</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89532</v>
      </c>
      <c r="FM42" s="165">
        <v>15132</v>
      </c>
      <c r="FN42" s="166">
        <v>104664</v>
      </c>
      <c r="FO42" s="107">
        <v>0</v>
      </c>
      <c r="FP42" s="165">
        <v>146232</v>
      </c>
      <c r="FQ42" s="165">
        <v>359685</v>
      </c>
      <c r="FR42" s="165">
        <v>173916</v>
      </c>
      <c r="FS42" s="165">
        <v>193788</v>
      </c>
      <c r="FT42" s="165">
        <v>152627</v>
      </c>
      <c r="FU42" s="166">
        <v>1026248</v>
      </c>
      <c r="FV42" s="168">
        <v>1130912</v>
      </c>
      <c r="FW42" s="171">
        <v>89532</v>
      </c>
      <c r="FX42" s="165">
        <v>15132</v>
      </c>
      <c r="FY42" s="170">
        <v>104664</v>
      </c>
      <c r="FZ42" s="169">
        <v>0</v>
      </c>
      <c r="GA42" s="165">
        <v>146232</v>
      </c>
      <c r="GB42" s="165">
        <v>359685</v>
      </c>
      <c r="GC42" s="165">
        <v>173916</v>
      </c>
      <c r="GD42" s="165">
        <v>193788</v>
      </c>
      <c r="GE42" s="165">
        <v>152627</v>
      </c>
      <c r="GF42" s="166">
        <v>1026248</v>
      </c>
      <c r="GG42" s="297">
        <v>1130912</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408113</v>
      </c>
      <c r="HL42" s="165">
        <v>0</v>
      </c>
      <c r="HM42" s="166">
        <v>408113</v>
      </c>
      <c r="HN42" s="167">
        <v>408113</v>
      </c>
      <c r="HO42" s="171">
        <v>77571</v>
      </c>
      <c r="HP42" s="165">
        <v>18252</v>
      </c>
      <c r="HQ42" s="166">
        <v>95823</v>
      </c>
      <c r="HR42" s="107">
        <v>0</v>
      </c>
      <c r="HS42" s="165">
        <v>344129</v>
      </c>
      <c r="HT42" s="165">
        <v>354001</v>
      </c>
      <c r="HU42" s="165">
        <v>267950</v>
      </c>
      <c r="HV42" s="165">
        <v>193836</v>
      </c>
      <c r="HW42" s="165">
        <v>128795</v>
      </c>
      <c r="HX42" s="170">
        <v>1288711</v>
      </c>
      <c r="HY42" s="168">
        <v>1384534</v>
      </c>
      <c r="HZ42" s="138">
        <v>0</v>
      </c>
      <c r="IA42" s="139">
        <v>0</v>
      </c>
      <c r="IB42" s="140">
        <v>0</v>
      </c>
      <c r="IC42" s="141">
        <v>0</v>
      </c>
      <c r="ID42" s="142">
        <v>1132944</v>
      </c>
      <c r="IE42" s="143">
        <v>691249</v>
      </c>
      <c r="IF42" s="144">
        <v>1614864</v>
      </c>
      <c r="IG42" s="142">
        <v>1164140</v>
      </c>
      <c r="IH42" s="144">
        <v>837302</v>
      </c>
      <c r="II42" s="145">
        <v>5440499</v>
      </c>
      <c r="IJ42" s="146">
        <v>5440499</v>
      </c>
      <c r="IK42" s="220">
        <v>0</v>
      </c>
      <c r="IL42" s="225">
        <v>0</v>
      </c>
      <c r="IM42" s="226">
        <v>0</v>
      </c>
      <c r="IN42" s="147"/>
      <c r="IO42" s="148">
        <v>0</v>
      </c>
      <c r="IP42" s="148">
        <v>0</v>
      </c>
      <c r="IQ42" s="148">
        <v>0</v>
      </c>
      <c r="IR42" s="148">
        <v>223127</v>
      </c>
      <c r="IS42" s="148">
        <v>0</v>
      </c>
      <c r="IT42" s="149">
        <v>223127</v>
      </c>
      <c r="IU42" s="299">
        <v>223127</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832377</v>
      </c>
      <c r="JL42" s="148">
        <v>691249</v>
      </c>
      <c r="JM42" s="148">
        <v>784607</v>
      </c>
      <c r="JN42" s="148">
        <v>192753</v>
      </c>
      <c r="JO42" s="148">
        <v>289052</v>
      </c>
      <c r="JP42" s="152">
        <v>2790038</v>
      </c>
      <c r="JQ42" s="299">
        <v>2790038</v>
      </c>
      <c r="JR42" s="150">
        <v>0</v>
      </c>
      <c r="JS42" s="148">
        <v>0</v>
      </c>
      <c r="JT42" s="149">
        <v>0</v>
      </c>
      <c r="JU42" s="151">
        <v>0</v>
      </c>
      <c r="JV42" s="148">
        <v>37577</v>
      </c>
      <c r="JW42" s="148">
        <v>0</v>
      </c>
      <c r="JX42" s="148">
        <v>0</v>
      </c>
      <c r="JY42" s="148">
        <v>248862</v>
      </c>
      <c r="JZ42" s="148">
        <v>254777</v>
      </c>
      <c r="KA42" s="152">
        <v>541216</v>
      </c>
      <c r="KB42" s="299">
        <v>541216</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262990</v>
      </c>
      <c r="KS42" s="148">
        <v>0</v>
      </c>
      <c r="KT42" s="148">
        <v>830257</v>
      </c>
      <c r="KU42" s="148">
        <v>499398</v>
      </c>
      <c r="KV42" s="148">
        <v>293473</v>
      </c>
      <c r="KW42" s="152">
        <v>1886118</v>
      </c>
      <c r="KX42" s="299">
        <v>1886118</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516366</v>
      </c>
      <c r="MK42" s="148">
        <v>0</v>
      </c>
      <c r="ML42" s="148">
        <v>4834909</v>
      </c>
      <c r="MM42" s="148">
        <v>2404170</v>
      </c>
      <c r="MN42" s="148">
        <v>1885963</v>
      </c>
      <c r="MO42" s="152">
        <v>9641408</v>
      </c>
      <c r="MP42" s="154">
        <v>9641408</v>
      </c>
      <c r="MQ42" s="150">
        <v>0</v>
      </c>
      <c r="MR42" s="148">
        <v>0</v>
      </c>
      <c r="MS42" s="152">
        <v>0</v>
      </c>
      <c r="MT42" s="156"/>
      <c r="MU42" s="148">
        <v>0</v>
      </c>
      <c r="MV42" s="148">
        <v>0</v>
      </c>
      <c r="MW42" s="148">
        <v>2983503</v>
      </c>
      <c r="MX42" s="148">
        <v>2047810</v>
      </c>
      <c r="MY42" s="148">
        <v>1493661</v>
      </c>
      <c r="MZ42" s="152">
        <v>6524974</v>
      </c>
      <c r="NA42" s="154">
        <v>6524974</v>
      </c>
      <c r="NB42" s="150">
        <v>0</v>
      </c>
      <c r="NC42" s="148">
        <v>0</v>
      </c>
      <c r="ND42" s="152">
        <v>0</v>
      </c>
      <c r="NE42" s="156"/>
      <c r="NF42" s="148">
        <v>516366</v>
      </c>
      <c r="NG42" s="148">
        <v>0</v>
      </c>
      <c r="NH42" s="148">
        <v>1851406</v>
      </c>
      <c r="NI42" s="148">
        <v>356360</v>
      </c>
      <c r="NJ42" s="148">
        <v>392302</v>
      </c>
      <c r="NK42" s="152">
        <v>3116434</v>
      </c>
      <c r="NL42" s="299">
        <v>3116434</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264665</v>
      </c>
      <c r="OJ42" s="148">
        <v>121302</v>
      </c>
      <c r="OK42" s="149">
        <v>385967</v>
      </c>
      <c r="OL42" s="151">
        <v>0</v>
      </c>
      <c r="OM42" s="148">
        <v>3264766</v>
      </c>
      <c r="ON42" s="148">
        <v>2662703</v>
      </c>
      <c r="OO42" s="148">
        <v>8129360</v>
      </c>
      <c r="OP42" s="148">
        <v>5605388</v>
      </c>
      <c r="OQ42" s="148">
        <v>4293411</v>
      </c>
      <c r="OR42" s="152">
        <v>23955628</v>
      </c>
      <c r="OS42" s="154">
        <v>24341595</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218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10"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7.7773437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1:409" ht="24" customHeight="1" x14ac:dyDescent="0.2">
      <c r="B1" s="15" t="s">
        <v>135</v>
      </c>
      <c r="E1" s="468">
        <f>第１表!F2</f>
        <v>5</v>
      </c>
      <c r="F1" s="233">
        <f>第１表!G2</f>
        <v>9</v>
      </c>
      <c r="G1" s="654">
        <f>IF(F1&lt;3,F1-2+12,F1-2)</f>
        <v>7</v>
      </c>
      <c r="H1" s="654"/>
      <c r="IB1" s="341"/>
      <c r="IC1" s="239"/>
      <c r="ID1" s="624"/>
      <c r="IE1" s="624"/>
    </row>
    <row r="2" spans="1:409" ht="24" customHeight="1" x14ac:dyDescent="0.2">
      <c r="B2" s="15" t="s">
        <v>146</v>
      </c>
      <c r="E2" s="236"/>
      <c r="F2" s="237"/>
      <c r="G2" s="319"/>
      <c r="H2" s="319"/>
      <c r="IB2" s="238"/>
      <c r="IC2" s="239"/>
      <c r="ID2" s="344"/>
      <c r="IE2" s="344"/>
    </row>
    <row r="3" spans="1:409" ht="24" customHeight="1" thickBot="1" x14ac:dyDescent="0.25">
      <c r="B3" s="15" t="s">
        <v>136</v>
      </c>
    </row>
    <row r="4" spans="1:409" ht="21" customHeight="1" thickBot="1" x14ac:dyDescent="0.25">
      <c r="B4" s="684" t="s">
        <v>42</v>
      </c>
      <c r="C4" s="687" t="s">
        <v>63</v>
      </c>
      <c r="D4" s="687"/>
      <c r="E4" s="687"/>
      <c r="F4" s="687"/>
      <c r="G4" s="687"/>
      <c r="H4" s="687"/>
      <c r="I4" s="687"/>
      <c r="J4" s="687"/>
      <c r="K4" s="687"/>
      <c r="L4" s="687"/>
      <c r="M4" s="687"/>
      <c r="N4" s="690"/>
      <c r="O4" s="690"/>
      <c r="P4" s="690"/>
      <c r="Q4" s="690"/>
      <c r="R4" s="690"/>
      <c r="S4" s="690"/>
      <c r="T4" s="690"/>
      <c r="U4" s="690"/>
      <c r="V4" s="690"/>
      <c r="W4" s="690"/>
      <c r="X4" s="690"/>
      <c r="Y4" s="690"/>
      <c r="Z4" s="690"/>
      <c r="AA4" s="690"/>
      <c r="AB4" s="690"/>
      <c r="AC4" s="690"/>
      <c r="AD4" s="690"/>
      <c r="AE4" s="690"/>
      <c r="AF4" s="690"/>
      <c r="AG4" s="690"/>
      <c r="AH4" s="690"/>
      <c r="AI4" s="690"/>
      <c r="AJ4" s="690"/>
      <c r="AK4" s="690"/>
      <c r="AL4" s="690"/>
      <c r="AM4" s="690"/>
      <c r="AN4" s="690"/>
      <c r="AO4" s="690"/>
      <c r="AP4" s="690"/>
      <c r="AQ4" s="690"/>
      <c r="AR4" s="690"/>
      <c r="AS4" s="690"/>
      <c r="AT4" s="690"/>
      <c r="AU4" s="690"/>
      <c r="AV4" s="690"/>
      <c r="AW4" s="690"/>
      <c r="AX4" s="690"/>
      <c r="AY4" s="690"/>
      <c r="AZ4" s="690"/>
      <c r="BA4" s="690"/>
      <c r="BB4" s="690"/>
      <c r="BC4" s="690"/>
      <c r="BD4" s="690"/>
      <c r="BE4" s="690"/>
      <c r="BF4" s="690"/>
      <c r="BG4" s="690"/>
      <c r="BH4" s="690"/>
      <c r="BI4" s="690"/>
      <c r="BJ4" s="690"/>
      <c r="BK4" s="690"/>
      <c r="BL4" s="690"/>
      <c r="BM4" s="690"/>
      <c r="BN4" s="690"/>
      <c r="BO4" s="690"/>
      <c r="BP4" s="690"/>
      <c r="BQ4" s="690"/>
      <c r="BR4" s="690"/>
      <c r="BS4" s="690"/>
      <c r="BT4" s="690"/>
      <c r="BU4" s="690"/>
      <c r="BV4" s="690"/>
      <c r="BW4" s="690"/>
      <c r="BX4" s="690"/>
      <c r="BY4" s="690"/>
      <c r="BZ4" s="690"/>
      <c r="CA4" s="690"/>
      <c r="CB4" s="690"/>
      <c r="CC4" s="690"/>
      <c r="CD4" s="690"/>
      <c r="CE4" s="690"/>
      <c r="CF4" s="690"/>
      <c r="CG4" s="690"/>
      <c r="CH4" s="690"/>
      <c r="CI4" s="690"/>
      <c r="CJ4" s="690"/>
      <c r="CK4" s="690"/>
      <c r="CL4" s="690"/>
      <c r="CM4" s="690"/>
      <c r="CN4" s="690"/>
      <c r="CO4" s="690"/>
      <c r="CP4" s="690"/>
      <c r="CQ4" s="690"/>
      <c r="CR4" s="690"/>
      <c r="CS4" s="690"/>
      <c r="CT4" s="690"/>
      <c r="CU4" s="690"/>
      <c r="CV4" s="690"/>
      <c r="CW4" s="690"/>
      <c r="CX4" s="690"/>
      <c r="CY4" s="690"/>
      <c r="CZ4" s="690"/>
      <c r="DA4" s="690"/>
      <c r="DB4" s="690"/>
      <c r="DC4" s="690"/>
      <c r="DD4" s="690"/>
      <c r="DE4" s="690"/>
      <c r="DF4" s="690"/>
      <c r="DG4" s="690"/>
      <c r="DH4" s="690"/>
      <c r="DI4" s="690"/>
      <c r="DJ4" s="690"/>
      <c r="DK4" s="690"/>
      <c r="DL4" s="690"/>
      <c r="DM4" s="690"/>
      <c r="DN4" s="690"/>
      <c r="DO4" s="690"/>
      <c r="DP4" s="690"/>
      <c r="DQ4" s="690"/>
      <c r="DR4" s="690"/>
      <c r="DS4" s="690"/>
      <c r="DT4" s="690"/>
      <c r="DU4" s="690"/>
      <c r="DV4" s="690"/>
      <c r="DW4" s="690"/>
      <c r="DX4" s="690"/>
      <c r="DY4" s="690"/>
      <c r="DZ4" s="690"/>
      <c r="EA4" s="690"/>
      <c r="EB4" s="690"/>
      <c r="EC4" s="690"/>
      <c r="ED4" s="690"/>
      <c r="EE4" s="690"/>
      <c r="EF4" s="690"/>
      <c r="EG4" s="690"/>
      <c r="EH4" s="690"/>
      <c r="EI4" s="690"/>
      <c r="EJ4" s="690"/>
      <c r="EK4" s="690"/>
      <c r="EL4" s="690"/>
      <c r="EM4" s="690"/>
      <c r="EN4" s="690"/>
      <c r="EO4" s="690"/>
      <c r="EP4" s="690"/>
      <c r="EQ4" s="690"/>
      <c r="ER4" s="690"/>
      <c r="ES4" s="690"/>
      <c r="ET4" s="690"/>
      <c r="EU4" s="690"/>
      <c r="EV4" s="690"/>
      <c r="EW4" s="690"/>
      <c r="EX4" s="690"/>
      <c r="EY4" s="690"/>
      <c r="EZ4" s="690"/>
      <c r="FA4" s="690"/>
      <c r="FB4" s="690"/>
      <c r="FC4" s="690"/>
      <c r="FD4" s="690"/>
      <c r="FE4" s="690"/>
      <c r="FF4" s="690"/>
      <c r="FG4" s="690"/>
      <c r="FH4" s="690"/>
      <c r="FI4" s="690"/>
      <c r="FJ4" s="690"/>
      <c r="FK4" s="690"/>
      <c r="FL4" s="690"/>
      <c r="FM4" s="690"/>
      <c r="FN4" s="690"/>
      <c r="FO4" s="690"/>
      <c r="FP4" s="690"/>
      <c r="FQ4" s="690"/>
      <c r="FR4" s="690"/>
      <c r="FS4" s="690"/>
      <c r="FT4" s="690"/>
      <c r="FU4" s="690"/>
      <c r="FV4" s="690"/>
      <c r="FW4" s="690"/>
      <c r="FX4" s="690"/>
      <c r="FY4" s="690"/>
      <c r="FZ4" s="690"/>
      <c r="GA4" s="690"/>
      <c r="GB4" s="690"/>
      <c r="GC4" s="690"/>
      <c r="GD4" s="690"/>
      <c r="GE4" s="690"/>
      <c r="GF4" s="690"/>
      <c r="GG4" s="690"/>
      <c r="GH4" s="690"/>
      <c r="GI4" s="690"/>
      <c r="GJ4" s="690"/>
      <c r="GK4" s="690"/>
      <c r="GL4" s="690"/>
      <c r="GM4" s="690"/>
      <c r="GN4" s="690"/>
      <c r="GO4" s="690"/>
      <c r="GP4" s="690"/>
      <c r="GQ4" s="690"/>
      <c r="GR4" s="690"/>
      <c r="GS4" s="690"/>
      <c r="GT4" s="690"/>
      <c r="GU4" s="690"/>
      <c r="GV4" s="690"/>
      <c r="GW4" s="690"/>
      <c r="GX4" s="690"/>
      <c r="GY4" s="690"/>
      <c r="GZ4" s="690"/>
      <c r="HA4" s="690"/>
      <c r="HB4" s="690"/>
      <c r="HC4" s="690"/>
      <c r="HD4" s="690"/>
      <c r="HE4" s="690"/>
      <c r="HF4" s="690"/>
      <c r="HG4" s="690"/>
      <c r="HH4" s="690"/>
      <c r="HI4" s="690"/>
      <c r="HJ4" s="690"/>
      <c r="HK4" s="690"/>
      <c r="HL4" s="690"/>
      <c r="HM4" s="690"/>
      <c r="HN4" s="690"/>
      <c r="HO4" s="690"/>
      <c r="HP4" s="690"/>
      <c r="HQ4" s="690"/>
      <c r="HR4" s="690"/>
      <c r="HS4" s="690"/>
      <c r="HT4" s="690"/>
      <c r="HU4" s="690"/>
      <c r="HV4" s="690"/>
      <c r="HW4" s="690"/>
      <c r="HX4" s="690"/>
      <c r="HY4" s="691"/>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1:409" ht="21" customHeight="1" thickBot="1" x14ac:dyDescent="0.25">
      <c r="B5" s="685"/>
      <c r="C5" s="688"/>
      <c r="D5" s="688"/>
      <c r="E5" s="688"/>
      <c r="F5" s="688"/>
      <c r="G5" s="688"/>
      <c r="H5" s="688"/>
      <c r="I5" s="688"/>
      <c r="J5" s="688"/>
      <c r="K5" s="688"/>
      <c r="L5" s="688"/>
      <c r="M5" s="688"/>
      <c r="N5" s="692" t="s">
        <v>64</v>
      </c>
      <c r="O5" s="693"/>
      <c r="P5" s="693"/>
      <c r="Q5" s="693"/>
      <c r="R5" s="693"/>
      <c r="S5" s="693"/>
      <c r="T5" s="693"/>
      <c r="U5" s="693"/>
      <c r="V5" s="693"/>
      <c r="W5" s="693"/>
      <c r="X5" s="693"/>
      <c r="Y5" s="693"/>
      <c r="Z5" s="693"/>
      <c r="AA5" s="693"/>
      <c r="AB5" s="693"/>
      <c r="AC5" s="693"/>
      <c r="AD5" s="693"/>
      <c r="AE5" s="693"/>
      <c r="AF5" s="693"/>
      <c r="AG5" s="693"/>
      <c r="AH5" s="693"/>
      <c r="AI5" s="693"/>
      <c r="AJ5" s="693"/>
      <c r="AK5" s="693"/>
      <c r="AL5" s="693"/>
      <c r="AM5" s="693"/>
      <c r="AN5" s="693"/>
      <c r="AO5" s="693"/>
      <c r="AP5" s="693"/>
      <c r="AQ5" s="693"/>
      <c r="AR5" s="693"/>
      <c r="AS5" s="693"/>
      <c r="AT5" s="693"/>
      <c r="AU5" s="693"/>
      <c r="AV5" s="693"/>
      <c r="AW5" s="693"/>
      <c r="AX5" s="693"/>
      <c r="AY5" s="693"/>
      <c r="AZ5" s="693"/>
      <c r="BA5" s="693"/>
      <c r="BB5" s="693"/>
      <c r="BC5" s="693"/>
      <c r="BD5" s="693"/>
      <c r="BE5" s="693"/>
      <c r="BF5" s="693"/>
      <c r="BG5" s="693"/>
      <c r="BH5" s="693"/>
      <c r="BI5" s="693"/>
      <c r="BJ5" s="693"/>
      <c r="BK5" s="693"/>
      <c r="BL5" s="693"/>
      <c r="BM5" s="693"/>
      <c r="BN5" s="693"/>
      <c r="BO5" s="693"/>
      <c r="BP5" s="693"/>
      <c r="BQ5" s="693"/>
      <c r="BR5" s="693"/>
      <c r="BS5" s="693"/>
      <c r="BT5" s="693"/>
      <c r="BU5" s="693"/>
      <c r="BV5" s="693"/>
      <c r="BW5" s="693"/>
      <c r="BX5" s="693"/>
      <c r="BY5" s="693"/>
      <c r="BZ5" s="693"/>
      <c r="CA5" s="694"/>
      <c r="CB5" s="692" t="s">
        <v>65</v>
      </c>
      <c r="CC5" s="693"/>
      <c r="CD5" s="693"/>
      <c r="CE5" s="693"/>
      <c r="CF5" s="693"/>
      <c r="CG5" s="693"/>
      <c r="CH5" s="693"/>
      <c r="CI5" s="693"/>
      <c r="CJ5" s="693"/>
      <c r="CK5" s="693"/>
      <c r="CL5" s="693"/>
      <c r="CM5" s="693"/>
      <c r="CN5" s="693"/>
      <c r="CO5" s="693"/>
      <c r="CP5" s="693"/>
      <c r="CQ5" s="693"/>
      <c r="CR5" s="693"/>
      <c r="CS5" s="693"/>
      <c r="CT5" s="693"/>
      <c r="CU5" s="693"/>
      <c r="CV5" s="693"/>
      <c r="CW5" s="693"/>
      <c r="CX5" s="693"/>
      <c r="CY5" s="693"/>
      <c r="CZ5" s="693"/>
      <c r="DA5" s="693"/>
      <c r="DB5" s="693"/>
      <c r="DC5" s="693"/>
      <c r="DD5" s="693"/>
      <c r="DE5" s="693"/>
      <c r="DF5" s="693"/>
      <c r="DG5" s="693"/>
      <c r="DH5" s="694"/>
      <c r="DI5" s="496" t="s">
        <v>66</v>
      </c>
      <c r="DJ5" s="497"/>
      <c r="DK5" s="497"/>
      <c r="DL5" s="497"/>
      <c r="DM5" s="497"/>
      <c r="DN5" s="497"/>
      <c r="DO5" s="497"/>
      <c r="DP5" s="497"/>
      <c r="DQ5" s="497"/>
      <c r="DR5" s="497"/>
      <c r="DS5" s="497"/>
      <c r="DT5" s="497"/>
      <c r="DU5" s="497"/>
      <c r="DV5" s="497"/>
      <c r="DW5" s="497"/>
      <c r="DX5" s="497"/>
      <c r="DY5" s="497"/>
      <c r="DZ5" s="497"/>
      <c r="EA5" s="497"/>
      <c r="EB5" s="497"/>
      <c r="EC5" s="497"/>
      <c r="ED5" s="497"/>
      <c r="EE5" s="497"/>
      <c r="EF5" s="497"/>
      <c r="EG5" s="497"/>
      <c r="EH5" s="497"/>
      <c r="EI5" s="497"/>
      <c r="EJ5" s="497"/>
      <c r="EK5" s="497"/>
      <c r="EL5" s="497"/>
      <c r="EM5" s="497"/>
      <c r="EN5" s="497"/>
      <c r="EO5" s="497"/>
      <c r="EP5" s="497"/>
      <c r="EQ5" s="497"/>
      <c r="ER5" s="497"/>
      <c r="ES5" s="497"/>
      <c r="ET5" s="497"/>
      <c r="EU5" s="497"/>
      <c r="EV5" s="497"/>
      <c r="EW5" s="497"/>
      <c r="EX5" s="497"/>
      <c r="EY5" s="497"/>
      <c r="EZ5" s="497"/>
      <c r="FA5" s="497"/>
      <c r="FB5" s="497"/>
      <c r="FC5" s="497"/>
      <c r="FD5" s="497"/>
      <c r="FE5" s="497"/>
      <c r="FF5" s="497"/>
      <c r="FG5" s="497"/>
      <c r="FH5" s="497"/>
      <c r="FI5" s="497"/>
      <c r="FJ5" s="497"/>
      <c r="FK5" s="498"/>
      <c r="FL5" s="692" t="s">
        <v>67</v>
      </c>
      <c r="FM5" s="693"/>
      <c r="FN5" s="693"/>
      <c r="FO5" s="693"/>
      <c r="FP5" s="693"/>
      <c r="FQ5" s="693"/>
      <c r="FR5" s="693"/>
      <c r="FS5" s="693"/>
      <c r="FT5" s="693"/>
      <c r="FU5" s="693"/>
      <c r="FV5" s="693"/>
      <c r="FW5" s="693"/>
      <c r="FX5" s="693"/>
      <c r="FY5" s="693"/>
      <c r="FZ5" s="693"/>
      <c r="GA5" s="693"/>
      <c r="GB5" s="693"/>
      <c r="GC5" s="693"/>
      <c r="GD5" s="693"/>
      <c r="GE5" s="693"/>
      <c r="GF5" s="693"/>
      <c r="GG5" s="693"/>
      <c r="GH5" s="693"/>
      <c r="GI5" s="693"/>
      <c r="GJ5" s="693"/>
      <c r="GK5" s="693"/>
      <c r="GL5" s="693"/>
      <c r="GM5" s="693"/>
      <c r="GN5" s="693"/>
      <c r="GO5" s="693"/>
      <c r="GP5" s="693"/>
      <c r="GQ5" s="693"/>
      <c r="GR5" s="693"/>
      <c r="GS5" s="693"/>
      <c r="GT5" s="693"/>
      <c r="GU5" s="693"/>
      <c r="GV5" s="693"/>
      <c r="GW5" s="693"/>
      <c r="GX5" s="693"/>
      <c r="GY5" s="693"/>
      <c r="GZ5" s="693"/>
      <c r="HA5" s="693"/>
      <c r="HB5" s="693"/>
      <c r="HC5" s="694"/>
      <c r="HD5" s="695" t="s">
        <v>68</v>
      </c>
      <c r="HE5" s="696"/>
      <c r="HF5" s="696"/>
      <c r="HG5" s="696"/>
      <c r="HH5" s="696"/>
      <c r="HI5" s="696"/>
      <c r="HJ5" s="696"/>
      <c r="HK5" s="696"/>
      <c r="HL5" s="696"/>
      <c r="HM5" s="696"/>
      <c r="HN5" s="697"/>
      <c r="HO5" s="695" t="s">
        <v>69</v>
      </c>
      <c r="HP5" s="696"/>
      <c r="HQ5" s="696"/>
      <c r="HR5" s="696"/>
      <c r="HS5" s="696"/>
      <c r="HT5" s="696"/>
      <c r="HU5" s="696"/>
      <c r="HV5" s="696"/>
      <c r="HW5" s="696"/>
      <c r="HX5" s="696"/>
      <c r="HY5" s="6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1:409" ht="21" customHeight="1" thickBot="1" x14ac:dyDescent="0.25">
      <c r="B6" s="685"/>
      <c r="C6" s="689"/>
      <c r="D6" s="689"/>
      <c r="E6" s="689"/>
      <c r="F6" s="689"/>
      <c r="G6" s="689"/>
      <c r="H6" s="689"/>
      <c r="I6" s="689"/>
      <c r="J6" s="689"/>
      <c r="K6" s="689"/>
      <c r="L6" s="689"/>
      <c r="M6" s="689"/>
      <c r="N6" s="488"/>
      <c r="O6" s="489"/>
      <c r="P6" s="489"/>
      <c r="Q6" s="489"/>
      <c r="R6" s="489"/>
      <c r="S6" s="489"/>
      <c r="T6" s="489"/>
      <c r="U6" s="489"/>
      <c r="V6" s="489"/>
      <c r="W6" s="489"/>
      <c r="X6" s="490"/>
      <c r="Y6" s="677" t="s">
        <v>70</v>
      </c>
      <c r="Z6" s="492"/>
      <c r="AA6" s="492"/>
      <c r="AB6" s="492"/>
      <c r="AC6" s="492"/>
      <c r="AD6" s="492"/>
      <c r="AE6" s="492"/>
      <c r="AF6" s="492"/>
      <c r="AG6" s="492"/>
      <c r="AH6" s="492"/>
      <c r="AI6" s="493"/>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5"/>
      <c r="CC6" s="676"/>
      <c r="CD6" s="676"/>
      <c r="CE6" s="676"/>
      <c r="CF6" s="676"/>
      <c r="CG6" s="676"/>
      <c r="CH6" s="676"/>
      <c r="CI6" s="676"/>
      <c r="CJ6" s="676"/>
      <c r="CK6" s="676"/>
      <c r="CL6" s="701"/>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5"/>
      <c r="DJ6" s="676"/>
      <c r="DK6" s="676"/>
      <c r="DL6" s="676"/>
      <c r="DM6" s="676"/>
      <c r="DN6" s="676"/>
      <c r="DO6" s="676"/>
      <c r="DP6" s="676"/>
      <c r="DQ6" s="676"/>
      <c r="DR6" s="676"/>
      <c r="DS6" s="676"/>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594" t="s">
        <v>151</v>
      </c>
      <c r="FB6" s="673"/>
      <c r="FC6" s="673"/>
      <c r="FD6" s="673"/>
      <c r="FE6" s="673"/>
      <c r="FF6" s="673"/>
      <c r="FG6" s="673"/>
      <c r="FH6" s="673"/>
      <c r="FI6" s="673"/>
      <c r="FJ6" s="673"/>
      <c r="FK6" s="674"/>
      <c r="FL6" s="675"/>
      <c r="FM6" s="676"/>
      <c r="FN6" s="676"/>
      <c r="FO6" s="676"/>
      <c r="FP6" s="676"/>
      <c r="FQ6" s="676"/>
      <c r="FR6" s="676"/>
      <c r="FS6" s="676"/>
      <c r="FT6" s="676"/>
      <c r="FU6" s="676"/>
      <c r="FV6" s="676"/>
      <c r="FW6" s="672" t="s">
        <v>80</v>
      </c>
      <c r="FX6" s="673"/>
      <c r="FY6" s="673"/>
      <c r="FZ6" s="673"/>
      <c r="GA6" s="673"/>
      <c r="GB6" s="673"/>
      <c r="GC6" s="673"/>
      <c r="GD6" s="673"/>
      <c r="GE6" s="673"/>
      <c r="GF6" s="673"/>
      <c r="GG6" s="674"/>
      <c r="GH6" s="677" t="s">
        <v>81</v>
      </c>
      <c r="GI6" s="492"/>
      <c r="GJ6" s="492"/>
      <c r="GK6" s="492"/>
      <c r="GL6" s="492"/>
      <c r="GM6" s="492"/>
      <c r="GN6" s="492"/>
      <c r="GO6" s="492"/>
      <c r="GP6" s="492"/>
      <c r="GQ6" s="492"/>
      <c r="GR6" s="493"/>
      <c r="GS6" s="677" t="s">
        <v>82</v>
      </c>
      <c r="GT6" s="492"/>
      <c r="GU6" s="492"/>
      <c r="GV6" s="492"/>
      <c r="GW6" s="492"/>
      <c r="GX6" s="492"/>
      <c r="GY6" s="492"/>
      <c r="GZ6" s="492"/>
      <c r="HA6" s="492"/>
      <c r="HB6" s="492"/>
      <c r="HC6" s="493"/>
      <c r="HD6" s="698"/>
      <c r="HE6" s="699"/>
      <c r="HF6" s="699"/>
      <c r="HG6" s="699"/>
      <c r="HH6" s="699"/>
      <c r="HI6" s="699"/>
      <c r="HJ6" s="699"/>
      <c r="HK6" s="699"/>
      <c r="HL6" s="699"/>
      <c r="HM6" s="699"/>
      <c r="HN6" s="700"/>
      <c r="HO6" s="698"/>
      <c r="HP6" s="699"/>
      <c r="HQ6" s="699"/>
      <c r="HR6" s="699"/>
      <c r="HS6" s="699"/>
      <c r="HT6" s="699"/>
      <c r="HU6" s="699"/>
      <c r="HV6" s="699"/>
      <c r="HW6" s="699"/>
      <c r="HX6" s="699"/>
      <c r="HY6" s="700"/>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1:409" ht="21" customHeight="1" x14ac:dyDescent="0.2">
      <c r="B7" s="685"/>
      <c r="C7" s="670" t="s">
        <v>61</v>
      </c>
      <c r="D7" s="670"/>
      <c r="E7" s="670"/>
      <c r="F7" s="682" t="s">
        <v>62</v>
      </c>
      <c r="G7" s="670"/>
      <c r="H7" s="670"/>
      <c r="I7" s="670"/>
      <c r="J7" s="670"/>
      <c r="K7" s="670"/>
      <c r="L7" s="670"/>
      <c r="M7" s="682" t="s">
        <v>52</v>
      </c>
      <c r="N7" s="681" t="s">
        <v>61</v>
      </c>
      <c r="O7" s="670"/>
      <c r="P7" s="670"/>
      <c r="Q7" s="682" t="s">
        <v>62</v>
      </c>
      <c r="R7" s="670"/>
      <c r="S7" s="670"/>
      <c r="T7" s="670"/>
      <c r="U7" s="670"/>
      <c r="V7" s="670"/>
      <c r="W7" s="683"/>
      <c r="X7" s="678" t="s">
        <v>52</v>
      </c>
      <c r="Y7" s="488" t="s">
        <v>61</v>
      </c>
      <c r="Z7" s="489"/>
      <c r="AA7" s="664"/>
      <c r="AB7" s="663" t="s">
        <v>62</v>
      </c>
      <c r="AC7" s="489"/>
      <c r="AD7" s="489"/>
      <c r="AE7" s="489"/>
      <c r="AF7" s="489"/>
      <c r="AG7" s="489"/>
      <c r="AH7" s="664"/>
      <c r="AI7" s="490" t="s">
        <v>52</v>
      </c>
      <c r="AJ7" s="658" t="s">
        <v>61</v>
      </c>
      <c r="AK7" s="659"/>
      <c r="AL7" s="660"/>
      <c r="AM7" s="661" t="s">
        <v>62</v>
      </c>
      <c r="AN7" s="659"/>
      <c r="AO7" s="659"/>
      <c r="AP7" s="659"/>
      <c r="AQ7" s="659"/>
      <c r="AR7" s="659"/>
      <c r="AS7" s="662"/>
      <c r="AT7" s="490" t="s">
        <v>52</v>
      </c>
      <c r="AU7" s="658" t="s">
        <v>61</v>
      </c>
      <c r="AV7" s="659"/>
      <c r="AW7" s="660"/>
      <c r="AX7" s="661" t="s">
        <v>62</v>
      </c>
      <c r="AY7" s="659"/>
      <c r="AZ7" s="659"/>
      <c r="BA7" s="659"/>
      <c r="BB7" s="659"/>
      <c r="BC7" s="659"/>
      <c r="BD7" s="662"/>
      <c r="BE7" s="490" t="s">
        <v>52</v>
      </c>
      <c r="BF7" s="658" t="s">
        <v>61</v>
      </c>
      <c r="BG7" s="659"/>
      <c r="BH7" s="660"/>
      <c r="BI7" s="661" t="s">
        <v>62</v>
      </c>
      <c r="BJ7" s="659"/>
      <c r="BK7" s="659"/>
      <c r="BL7" s="659"/>
      <c r="BM7" s="659"/>
      <c r="BN7" s="659"/>
      <c r="BO7" s="662"/>
      <c r="BP7" s="490" t="s">
        <v>52</v>
      </c>
      <c r="BQ7" s="658" t="s">
        <v>61</v>
      </c>
      <c r="BR7" s="659"/>
      <c r="BS7" s="660"/>
      <c r="BT7" s="661" t="s">
        <v>62</v>
      </c>
      <c r="BU7" s="659"/>
      <c r="BV7" s="659"/>
      <c r="BW7" s="659"/>
      <c r="BX7" s="659"/>
      <c r="BY7" s="659"/>
      <c r="BZ7" s="662"/>
      <c r="CA7" s="490" t="s">
        <v>52</v>
      </c>
      <c r="CB7" s="665" t="s">
        <v>61</v>
      </c>
      <c r="CC7" s="666"/>
      <c r="CD7" s="667"/>
      <c r="CE7" s="668" t="s">
        <v>62</v>
      </c>
      <c r="CF7" s="666"/>
      <c r="CG7" s="666"/>
      <c r="CH7" s="666"/>
      <c r="CI7" s="666"/>
      <c r="CJ7" s="666"/>
      <c r="CK7" s="669"/>
      <c r="CL7" s="678" t="s">
        <v>52</v>
      </c>
      <c r="CM7" s="658" t="s">
        <v>61</v>
      </c>
      <c r="CN7" s="659"/>
      <c r="CO7" s="662"/>
      <c r="CP7" s="661" t="s">
        <v>62</v>
      </c>
      <c r="CQ7" s="659"/>
      <c r="CR7" s="659"/>
      <c r="CS7" s="659"/>
      <c r="CT7" s="659"/>
      <c r="CU7" s="659"/>
      <c r="CV7" s="662"/>
      <c r="CW7" s="680" t="s">
        <v>52</v>
      </c>
      <c r="CX7" s="658" t="s">
        <v>61</v>
      </c>
      <c r="CY7" s="659"/>
      <c r="CZ7" s="662"/>
      <c r="DA7" s="661" t="s">
        <v>62</v>
      </c>
      <c r="DB7" s="659"/>
      <c r="DC7" s="659"/>
      <c r="DD7" s="659"/>
      <c r="DE7" s="659"/>
      <c r="DF7" s="659"/>
      <c r="DG7" s="662"/>
      <c r="DH7" s="680" t="s">
        <v>52</v>
      </c>
      <c r="DI7" s="665" t="s">
        <v>61</v>
      </c>
      <c r="DJ7" s="666"/>
      <c r="DK7" s="669"/>
      <c r="DL7" s="668" t="s">
        <v>62</v>
      </c>
      <c r="DM7" s="666"/>
      <c r="DN7" s="666"/>
      <c r="DO7" s="666"/>
      <c r="DP7" s="666"/>
      <c r="DQ7" s="666"/>
      <c r="DR7" s="669"/>
      <c r="DS7" s="678" t="s">
        <v>52</v>
      </c>
      <c r="DT7" s="658" t="s">
        <v>61</v>
      </c>
      <c r="DU7" s="659"/>
      <c r="DV7" s="660"/>
      <c r="DW7" s="661" t="s">
        <v>62</v>
      </c>
      <c r="DX7" s="659"/>
      <c r="DY7" s="659"/>
      <c r="DZ7" s="659"/>
      <c r="EA7" s="659"/>
      <c r="EB7" s="659"/>
      <c r="EC7" s="662"/>
      <c r="ED7" s="490" t="s">
        <v>52</v>
      </c>
      <c r="EE7" s="658" t="s">
        <v>61</v>
      </c>
      <c r="EF7" s="659"/>
      <c r="EG7" s="660"/>
      <c r="EH7" s="661" t="s">
        <v>62</v>
      </c>
      <c r="EI7" s="659"/>
      <c r="EJ7" s="659"/>
      <c r="EK7" s="659"/>
      <c r="EL7" s="659"/>
      <c r="EM7" s="659"/>
      <c r="EN7" s="662"/>
      <c r="EO7" s="490" t="s">
        <v>52</v>
      </c>
      <c r="EP7" s="658" t="s">
        <v>61</v>
      </c>
      <c r="EQ7" s="659"/>
      <c r="ER7" s="660"/>
      <c r="ES7" s="661" t="s">
        <v>62</v>
      </c>
      <c r="ET7" s="659"/>
      <c r="EU7" s="659"/>
      <c r="EV7" s="659"/>
      <c r="EW7" s="659"/>
      <c r="EX7" s="659"/>
      <c r="EY7" s="662"/>
      <c r="EZ7" s="490" t="s">
        <v>52</v>
      </c>
      <c r="FA7" s="658" t="s">
        <v>61</v>
      </c>
      <c r="FB7" s="659"/>
      <c r="FC7" s="660"/>
      <c r="FD7" s="661" t="s">
        <v>62</v>
      </c>
      <c r="FE7" s="659"/>
      <c r="FF7" s="659"/>
      <c r="FG7" s="659"/>
      <c r="FH7" s="659"/>
      <c r="FI7" s="659"/>
      <c r="FJ7" s="662"/>
      <c r="FK7" s="490" t="s">
        <v>52</v>
      </c>
      <c r="FL7" s="665" t="s">
        <v>61</v>
      </c>
      <c r="FM7" s="666"/>
      <c r="FN7" s="667"/>
      <c r="FO7" s="668" t="s">
        <v>62</v>
      </c>
      <c r="FP7" s="666"/>
      <c r="FQ7" s="666"/>
      <c r="FR7" s="666"/>
      <c r="FS7" s="666"/>
      <c r="FT7" s="666"/>
      <c r="FU7" s="669"/>
      <c r="FV7" s="670" t="s">
        <v>52</v>
      </c>
      <c r="FW7" s="658" t="s">
        <v>61</v>
      </c>
      <c r="FX7" s="659"/>
      <c r="FY7" s="660"/>
      <c r="FZ7" s="661" t="s">
        <v>62</v>
      </c>
      <c r="GA7" s="659"/>
      <c r="GB7" s="659"/>
      <c r="GC7" s="659"/>
      <c r="GD7" s="659"/>
      <c r="GE7" s="659"/>
      <c r="GF7" s="662"/>
      <c r="GG7" s="490" t="s">
        <v>52</v>
      </c>
      <c r="GH7" s="488" t="s">
        <v>61</v>
      </c>
      <c r="GI7" s="489"/>
      <c r="GJ7" s="489"/>
      <c r="GK7" s="663" t="s">
        <v>62</v>
      </c>
      <c r="GL7" s="489"/>
      <c r="GM7" s="489"/>
      <c r="GN7" s="489"/>
      <c r="GO7" s="489"/>
      <c r="GP7" s="489"/>
      <c r="GQ7" s="664"/>
      <c r="GR7" s="656" t="s">
        <v>52</v>
      </c>
      <c r="GS7" s="488" t="s">
        <v>61</v>
      </c>
      <c r="GT7" s="489"/>
      <c r="GU7" s="664"/>
      <c r="GV7" s="663" t="s">
        <v>62</v>
      </c>
      <c r="GW7" s="489"/>
      <c r="GX7" s="489"/>
      <c r="GY7" s="489"/>
      <c r="GZ7" s="489"/>
      <c r="HA7" s="489"/>
      <c r="HB7" s="664"/>
      <c r="HC7" s="656" t="s">
        <v>52</v>
      </c>
      <c r="HD7" s="658" t="s">
        <v>61</v>
      </c>
      <c r="HE7" s="659"/>
      <c r="HF7" s="660"/>
      <c r="HG7" s="661" t="s">
        <v>62</v>
      </c>
      <c r="HH7" s="659"/>
      <c r="HI7" s="659"/>
      <c r="HJ7" s="659"/>
      <c r="HK7" s="659"/>
      <c r="HL7" s="659"/>
      <c r="HM7" s="662"/>
      <c r="HN7" s="490" t="s">
        <v>52</v>
      </c>
      <c r="HO7" s="658" t="s">
        <v>61</v>
      </c>
      <c r="HP7" s="659"/>
      <c r="HQ7" s="660"/>
      <c r="HR7" s="661" t="s">
        <v>62</v>
      </c>
      <c r="HS7" s="659"/>
      <c r="HT7" s="659"/>
      <c r="HU7" s="659"/>
      <c r="HV7" s="659"/>
      <c r="HW7" s="659"/>
      <c r="HX7" s="662"/>
      <c r="HY7" s="490"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1:409" ht="30" customHeight="1" thickBot="1" x14ac:dyDescent="0.25">
      <c r="B8" s="686"/>
      <c r="C8" s="303" t="s">
        <v>43</v>
      </c>
      <c r="D8" s="41" t="s">
        <v>44</v>
      </c>
      <c r="E8" s="304" t="s">
        <v>45</v>
      </c>
      <c r="F8" s="44" t="s">
        <v>83</v>
      </c>
      <c r="G8" s="41" t="s">
        <v>47</v>
      </c>
      <c r="H8" s="41" t="s">
        <v>48</v>
      </c>
      <c r="I8" s="41" t="s">
        <v>49</v>
      </c>
      <c r="J8" s="41" t="s">
        <v>50</v>
      </c>
      <c r="K8" s="41" t="s">
        <v>51</v>
      </c>
      <c r="L8" s="42" t="s">
        <v>45</v>
      </c>
      <c r="M8" s="702"/>
      <c r="N8" s="43" t="s">
        <v>43</v>
      </c>
      <c r="O8" s="41" t="s">
        <v>44</v>
      </c>
      <c r="P8" s="42" t="s">
        <v>45</v>
      </c>
      <c r="Q8" s="44" t="s">
        <v>83</v>
      </c>
      <c r="R8" s="41" t="s">
        <v>47</v>
      </c>
      <c r="S8" s="41" t="s">
        <v>48</v>
      </c>
      <c r="T8" s="41" t="s">
        <v>49</v>
      </c>
      <c r="U8" s="41" t="s">
        <v>50</v>
      </c>
      <c r="V8" s="41" t="s">
        <v>51</v>
      </c>
      <c r="W8" s="42" t="s">
        <v>45</v>
      </c>
      <c r="X8" s="679"/>
      <c r="Y8" s="43" t="s">
        <v>43</v>
      </c>
      <c r="Z8" s="41" t="s">
        <v>44</v>
      </c>
      <c r="AA8" s="42" t="s">
        <v>45</v>
      </c>
      <c r="AB8" s="44" t="s">
        <v>83</v>
      </c>
      <c r="AC8" s="41" t="s">
        <v>47</v>
      </c>
      <c r="AD8" s="41" t="s">
        <v>48</v>
      </c>
      <c r="AE8" s="41" t="s">
        <v>49</v>
      </c>
      <c r="AF8" s="41" t="s">
        <v>50</v>
      </c>
      <c r="AG8" s="41" t="s">
        <v>51</v>
      </c>
      <c r="AH8" s="42" t="s">
        <v>45</v>
      </c>
      <c r="AI8" s="655"/>
      <c r="AJ8" s="43" t="s">
        <v>43</v>
      </c>
      <c r="AK8" s="41" t="s">
        <v>44</v>
      </c>
      <c r="AL8" s="304" t="s">
        <v>45</v>
      </c>
      <c r="AM8" s="44" t="s">
        <v>83</v>
      </c>
      <c r="AN8" s="41" t="s">
        <v>47</v>
      </c>
      <c r="AO8" s="41" t="s">
        <v>48</v>
      </c>
      <c r="AP8" s="41" t="s">
        <v>49</v>
      </c>
      <c r="AQ8" s="41" t="s">
        <v>50</v>
      </c>
      <c r="AR8" s="41" t="s">
        <v>51</v>
      </c>
      <c r="AS8" s="42" t="s">
        <v>45</v>
      </c>
      <c r="AT8" s="655"/>
      <c r="AU8" s="43" t="s">
        <v>43</v>
      </c>
      <c r="AV8" s="41" t="s">
        <v>44</v>
      </c>
      <c r="AW8" s="304" t="s">
        <v>45</v>
      </c>
      <c r="AX8" s="44" t="s">
        <v>83</v>
      </c>
      <c r="AY8" s="41" t="s">
        <v>47</v>
      </c>
      <c r="AZ8" s="41" t="s">
        <v>48</v>
      </c>
      <c r="BA8" s="41" t="s">
        <v>49</v>
      </c>
      <c r="BB8" s="41" t="s">
        <v>50</v>
      </c>
      <c r="BC8" s="41" t="s">
        <v>51</v>
      </c>
      <c r="BD8" s="42" t="s">
        <v>45</v>
      </c>
      <c r="BE8" s="655"/>
      <c r="BF8" s="305" t="s">
        <v>43</v>
      </c>
      <c r="BG8" s="41" t="s">
        <v>44</v>
      </c>
      <c r="BH8" s="304" t="s">
        <v>45</v>
      </c>
      <c r="BI8" s="44" t="s">
        <v>83</v>
      </c>
      <c r="BJ8" s="41" t="s">
        <v>47</v>
      </c>
      <c r="BK8" s="41" t="s">
        <v>48</v>
      </c>
      <c r="BL8" s="41" t="s">
        <v>49</v>
      </c>
      <c r="BM8" s="41" t="s">
        <v>50</v>
      </c>
      <c r="BN8" s="41" t="s">
        <v>51</v>
      </c>
      <c r="BO8" s="42" t="s">
        <v>45</v>
      </c>
      <c r="BP8" s="655"/>
      <c r="BQ8" s="43" t="s">
        <v>43</v>
      </c>
      <c r="BR8" s="41" t="s">
        <v>44</v>
      </c>
      <c r="BS8" s="304" t="s">
        <v>45</v>
      </c>
      <c r="BT8" s="44" t="s">
        <v>83</v>
      </c>
      <c r="BU8" s="41" t="s">
        <v>47</v>
      </c>
      <c r="BV8" s="41" t="s">
        <v>48</v>
      </c>
      <c r="BW8" s="41" t="s">
        <v>49</v>
      </c>
      <c r="BX8" s="41" t="s">
        <v>50</v>
      </c>
      <c r="BY8" s="41" t="s">
        <v>51</v>
      </c>
      <c r="BZ8" s="42" t="s">
        <v>45</v>
      </c>
      <c r="CA8" s="655"/>
      <c r="CB8" s="43" t="s">
        <v>43</v>
      </c>
      <c r="CC8" s="41" t="s">
        <v>44</v>
      </c>
      <c r="CD8" s="304" t="s">
        <v>45</v>
      </c>
      <c r="CE8" s="44" t="s">
        <v>83</v>
      </c>
      <c r="CF8" s="41" t="s">
        <v>47</v>
      </c>
      <c r="CG8" s="41" t="s">
        <v>48</v>
      </c>
      <c r="CH8" s="41" t="s">
        <v>49</v>
      </c>
      <c r="CI8" s="41" t="s">
        <v>50</v>
      </c>
      <c r="CJ8" s="41" t="s">
        <v>51</v>
      </c>
      <c r="CK8" s="42" t="s">
        <v>45</v>
      </c>
      <c r="CL8" s="679"/>
      <c r="CM8" s="43" t="s">
        <v>43</v>
      </c>
      <c r="CN8" s="41" t="s">
        <v>44</v>
      </c>
      <c r="CO8" s="42" t="s">
        <v>45</v>
      </c>
      <c r="CP8" s="44" t="s">
        <v>83</v>
      </c>
      <c r="CQ8" s="41" t="s">
        <v>47</v>
      </c>
      <c r="CR8" s="41" t="s">
        <v>48</v>
      </c>
      <c r="CS8" s="41" t="s">
        <v>49</v>
      </c>
      <c r="CT8" s="41" t="s">
        <v>50</v>
      </c>
      <c r="CU8" s="41" t="s">
        <v>51</v>
      </c>
      <c r="CV8" s="42" t="s">
        <v>45</v>
      </c>
      <c r="CW8" s="679"/>
      <c r="CX8" s="43" t="s">
        <v>43</v>
      </c>
      <c r="CY8" s="41" t="s">
        <v>44</v>
      </c>
      <c r="CZ8" s="42" t="s">
        <v>45</v>
      </c>
      <c r="DA8" s="44" t="s">
        <v>83</v>
      </c>
      <c r="DB8" s="41" t="s">
        <v>47</v>
      </c>
      <c r="DC8" s="41" t="s">
        <v>48</v>
      </c>
      <c r="DD8" s="41" t="s">
        <v>49</v>
      </c>
      <c r="DE8" s="41" t="s">
        <v>50</v>
      </c>
      <c r="DF8" s="41" t="s">
        <v>51</v>
      </c>
      <c r="DG8" s="42" t="s">
        <v>45</v>
      </c>
      <c r="DH8" s="679"/>
      <c r="DI8" s="43" t="s">
        <v>43</v>
      </c>
      <c r="DJ8" s="41" t="s">
        <v>44</v>
      </c>
      <c r="DK8" s="42" t="s">
        <v>45</v>
      </c>
      <c r="DL8" s="44" t="s">
        <v>83</v>
      </c>
      <c r="DM8" s="41" t="s">
        <v>47</v>
      </c>
      <c r="DN8" s="41" t="s">
        <v>48</v>
      </c>
      <c r="DO8" s="41" t="s">
        <v>49</v>
      </c>
      <c r="DP8" s="41" t="s">
        <v>50</v>
      </c>
      <c r="DQ8" s="41" t="s">
        <v>51</v>
      </c>
      <c r="DR8" s="42" t="s">
        <v>45</v>
      </c>
      <c r="DS8" s="679"/>
      <c r="DT8" s="43" t="s">
        <v>43</v>
      </c>
      <c r="DU8" s="41" t="s">
        <v>44</v>
      </c>
      <c r="DV8" s="304" t="s">
        <v>45</v>
      </c>
      <c r="DW8" s="44" t="s">
        <v>83</v>
      </c>
      <c r="DX8" s="41" t="s">
        <v>47</v>
      </c>
      <c r="DY8" s="41" t="s">
        <v>48</v>
      </c>
      <c r="DZ8" s="41" t="s">
        <v>49</v>
      </c>
      <c r="EA8" s="41" t="s">
        <v>50</v>
      </c>
      <c r="EB8" s="41" t="s">
        <v>51</v>
      </c>
      <c r="EC8" s="42" t="s">
        <v>45</v>
      </c>
      <c r="ED8" s="655"/>
      <c r="EE8" s="43" t="s">
        <v>43</v>
      </c>
      <c r="EF8" s="41" t="s">
        <v>44</v>
      </c>
      <c r="EG8" s="304" t="s">
        <v>45</v>
      </c>
      <c r="EH8" s="44" t="s">
        <v>83</v>
      </c>
      <c r="EI8" s="41" t="s">
        <v>47</v>
      </c>
      <c r="EJ8" s="41" t="s">
        <v>48</v>
      </c>
      <c r="EK8" s="41" t="s">
        <v>49</v>
      </c>
      <c r="EL8" s="41" t="s">
        <v>50</v>
      </c>
      <c r="EM8" s="41" t="s">
        <v>51</v>
      </c>
      <c r="EN8" s="42" t="s">
        <v>45</v>
      </c>
      <c r="EO8" s="655"/>
      <c r="EP8" s="43" t="s">
        <v>43</v>
      </c>
      <c r="EQ8" s="41" t="s">
        <v>44</v>
      </c>
      <c r="ER8" s="304" t="s">
        <v>45</v>
      </c>
      <c r="ES8" s="44" t="s">
        <v>83</v>
      </c>
      <c r="ET8" s="41" t="s">
        <v>47</v>
      </c>
      <c r="EU8" s="41" t="s">
        <v>48</v>
      </c>
      <c r="EV8" s="41" t="s">
        <v>49</v>
      </c>
      <c r="EW8" s="41" t="s">
        <v>50</v>
      </c>
      <c r="EX8" s="41" t="s">
        <v>51</v>
      </c>
      <c r="EY8" s="42" t="s">
        <v>45</v>
      </c>
      <c r="EZ8" s="655"/>
      <c r="FA8" s="43" t="s">
        <v>43</v>
      </c>
      <c r="FB8" s="41" t="s">
        <v>44</v>
      </c>
      <c r="FC8" s="304" t="s">
        <v>45</v>
      </c>
      <c r="FD8" s="44" t="s">
        <v>83</v>
      </c>
      <c r="FE8" s="41" t="s">
        <v>47</v>
      </c>
      <c r="FF8" s="41" t="s">
        <v>48</v>
      </c>
      <c r="FG8" s="41" t="s">
        <v>49</v>
      </c>
      <c r="FH8" s="41" t="s">
        <v>50</v>
      </c>
      <c r="FI8" s="41" t="s">
        <v>51</v>
      </c>
      <c r="FJ8" s="42" t="s">
        <v>45</v>
      </c>
      <c r="FK8" s="655"/>
      <c r="FL8" s="43" t="s">
        <v>43</v>
      </c>
      <c r="FM8" s="41" t="s">
        <v>44</v>
      </c>
      <c r="FN8" s="304" t="s">
        <v>45</v>
      </c>
      <c r="FO8" s="44" t="s">
        <v>83</v>
      </c>
      <c r="FP8" s="41" t="s">
        <v>47</v>
      </c>
      <c r="FQ8" s="41" t="s">
        <v>48</v>
      </c>
      <c r="FR8" s="41" t="s">
        <v>49</v>
      </c>
      <c r="FS8" s="41" t="s">
        <v>50</v>
      </c>
      <c r="FT8" s="41" t="s">
        <v>51</v>
      </c>
      <c r="FU8" s="42" t="s">
        <v>45</v>
      </c>
      <c r="FV8" s="671"/>
      <c r="FW8" s="43" t="s">
        <v>43</v>
      </c>
      <c r="FX8" s="41" t="s">
        <v>44</v>
      </c>
      <c r="FY8" s="304" t="s">
        <v>45</v>
      </c>
      <c r="FZ8" s="44" t="s">
        <v>83</v>
      </c>
      <c r="GA8" s="41" t="s">
        <v>47</v>
      </c>
      <c r="GB8" s="41" t="s">
        <v>48</v>
      </c>
      <c r="GC8" s="41" t="s">
        <v>49</v>
      </c>
      <c r="GD8" s="41" t="s">
        <v>50</v>
      </c>
      <c r="GE8" s="41" t="s">
        <v>51</v>
      </c>
      <c r="GF8" s="42" t="s">
        <v>45</v>
      </c>
      <c r="GG8" s="655"/>
      <c r="GH8" s="43" t="s">
        <v>43</v>
      </c>
      <c r="GI8" s="41" t="s">
        <v>44</v>
      </c>
      <c r="GJ8" s="304" t="s">
        <v>45</v>
      </c>
      <c r="GK8" s="44" t="s">
        <v>83</v>
      </c>
      <c r="GL8" s="41" t="s">
        <v>47</v>
      </c>
      <c r="GM8" s="41" t="s">
        <v>48</v>
      </c>
      <c r="GN8" s="41" t="s">
        <v>49</v>
      </c>
      <c r="GO8" s="41" t="s">
        <v>50</v>
      </c>
      <c r="GP8" s="41" t="s">
        <v>51</v>
      </c>
      <c r="GQ8" s="42" t="s">
        <v>45</v>
      </c>
      <c r="GR8" s="657"/>
      <c r="GS8" s="43" t="s">
        <v>43</v>
      </c>
      <c r="GT8" s="41" t="s">
        <v>44</v>
      </c>
      <c r="GU8" s="304" t="s">
        <v>45</v>
      </c>
      <c r="GV8" s="44" t="s">
        <v>83</v>
      </c>
      <c r="GW8" s="41" t="s">
        <v>47</v>
      </c>
      <c r="GX8" s="41" t="s">
        <v>48</v>
      </c>
      <c r="GY8" s="41" t="s">
        <v>49</v>
      </c>
      <c r="GZ8" s="41" t="s">
        <v>50</v>
      </c>
      <c r="HA8" s="41" t="s">
        <v>51</v>
      </c>
      <c r="HB8" s="42" t="s">
        <v>45</v>
      </c>
      <c r="HC8" s="657"/>
      <c r="HD8" s="43" t="s">
        <v>43</v>
      </c>
      <c r="HE8" s="41" t="s">
        <v>44</v>
      </c>
      <c r="HF8" s="304" t="s">
        <v>45</v>
      </c>
      <c r="HG8" s="44" t="s">
        <v>83</v>
      </c>
      <c r="HH8" s="41" t="s">
        <v>47</v>
      </c>
      <c r="HI8" s="41" t="s">
        <v>48</v>
      </c>
      <c r="HJ8" s="41" t="s">
        <v>49</v>
      </c>
      <c r="HK8" s="41" t="s">
        <v>50</v>
      </c>
      <c r="HL8" s="41" t="s">
        <v>51</v>
      </c>
      <c r="HM8" s="42" t="s">
        <v>45</v>
      </c>
      <c r="HN8" s="655"/>
      <c r="HO8" s="43" t="s">
        <v>43</v>
      </c>
      <c r="HP8" s="41" t="s">
        <v>44</v>
      </c>
      <c r="HQ8" s="304" t="s">
        <v>45</v>
      </c>
      <c r="HR8" s="44" t="s">
        <v>83</v>
      </c>
      <c r="HS8" s="41" t="s">
        <v>47</v>
      </c>
      <c r="HT8" s="41" t="s">
        <v>48</v>
      </c>
      <c r="HU8" s="41" t="s">
        <v>49</v>
      </c>
      <c r="HV8" s="41" t="s">
        <v>50</v>
      </c>
      <c r="HW8" s="41" t="s">
        <v>51</v>
      </c>
      <c r="HX8" s="42" t="s">
        <v>45</v>
      </c>
      <c r="HY8" s="655"/>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1:409" s="444" customFormat="1" ht="21" customHeight="1" x14ac:dyDescent="0.2">
      <c r="A9" s="39"/>
      <c r="B9" s="470" t="s">
        <v>4</v>
      </c>
      <c r="C9" s="360">
        <v>28102734</v>
      </c>
      <c r="D9" s="361">
        <v>47271785</v>
      </c>
      <c r="E9" s="362">
        <v>75374519</v>
      </c>
      <c r="F9" s="363">
        <v>0</v>
      </c>
      <c r="G9" s="361">
        <v>296861292</v>
      </c>
      <c r="H9" s="361">
        <v>399752416</v>
      </c>
      <c r="I9" s="361">
        <v>354141548</v>
      </c>
      <c r="J9" s="361">
        <v>315804396</v>
      </c>
      <c r="K9" s="361">
        <v>214126385</v>
      </c>
      <c r="L9" s="364">
        <v>1580686037</v>
      </c>
      <c r="M9" s="365">
        <v>1656060556</v>
      </c>
      <c r="N9" s="360">
        <v>7498046</v>
      </c>
      <c r="O9" s="361">
        <v>15520685</v>
      </c>
      <c r="P9" s="366">
        <v>23018731</v>
      </c>
      <c r="Q9" s="360">
        <v>0</v>
      </c>
      <c r="R9" s="361">
        <v>94491977</v>
      </c>
      <c r="S9" s="361">
        <v>135668910</v>
      </c>
      <c r="T9" s="361">
        <v>116673332</v>
      </c>
      <c r="U9" s="361">
        <v>114809361</v>
      </c>
      <c r="V9" s="361">
        <v>105284719</v>
      </c>
      <c r="W9" s="366">
        <v>566928299</v>
      </c>
      <c r="X9" s="365">
        <v>589947030</v>
      </c>
      <c r="Y9" s="360">
        <v>0</v>
      </c>
      <c r="Z9" s="361">
        <v>0</v>
      </c>
      <c r="AA9" s="366">
        <v>0</v>
      </c>
      <c r="AB9" s="367">
        <v>0</v>
      </c>
      <c r="AC9" s="368">
        <v>40121363</v>
      </c>
      <c r="AD9" s="368">
        <v>56519931</v>
      </c>
      <c r="AE9" s="368">
        <v>56844648</v>
      </c>
      <c r="AF9" s="368">
        <v>59802502</v>
      </c>
      <c r="AG9" s="368">
        <v>56195418</v>
      </c>
      <c r="AH9" s="366">
        <v>269483862</v>
      </c>
      <c r="AI9" s="365">
        <v>269483862</v>
      </c>
      <c r="AJ9" s="369">
        <v>0</v>
      </c>
      <c r="AK9" s="368">
        <v>18360</v>
      </c>
      <c r="AL9" s="366">
        <v>18360</v>
      </c>
      <c r="AM9" s="367">
        <v>0</v>
      </c>
      <c r="AN9" s="368">
        <v>192212</v>
      </c>
      <c r="AO9" s="364">
        <v>1401851</v>
      </c>
      <c r="AP9" s="368">
        <v>3373740</v>
      </c>
      <c r="AQ9" s="368">
        <v>6737490</v>
      </c>
      <c r="AR9" s="368">
        <v>12560007</v>
      </c>
      <c r="AS9" s="366">
        <v>24265300</v>
      </c>
      <c r="AT9" s="365">
        <v>24283660</v>
      </c>
      <c r="AU9" s="369">
        <v>3601360</v>
      </c>
      <c r="AV9" s="368">
        <v>10354673</v>
      </c>
      <c r="AW9" s="366">
        <v>13956033</v>
      </c>
      <c r="AX9" s="367">
        <v>0</v>
      </c>
      <c r="AY9" s="368">
        <v>34302588</v>
      </c>
      <c r="AZ9" s="368">
        <v>53153971</v>
      </c>
      <c r="BA9" s="368">
        <v>35265708</v>
      </c>
      <c r="BB9" s="368">
        <v>28458299</v>
      </c>
      <c r="BC9" s="368">
        <v>23704154</v>
      </c>
      <c r="BD9" s="366">
        <v>174884720</v>
      </c>
      <c r="BE9" s="370">
        <v>188840753</v>
      </c>
      <c r="BF9" s="369">
        <v>389182</v>
      </c>
      <c r="BG9" s="364">
        <v>1761764</v>
      </c>
      <c r="BH9" s="371">
        <v>2150946</v>
      </c>
      <c r="BI9" s="367">
        <v>0</v>
      </c>
      <c r="BJ9" s="368">
        <v>2726434</v>
      </c>
      <c r="BK9" s="368">
        <v>4432405</v>
      </c>
      <c r="BL9" s="368">
        <v>2640426</v>
      </c>
      <c r="BM9" s="368">
        <v>2532590</v>
      </c>
      <c r="BN9" s="368">
        <v>844007</v>
      </c>
      <c r="BO9" s="366">
        <v>13175862</v>
      </c>
      <c r="BP9" s="365">
        <v>15326808</v>
      </c>
      <c r="BQ9" s="369">
        <v>3507504</v>
      </c>
      <c r="BR9" s="368">
        <v>3385888</v>
      </c>
      <c r="BS9" s="366">
        <v>6893392</v>
      </c>
      <c r="BT9" s="367">
        <v>0</v>
      </c>
      <c r="BU9" s="368">
        <v>17149380</v>
      </c>
      <c r="BV9" s="368">
        <v>20160752</v>
      </c>
      <c r="BW9" s="368">
        <v>18548810</v>
      </c>
      <c r="BX9" s="368">
        <v>17278480</v>
      </c>
      <c r="BY9" s="368">
        <v>11981133</v>
      </c>
      <c r="BZ9" s="366">
        <v>85118555</v>
      </c>
      <c r="CA9" s="365">
        <v>92011947</v>
      </c>
      <c r="CB9" s="369">
        <v>2957793</v>
      </c>
      <c r="CC9" s="368">
        <v>6962486</v>
      </c>
      <c r="CD9" s="366">
        <v>9920279</v>
      </c>
      <c r="CE9" s="367">
        <v>0</v>
      </c>
      <c r="CF9" s="368">
        <v>90149660</v>
      </c>
      <c r="CG9" s="368">
        <v>117828109</v>
      </c>
      <c r="CH9" s="372">
        <v>83214067</v>
      </c>
      <c r="CI9" s="368">
        <v>50252979</v>
      </c>
      <c r="CJ9" s="368">
        <v>21535267</v>
      </c>
      <c r="CK9" s="366">
        <v>362980082</v>
      </c>
      <c r="CL9" s="365">
        <v>372900361</v>
      </c>
      <c r="CM9" s="360">
        <v>0</v>
      </c>
      <c r="CN9" s="361">
        <v>0</v>
      </c>
      <c r="CO9" s="366">
        <v>0</v>
      </c>
      <c r="CP9" s="367">
        <v>0</v>
      </c>
      <c r="CQ9" s="368">
        <v>74364916</v>
      </c>
      <c r="CR9" s="368">
        <v>86843406</v>
      </c>
      <c r="CS9" s="368">
        <v>57965142</v>
      </c>
      <c r="CT9" s="368">
        <v>35568803</v>
      </c>
      <c r="CU9" s="368">
        <v>16121233</v>
      </c>
      <c r="CV9" s="373">
        <v>270863500</v>
      </c>
      <c r="CW9" s="365">
        <v>270863500</v>
      </c>
      <c r="CX9" s="369">
        <v>2957793</v>
      </c>
      <c r="CY9" s="368">
        <v>6962486</v>
      </c>
      <c r="CZ9" s="366">
        <v>9920279</v>
      </c>
      <c r="DA9" s="367">
        <v>0</v>
      </c>
      <c r="DB9" s="368">
        <v>15784744</v>
      </c>
      <c r="DC9" s="368">
        <v>30984703</v>
      </c>
      <c r="DD9" s="368">
        <v>25248925</v>
      </c>
      <c r="DE9" s="368">
        <v>14684176</v>
      </c>
      <c r="DF9" s="368">
        <v>5414034</v>
      </c>
      <c r="DG9" s="366">
        <v>92116582</v>
      </c>
      <c r="DH9" s="365">
        <v>102036861</v>
      </c>
      <c r="DI9" s="369">
        <v>232912</v>
      </c>
      <c r="DJ9" s="368">
        <v>946731</v>
      </c>
      <c r="DK9" s="371">
        <v>1179643</v>
      </c>
      <c r="DL9" s="367">
        <v>0</v>
      </c>
      <c r="DM9" s="368">
        <v>10590939</v>
      </c>
      <c r="DN9" s="368">
        <v>19987400</v>
      </c>
      <c r="DO9" s="368">
        <v>33973795</v>
      </c>
      <c r="DP9" s="368">
        <v>30525945</v>
      </c>
      <c r="DQ9" s="368">
        <v>11691934</v>
      </c>
      <c r="DR9" s="374">
        <v>106770013</v>
      </c>
      <c r="DS9" s="365">
        <v>107949656</v>
      </c>
      <c r="DT9" s="369">
        <v>125036</v>
      </c>
      <c r="DU9" s="368">
        <v>709076</v>
      </c>
      <c r="DV9" s="366">
        <v>834112</v>
      </c>
      <c r="DW9" s="367">
        <v>0</v>
      </c>
      <c r="DX9" s="368">
        <v>9378163</v>
      </c>
      <c r="DY9" s="368">
        <v>16363157</v>
      </c>
      <c r="DZ9" s="368">
        <v>28080268</v>
      </c>
      <c r="EA9" s="368">
        <v>25964318</v>
      </c>
      <c r="EB9" s="368">
        <v>9457359</v>
      </c>
      <c r="EC9" s="366">
        <v>89243265</v>
      </c>
      <c r="ED9" s="365">
        <v>90077377</v>
      </c>
      <c r="EE9" s="369">
        <v>107876</v>
      </c>
      <c r="EF9" s="364">
        <v>237655</v>
      </c>
      <c r="EG9" s="366">
        <v>345531</v>
      </c>
      <c r="EH9" s="370">
        <v>0</v>
      </c>
      <c r="EI9" s="368">
        <v>1212776</v>
      </c>
      <c r="EJ9" s="368">
        <v>3624243</v>
      </c>
      <c r="EK9" s="368">
        <v>5893527</v>
      </c>
      <c r="EL9" s="368">
        <v>4561627</v>
      </c>
      <c r="EM9" s="372">
        <v>2234575</v>
      </c>
      <c r="EN9" s="364">
        <v>17526748</v>
      </c>
      <c r="EO9" s="365">
        <v>17872279</v>
      </c>
      <c r="EP9" s="369">
        <v>0</v>
      </c>
      <c r="EQ9" s="368">
        <v>0</v>
      </c>
      <c r="ER9" s="364">
        <v>0</v>
      </c>
      <c r="ES9" s="367">
        <v>0</v>
      </c>
      <c r="ET9" s="368">
        <v>0</v>
      </c>
      <c r="EU9" s="368">
        <v>0</v>
      </c>
      <c r="EV9" s="368">
        <v>0</v>
      </c>
      <c r="EW9" s="368">
        <v>0</v>
      </c>
      <c r="EX9" s="368">
        <v>0</v>
      </c>
      <c r="EY9" s="373">
        <v>0</v>
      </c>
      <c r="EZ9" s="365">
        <v>0</v>
      </c>
      <c r="FA9" s="369">
        <v>0</v>
      </c>
      <c r="FB9" s="368">
        <v>0</v>
      </c>
      <c r="FC9" s="364">
        <v>0</v>
      </c>
      <c r="FD9" s="375">
        <v>0</v>
      </c>
      <c r="FE9" s="368">
        <v>0</v>
      </c>
      <c r="FF9" s="368">
        <v>0</v>
      </c>
      <c r="FG9" s="368">
        <v>0</v>
      </c>
      <c r="FH9" s="368">
        <v>0</v>
      </c>
      <c r="FI9" s="368">
        <v>0</v>
      </c>
      <c r="FJ9" s="373">
        <v>0</v>
      </c>
      <c r="FK9" s="365">
        <v>0</v>
      </c>
      <c r="FL9" s="369">
        <v>6887392</v>
      </c>
      <c r="FM9" s="368">
        <v>11555508</v>
      </c>
      <c r="FN9" s="366">
        <v>18442900</v>
      </c>
      <c r="FO9" s="367">
        <v>0</v>
      </c>
      <c r="FP9" s="368">
        <v>14845895</v>
      </c>
      <c r="FQ9" s="368">
        <v>39547341</v>
      </c>
      <c r="FR9" s="368">
        <v>29333236</v>
      </c>
      <c r="FS9" s="368">
        <v>24380325</v>
      </c>
      <c r="FT9" s="368">
        <v>15980804</v>
      </c>
      <c r="FU9" s="366">
        <v>124087601</v>
      </c>
      <c r="FV9" s="365">
        <v>142530501</v>
      </c>
      <c r="FW9" s="369">
        <v>2642760</v>
      </c>
      <c r="FX9" s="368">
        <v>7096080</v>
      </c>
      <c r="FY9" s="364">
        <v>9738840</v>
      </c>
      <c r="FZ9" s="370">
        <v>0</v>
      </c>
      <c r="GA9" s="368">
        <v>10407224</v>
      </c>
      <c r="GB9" s="376">
        <v>34987480</v>
      </c>
      <c r="GC9" s="368">
        <v>26631200</v>
      </c>
      <c r="GD9" s="376">
        <v>22963320</v>
      </c>
      <c r="GE9" s="368">
        <v>14986000</v>
      </c>
      <c r="GF9" s="373">
        <v>109975224</v>
      </c>
      <c r="GG9" s="377">
        <v>119714064</v>
      </c>
      <c r="GH9" s="378">
        <v>284119</v>
      </c>
      <c r="GI9" s="368">
        <v>629972</v>
      </c>
      <c r="GJ9" s="376">
        <v>914091</v>
      </c>
      <c r="GK9" s="363">
        <v>0</v>
      </c>
      <c r="GL9" s="368">
        <v>833529</v>
      </c>
      <c r="GM9" s="364">
        <v>925129</v>
      </c>
      <c r="GN9" s="368">
        <v>895097</v>
      </c>
      <c r="GO9" s="364">
        <v>395005</v>
      </c>
      <c r="GP9" s="368">
        <v>302004</v>
      </c>
      <c r="GQ9" s="374">
        <v>3350764</v>
      </c>
      <c r="GR9" s="365">
        <v>4264855</v>
      </c>
      <c r="GS9" s="364">
        <v>3960513</v>
      </c>
      <c r="GT9" s="368">
        <v>3829456</v>
      </c>
      <c r="GU9" s="366">
        <v>7789969</v>
      </c>
      <c r="GV9" s="364">
        <v>0</v>
      </c>
      <c r="GW9" s="368">
        <v>3605142</v>
      </c>
      <c r="GX9" s="364">
        <v>3634732</v>
      </c>
      <c r="GY9" s="368">
        <v>1806939</v>
      </c>
      <c r="GZ9" s="364">
        <v>1022000</v>
      </c>
      <c r="HA9" s="368">
        <v>692800</v>
      </c>
      <c r="HB9" s="364">
        <v>10761613</v>
      </c>
      <c r="HC9" s="365">
        <v>18551582</v>
      </c>
      <c r="HD9" s="364">
        <v>10526591</v>
      </c>
      <c r="HE9" s="368">
        <v>12286375</v>
      </c>
      <c r="HF9" s="364">
        <v>22812966</v>
      </c>
      <c r="HG9" s="370">
        <v>0</v>
      </c>
      <c r="HH9" s="368">
        <v>86782821</v>
      </c>
      <c r="HI9" s="376">
        <v>86720656</v>
      </c>
      <c r="HJ9" s="368">
        <v>90947118</v>
      </c>
      <c r="HK9" s="376">
        <v>95835786</v>
      </c>
      <c r="HL9" s="368">
        <v>59633661</v>
      </c>
      <c r="HM9" s="373">
        <v>419920042</v>
      </c>
      <c r="HN9" s="364">
        <v>442733008</v>
      </c>
      <c r="HO9" s="439"/>
      <c r="HP9" s="440"/>
      <c r="HQ9" s="441"/>
      <c r="HR9" s="442"/>
      <c r="HS9" s="440"/>
      <c r="HT9" s="442"/>
      <c r="HU9" s="440"/>
      <c r="HV9" s="442"/>
      <c r="HW9" s="440"/>
      <c r="HX9" s="442"/>
      <c r="HY9" s="443"/>
      <c r="HZ9" s="379">
        <v>567200</v>
      </c>
      <c r="IA9" s="380">
        <v>497240</v>
      </c>
      <c r="IB9" s="381">
        <v>1064440</v>
      </c>
      <c r="IC9" s="382">
        <v>0</v>
      </c>
      <c r="ID9" s="380">
        <v>79121642</v>
      </c>
      <c r="IE9" s="383">
        <v>102570152</v>
      </c>
      <c r="IF9" s="384">
        <v>109678946</v>
      </c>
      <c r="IG9" s="380">
        <v>82306817</v>
      </c>
      <c r="IH9" s="384">
        <v>62277003</v>
      </c>
      <c r="II9" s="385">
        <v>435954560</v>
      </c>
      <c r="IJ9" s="386">
        <v>437019000</v>
      </c>
      <c r="IK9" s="387">
        <v>0</v>
      </c>
      <c r="IL9" s="388">
        <v>0</v>
      </c>
      <c r="IM9" s="389">
        <v>0</v>
      </c>
      <c r="IN9" s="390"/>
      <c r="IO9" s="391">
        <v>1566890</v>
      </c>
      <c r="IP9" s="391">
        <v>2610084</v>
      </c>
      <c r="IQ9" s="391">
        <v>4167200</v>
      </c>
      <c r="IR9" s="391">
        <v>5750200</v>
      </c>
      <c r="IS9" s="391">
        <v>5633862</v>
      </c>
      <c r="IT9" s="392">
        <v>19728236</v>
      </c>
      <c r="IU9" s="393">
        <v>19728236</v>
      </c>
      <c r="IV9" s="394">
        <v>0</v>
      </c>
      <c r="IW9" s="391">
        <v>0</v>
      </c>
      <c r="IX9" s="395">
        <v>0</v>
      </c>
      <c r="IY9" s="396"/>
      <c r="IZ9" s="391">
        <v>242717</v>
      </c>
      <c r="JA9" s="391">
        <v>639949</v>
      </c>
      <c r="JB9" s="391">
        <v>895896</v>
      </c>
      <c r="JC9" s="391">
        <v>897407</v>
      </c>
      <c r="JD9" s="391">
        <v>737320</v>
      </c>
      <c r="JE9" s="395">
        <v>3413289</v>
      </c>
      <c r="JF9" s="397">
        <v>3413289</v>
      </c>
      <c r="JG9" s="394">
        <v>0</v>
      </c>
      <c r="JH9" s="391">
        <v>0</v>
      </c>
      <c r="JI9" s="392">
        <v>0</v>
      </c>
      <c r="JJ9" s="398">
        <v>0</v>
      </c>
      <c r="JK9" s="391">
        <v>35508066</v>
      </c>
      <c r="JL9" s="391">
        <v>37993115</v>
      </c>
      <c r="JM9" s="391">
        <v>28300290</v>
      </c>
      <c r="JN9" s="391">
        <v>13601973</v>
      </c>
      <c r="JO9" s="391">
        <v>11194510</v>
      </c>
      <c r="JP9" s="395">
        <v>126597954</v>
      </c>
      <c r="JQ9" s="393">
        <v>126597954</v>
      </c>
      <c r="JR9" s="394">
        <v>56260</v>
      </c>
      <c r="JS9" s="391">
        <v>18130</v>
      </c>
      <c r="JT9" s="392">
        <v>74390</v>
      </c>
      <c r="JU9" s="398">
        <v>0</v>
      </c>
      <c r="JV9" s="391">
        <v>5705061</v>
      </c>
      <c r="JW9" s="391">
        <v>6858048</v>
      </c>
      <c r="JX9" s="391">
        <v>9699918</v>
      </c>
      <c r="JY9" s="391">
        <v>4484747</v>
      </c>
      <c r="JZ9" s="391">
        <v>3636511</v>
      </c>
      <c r="KA9" s="395">
        <v>30384285</v>
      </c>
      <c r="KB9" s="393">
        <v>30458675</v>
      </c>
      <c r="KC9" s="399">
        <v>510940</v>
      </c>
      <c r="KD9" s="400">
        <v>479110</v>
      </c>
      <c r="KE9" s="395">
        <v>990050</v>
      </c>
      <c r="KF9" s="398">
        <v>0</v>
      </c>
      <c r="KG9" s="391">
        <v>9727846</v>
      </c>
      <c r="KH9" s="391">
        <v>12535013</v>
      </c>
      <c r="KI9" s="391">
        <v>18449821</v>
      </c>
      <c r="KJ9" s="391">
        <v>10853868</v>
      </c>
      <c r="KK9" s="391">
        <v>6147761</v>
      </c>
      <c r="KL9" s="395">
        <v>57714309</v>
      </c>
      <c r="KM9" s="401">
        <v>58704359</v>
      </c>
      <c r="KN9" s="387">
        <v>0</v>
      </c>
      <c r="KO9" s="388">
        <v>0</v>
      </c>
      <c r="KP9" s="389">
        <v>0</v>
      </c>
      <c r="KQ9" s="390"/>
      <c r="KR9" s="391">
        <v>23317678</v>
      </c>
      <c r="KS9" s="391">
        <v>35971999</v>
      </c>
      <c r="KT9" s="391">
        <v>38312087</v>
      </c>
      <c r="KU9" s="391">
        <v>28513447</v>
      </c>
      <c r="KV9" s="391">
        <v>19981910</v>
      </c>
      <c r="KW9" s="395">
        <v>146097121</v>
      </c>
      <c r="KX9" s="393">
        <v>146097121</v>
      </c>
      <c r="KY9" s="394">
        <v>0</v>
      </c>
      <c r="KZ9" s="391">
        <v>0</v>
      </c>
      <c r="LA9" s="395">
        <v>0</v>
      </c>
      <c r="LB9" s="402"/>
      <c r="LC9" s="391">
        <v>321021</v>
      </c>
      <c r="LD9" s="391">
        <v>1084610</v>
      </c>
      <c r="LE9" s="391">
        <v>1571636</v>
      </c>
      <c r="LF9" s="391">
        <v>1258499</v>
      </c>
      <c r="LG9" s="391">
        <v>896498</v>
      </c>
      <c r="LH9" s="395">
        <v>5132264</v>
      </c>
      <c r="LI9" s="397">
        <v>5132264</v>
      </c>
      <c r="LJ9" s="394">
        <v>0</v>
      </c>
      <c r="LK9" s="391">
        <v>0</v>
      </c>
      <c r="LL9" s="395">
        <v>0</v>
      </c>
      <c r="LM9" s="402"/>
      <c r="LN9" s="391">
        <v>0</v>
      </c>
      <c r="LO9" s="391">
        <v>463007</v>
      </c>
      <c r="LP9" s="391">
        <v>3395518</v>
      </c>
      <c r="LQ9" s="391">
        <v>6950124</v>
      </c>
      <c r="LR9" s="391">
        <v>2292030</v>
      </c>
      <c r="LS9" s="395">
        <v>13100679</v>
      </c>
      <c r="LT9" s="393">
        <v>13100679</v>
      </c>
      <c r="LU9" s="394">
        <v>0</v>
      </c>
      <c r="LV9" s="391">
        <v>0</v>
      </c>
      <c r="LW9" s="395">
        <v>0</v>
      </c>
      <c r="LX9" s="402"/>
      <c r="LY9" s="391">
        <v>2732363</v>
      </c>
      <c r="LZ9" s="391">
        <v>4414327</v>
      </c>
      <c r="MA9" s="391">
        <v>4886580</v>
      </c>
      <c r="MB9" s="391">
        <v>9996552</v>
      </c>
      <c r="MC9" s="391">
        <v>11756601</v>
      </c>
      <c r="MD9" s="395">
        <v>33786423</v>
      </c>
      <c r="ME9" s="397">
        <v>33786423</v>
      </c>
      <c r="MF9" s="394">
        <v>0</v>
      </c>
      <c r="MG9" s="391">
        <v>0</v>
      </c>
      <c r="MH9" s="395">
        <v>0</v>
      </c>
      <c r="MI9" s="402"/>
      <c r="MJ9" s="391">
        <v>24231072</v>
      </c>
      <c r="MK9" s="391">
        <v>61425811</v>
      </c>
      <c r="ML9" s="391">
        <v>189214495</v>
      </c>
      <c r="MM9" s="391">
        <v>286349609</v>
      </c>
      <c r="MN9" s="391">
        <v>157772296</v>
      </c>
      <c r="MO9" s="395">
        <v>718993283</v>
      </c>
      <c r="MP9" s="401">
        <v>718993283</v>
      </c>
      <c r="MQ9" s="394">
        <v>0</v>
      </c>
      <c r="MR9" s="391">
        <v>0</v>
      </c>
      <c r="MS9" s="395">
        <v>0</v>
      </c>
      <c r="MT9" s="402"/>
      <c r="MU9" s="391">
        <v>2421454</v>
      </c>
      <c r="MV9" s="391">
        <v>12663613</v>
      </c>
      <c r="MW9" s="391">
        <v>119186412</v>
      </c>
      <c r="MX9" s="391">
        <v>180225388</v>
      </c>
      <c r="MY9" s="391">
        <v>98625003</v>
      </c>
      <c r="MZ9" s="395">
        <v>413121870</v>
      </c>
      <c r="NA9" s="401">
        <v>413121870</v>
      </c>
      <c r="NB9" s="394">
        <v>0</v>
      </c>
      <c r="NC9" s="391">
        <v>0</v>
      </c>
      <c r="ND9" s="395">
        <v>0</v>
      </c>
      <c r="NE9" s="402"/>
      <c r="NF9" s="391">
        <v>21809618</v>
      </c>
      <c r="NG9" s="391">
        <v>48232053</v>
      </c>
      <c r="NH9" s="391">
        <v>69683435</v>
      </c>
      <c r="NI9" s="391">
        <v>97200947</v>
      </c>
      <c r="NJ9" s="391">
        <v>51098178</v>
      </c>
      <c r="NK9" s="395">
        <v>288024231</v>
      </c>
      <c r="NL9" s="393">
        <v>288024231</v>
      </c>
      <c r="NM9" s="394">
        <v>0</v>
      </c>
      <c r="NN9" s="391">
        <v>0</v>
      </c>
      <c r="NO9" s="395">
        <v>0</v>
      </c>
      <c r="NP9" s="402"/>
      <c r="NQ9" s="391">
        <v>0</v>
      </c>
      <c r="NR9" s="391">
        <v>298332</v>
      </c>
      <c r="NS9" s="391">
        <v>0</v>
      </c>
      <c r="NT9" s="391">
        <v>2907095</v>
      </c>
      <c r="NU9" s="391">
        <v>914168</v>
      </c>
      <c r="NV9" s="395">
        <v>4119595</v>
      </c>
      <c r="NW9" s="397">
        <v>4119595</v>
      </c>
      <c r="NX9" s="394">
        <v>0</v>
      </c>
      <c r="NY9" s="391">
        <v>0</v>
      </c>
      <c r="NZ9" s="395">
        <v>0</v>
      </c>
      <c r="OA9" s="402"/>
      <c r="OB9" s="391">
        <v>0</v>
      </c>
      <c r="OC9" s="391">
        <v>231813</v>
      </c>
      <c r="OD9" s="391">
        <v>344648</v>
      </c>
      <c r="OE9" s="391">
        <v>6016179</v>
      </c>
      <c r="OF9" s="391">
        <v>7134947</v>
      </c>
      <c r="OG9" s="395">
        <v>13727587</v>
      </c>
      <c r="OH9" s="397">
        <v>13727587</v>
      </c>
      <c r="OI9" s="394">
        <v>28669934</v>
      </c>
      <c r="OJ9" s="391">
        <v>47769025</v>
      </c>
      <c r="OK9" s="392">
        <v>76438959</v>
      </c>
      <c r="OL9" s="398">
        <v>0</v>
      </c>
      <c r="OM9" s="391">
        <v>400214006</v>
      </c>
      <c r="ON9" s="391">
        <v>563748379</v>
      </c>
      <c r="OO9" s="391">
        <v>653034989</v>
      </c>
      <c r="OP9" s="391">
        <v>684460822</v>
      </c>
      <c r="OQ9" s="391">
        <v>434175684</v>
      </c>
      <c r="OR9" s="395">
        <v>2735633880</v>
      </c>
      <c r="OS9" s="401">
        <v>2812072839</v>
      </c>
    </row>
    <row r="10" spans="1:409" s="444" customFormat="1" ht="21" customHeight="1" x14ac:dyDescent="0.2">
      <c r="A10" s="39"/>
      <c r="B10" s="471" t="s">
        <v>5</v>
      </c>
      <c r="C10" s="404">
        <v>12904323</v>
      </c>
      <c r="D10" s="405">
        <v>24763068</v>
      </c>
      <c r="E10" s="406">
        <v>37667391</v>
      </c>
      <c r="F10" s="407">
        <v>0</v>
      </c>
      <c r="G10" s="405">
        <v>111086909</v>
      </c>
      <c r="H10" s="405">
        <v>182548342</v>
      </c>
      <c r="I10" s="405">
        <v>160504616</v>
      </c>
      <c r="J10" s="405">
        <v>135943604</v>
      </c>
      <c r="K10" s="405">
        <v>99020017</v>
      </c>
      <c r="L10" s="407">
        <v>689103488</v>
      </c>
      <c r="M10" s="408">
        <v>726770879</v>
      </c>
      <c r="N10" s="404">
        <v>3482168</v>
      </c>
      <c r="O10" s="405">
        <v>8777444</v>
      </c>
      <c r="P10" s="406">
        <v>12259612</v>
      </c>
      <c r="Q10" s="404">
        <v>0</v>
      </c>
      <c r="R10" s="405">
        <v>38458571</v>
      </c>
      <c r="S10" s="405">
        <v>65770367</v>
      </c>
      <c r="T10" s="405">
        <v>54217727</v>
      </c>
      <c r="U10" s="405">
        <v>47807227</v>
      </c>
      <c r="V10" s="405">
        <v>47858642</v>
      </c>
      <c r="W10" s="406">
        <v>254112534</v>
      </c>
      <c r="X10" s="408">
        <v>266372146</v>
      </c>
      <c r="Y10" s="404">
        <v>0</v>
      </c>
      <c r="Z10" s="405">
        <v>0</v>
      </c>
      <c r="AA10" s="406">
        <v>0</v>
      </c>
      <c r="AB10" s="404">
        <v>0</v>
      </c>
      <c r="AC10" s="405">
        <v>16588131</v>
      </c>
      <c r="AD10" s="405">
        <v>25494100</v>
      </c>
      <c r="AE10" s="405">
        <v>24998905</v>
      </c>
      <c r="AF10" s="405">
        <v>23004717</v>
      </c>
      <c r="AG10" s="405">
        <v>24028494</v>
      </c>
      <c r="AH10" s="406">
        <v>114114347</v>
      </c>
      <c r="AI10" s="408">
        <v>114114347</v>
      </c>
      <c r="AJ10" s="404">
        <v>0</v>
      </c>
      <c r="AK10" s="405">
        <v>18360</v>
      </c>
      <c r="AL10" s="406">
        <v>18360</v>
      </c>
      <c r="AM10" s="404">
        <v>0</v>
      </c>
      <c r="AN10" s="405">
        <v>37167</v>
      </c>
      <c r="AO10" s="405">
        <v>665182</v>
      </c>
      <c r="AP10" s="405">
        <v>1248733</v>
      </c>
      <c r="AQ10" s="405">
        <v>2701062</v>
      </c>
      <c r="AR10" s="405">
        <v>6331931</v>
      </c>
      <c r="AS10" s="406">
        <v>10984075</v>
      </c>
      <c r="AT10" s="408">
        <v>11002435</v>
      </c>
      <c r="AU10" s="404">
        <v>1712302</v>
      </c>
      <c r="AV10" s="405">
        <v>5836273</v>
      </c>
      <c r="AW10" s="406">
        <v>7548575</v>
      </c>
      <c r="AX10" s="404">
        <v>0</v>
      </c>
      <c r="AY10" s="405">
        <v>14475065</v>
      </c>
      <c r="AZ10" s="405">
        <v>28796576</v>
      </c>
      <c r="BA10" s="405">
        <v>18711037</v>
      </c>
      <c r="BB10" s="405">
        <v>13734310</v>
      </c>
      <c r="BC10" s="405">
        <v>11769810</v>
      </c>
      <c r="BD10" s="406">
        <v>87486798</v>
      </c>
      <c r="BE10" s="408">
        <v>95035373</v>
      </c>
      <c r="BF10" s="404">
        <v>141834</v>
      </c>
      <c r="BG10" s="405">
        <v>927603</v>
      </c>
      <c r="BH10" s="409">
        <v>1069437</v>
      </c>
      <c r="BI10" s="410">
        <v>0</v>
      </c>
      <c r="BJ10" s="405">
        <v>993196</v>
      </c>
      <c r="BK10" s="405">
        <v>1541037</v>
      </c>
      <c r="BL10" s="405">
        <v>1136644</v>
      </c>
      <c r="BM10" s="405">
        <v>1014634</v>
      </c>
      <c r="BN10" s="405">
        <v>322570</v>
      </c>
      <c r="BO10" s="406">
        <v>5008081</v>
      </c>
      <c r="BP10" s="408">
        <v>6077518</v>
      </c>
      <c r="BQ10" s="404">
        <v>1628032</v>
      </c>
      <c r="BR10" s="405">
        <v>1995208</v>
      </c>
      <c r="BS10" s="406">
        <v>3623240</v>
      </c>
      <c r="BT10" s="404">
        <v>0</v>
      </c>
      <c r="BU10" s="405">
        <v>6365012</v>
      </c>
      <c r="BV10" s="405">
        <v>9273472</v>
      </c>
      <c r="BW10" s="405">
        <v>8122408</v>
      </c>
      <c r="BX10" s="405">
        <v>7352504</v>
      </c>
      <c r="BY10" s="405">
        <v>5405837</v>
      </c>
      <c r="BZ10" s="406">
        <v>36519233</v>
      </c>
      <c r="CA10" s="408">
        <v>40142473</v>
      </c>
      <c r="CB10" s="404">
        <v>1603168</v>
      </c>
      <c r="CC10" s="405">
        <v>3562173</v>
      </c>
      <c r="CD10" s="406">
        <v>5165341</v>
      </c>
      <c r="CE10" s="404">
        <v>0</v>
      </c>
      <c r="CF10" s="405">
        <v>32514644</v>
      </c>
      <c r="CG10" s="405">
        <v>52195796</v>
      </c>
      <c r="CH10" s="405">
        <v>35318859</v>
      </c>
      <c r="CI10" s="405">
        <v>21142279</v>
      </c>
      <c r="CJ10" s="405">
        <v>9165073</v>
      </c>
      <c r="CK10" s="406">
        <v>150336651</v>
      </c>
      <c r="CL10" s="408">
        <v>155501992</v>
      </c>
      <c r="CM10" s="404">
        <v>0</v>
      </c>
      <c r="CN10" s="405">
        <v>0</v>
      </c>
      <c r="CO10" s="406">
        <v>0</v>
      </c>
      <c r="CP10" s="410">
        <v>0</v>
      </c>
      <c r="CQ10" s="405">
        <v>27099605</v>
      </c>
      <c r="CR10" s="405">
        <v>38128704</v>
      </c>
      <c r="CS10" s="405">
        <v>22872332</v>
      </c>
      <c r="CT10" s="405">
        <v>13915146</v>
      </c>
      <c r="CU10" s="405">
        <v>7102912</v>
      </c>
      <c r="CV10" s="406">
        <v>109118699</v>
      </c>
      <c r="CW10" s="408">
        <v>109118699</v>
      </c>
      <c r="CX10" s="404">
        <v>1603168</v>
      </c>
      <c r="CY10" s="405">
        <v>3562173</v>
      </c>
      <c r="CZ10" s="406">
        <v>5165341</v>
      </c>
      <c r="DA10" s="404">
        <v>0</v>
      </c>
      <c r="DB10" s="405">
        <v>5415039</v>
      </c>
      <c r="DC10" s="405">
        <v>14067092</v>
      </c>
      <c r="DD10" s="405">
        <v>12446527</v>
      </c>
      <c r="DE10" s="405">
        <v>7227133</v>
      </c>
      <c r="DF10" s="405">
        <v>2062161</v>
      </c>
      <c r="DG10" s="406">
        <v>41217952</v>
      </c>
      <c r="DH10" s="408">
        <v>46383293</v>
      </c>
      <c r="DI10" s="404">
        <v>82909</v>
      </c>
      <c r="DJ10" s="405">
        <v>553205</v>
      </c>
      <c r="DK10" s="409">
        <v>636114</v>
      </c>
      <c r="DL10" s="410">
        <v>0</v>
      </c>
      <c r="DM10" s="405">
        <v>4014445</v>
      </c>
      <c r="DN10" s="405">
        <v>8142410</v>
      </c>
      <c r="DO10" s="405">
        <v>16292701</v>
      </c>
      <c r="DP10" s="405">
        <v>14119748</v>
      </c>
      <c r="DQ10" s="405">
        <v>5463792</v>
      </c>
      <c r="DR10" s="406">
        <v>48033096</v>
      </c>
      <c r="DS10" s="408">
        <v>48669210</v>
      </c>
      <c r="DT10" s="404">
        <v>44206</v>
      </c>
      <c r="DU10" s="405">
        <v>315550</v>
      </c>
      <c r="DV10" s="406">
        <v>359756</v>
      </c>
      <c r="DW10" s="404">
        <v>0</v>
      </c>
      <c r="DX10" s="405">
        <v>3298907</v>
      </c>
      <c r="DY10" s="405">
        <v>5731283</v>
      </c>
      <c r="DZ10" s="405">
        <v>12934855</v>
      </c>
      <c r="EA10" s="405">
        <v>11412630</v>
      </c>
      <c r="EB10" s="405">
        <v>3920452</v>
      </c>
      <c r="EC10" s="406">
        <v>37298127</v>
      </c>
      <c r="ED10" s="408">
        <v>37657883</v>
      </c>
      <c r="EE10" s="404">
        <v>38703</v>
      </c>
      <c r="EF10" s="409">
        <v>237655</v>
      </c>
      <c r="EG10" s="406">
        <v>276358</v>
      </c>
      <c r="EH10" s="404">
        <v>0</v>
      </c>
      <c r="EI10" s="405">
        <v>715538</v>
      </c>
      <c r="EJ10" s="405">
        <v>2411127</v>
      </c>
      <c r="EK10" s="405">
        <v>3357846</v>
      </c>
      <c r="EL10" s="405">
        <v>2707118</v>
      </c>
      <c r="EM10" s="405">
        <v>1543340</v>
      </c>
      <c r="EN10" s="409">
        <v>10734969</v>
      </c>
      <c r="EO10" s="408">
        <v>11011327</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v>0</v>
      </c>
      <c r="FE10" s="405">
        <v>0</v>
      </c>
      <c r="FF10" s="405">
        <v>0</v>
      </c>
      <c r="FG10" s="405">
        <v>0</v>
      </c>
      <c r="FH10" s="405">
        <v>0</v>
      </c>
      <c r="FI10" s="405">
        <v>0</v>
      </c>
      <c r="FJ10" s="406">
        <v>0</v>
      </c>
      <c r="FK10" s="408">
        <v>0</v>
      </c>
      <c r="FL10" s="404">
        <v>3265757</v>
      </c>
      <c r="FM10" s="405">
        <v>4966388</v>
      </c>
      <c r="FN10" s="406">
        <v>8232145</v>
      </c>
      <c r="FO10" s="404">
        <v>0</v>
      </c>
      <c r="FP10" s="405">
        <v>4578381</v>
      </c>
      <c r="FQ10" s="405">
        <v>18103061</v>
      </c>
      <c r="FR10" s="405">
        <v>12765069</v>
      </c>
      <c r="FS10" s="405">
        <v>9536488</v>
      </c>
      <c r="FT10" s="405">
        <v>6653140</v>
      </c>
      <c r="FU10" s="406">
        <v>51636139</v>
      </c>
      <c r="FV10" s="408">
        <v>59868284</v>
      </c>
      <c r="FW10" s="412">
        <v>927424</v>
      </c>
      <c r="FX10" s="405">
        <v>3138280</v>
      </c>
      <c r="FY10" s="409">
        <v>4065704</v>
      </c>
      <c r="FZ10" s="410">
        <v>0</v>
      </c>
      <c r="GA10" s="405">
        <v>3178808</v>
      </c>
      <c r="GB10" s="405">
        <v>15306776</v>
      </c>
      <c r="GC10" s="405">
        <v>11652040</v>
      </c>
      <c r="GD10" s="405">
        <v>8935848</v>
      </c>
      <c r="GE10" s="405">
        <v>6539240</v>
      </c>
      <c r="GF10" s="406">
        <v>45612712</v>
      </c>
      <c r="GG10" s="413">
        <v>49678416</v>
      </c>
      <c r="GH10" s="412">
        <v>163372</v>
      </c>
      <c r="GI10" s="405">
        <v>220932</v>
      </c>
      <c r="GJ10" s="409">
        <v>384304</v>
      </c>
      <c r="GK10" s="410">
        <v>0</v>
      </c>
      <c r="GL10" s="405">
        <v>262213</v>
      </c>
      <c r="GM10" s="405">
        <v>570457</v>
      </c>
      <c r="GN10" s="405">
        <v>419253</v>
      </c>
      <c r="GO10" s="405">
        <v>90000</v>
      </c>
      <c r="GP10" s="405">
        <v>64900</v>
      </c>
      <c r="GQ10" s="406">
        <v>1406823</v>
      </c>
      <c r="GR10" s="408">
        <v>1791127</v>
      </c>
      <c r="GS10" s="404">
        <v>2174961</v>
      </c>
      <c r="GT10" s="405">
        <v>1607176</v>
      </c>
      <c r="GU10" s="406">
        <v>3782137</v>
      </c>
      <c r="GV10" s="404">
        <v>0</v>
      </c>
      <c r="GW10" s="405">
        <v>1137360</v>
      </c>
      <c r="GX10" s="405">
        <v>2225828</v>
      </c>
      <c r="GY10" s="405">
        <v>693776</v>
      </c>
      <c r="GZ10" s="405">
        <v>510640</v>
      </c>
      <c r="HA10" s="405">
        <v>49000</v>
      </c>
      <c r="HB10" s="409">
        <v>4616604</v>
      </c>
      <c r="HC10" s="408">
        <v>8398741</v>
      </c>
      <c r="HD10" s="404">
        <v>4470321</v>
      </c>
      <c r="HE10" s="405">
        <v>6903858</v>
      </c>
      <c r="HF10" s="409">
        <v>11374179</v>
      </c>
      <c r="HG10" s="410">
        <v>0</v>
      </c>
      <c r="HH10" s="405">
        <v>31520868</v>
      </c>
      <c r="HI10" s="405">
        <v>38336708</v>
      </c>
      <c r="HJ10" s="405">
        <v>41910260</v>
      </c>
      <c r="HK10" s="405">
        <v>43337862</v>
      </c>
      <c r="HL10" s="405">
        <v>29879370</v>
      </c>
      <c r="HM10" s="406">
        <v>184985068</v>
      </c>
      <c r="HN10" s="407">
        <v>196359247</v>
      </c>
      <c r="HO10" s="445"/>
      <c r="HP10" s="446"/>
      <c r="HQ10" s="447"/>
      <c r="HR10" s="448"/>
      <c r="HS10" s="446"/>
      <c r="HT10" s="446"/>
      <c r="HU10" s="446"/>
      <c r="HV10" s="446"/>
      <c r="HW10" s="446"/>
      <c r="HX10" s="449"/>
      <c r="HY10" s="450"/>
      <c r="HZ10" s="414">
        <v>286227</v>
      </c>
      <c r="IA10" s="415">
        <v>306849</v>
      </c>
      <c r="IB10" s="416">
        <v>593076</v>
      </c>
      <c r="IC10" s="417">
        <v>0</v>
      </c>
      <c r="ID10" s="418">
        <v>31304058</v>
      </c>
      <c r="IE10" s="419">
        <v>44009207</v>
      </c>
      <c r="IF10" s="420">
        <v>42702293</v>
      </c>
      <c r="IG10" s="418">
        <v>34697525</v>
      </c>
      <c r="IH10" s="420">
        <v>31801512</v>
      </c>
      <c r="II10" s="421">
        <v>184514595</v>
      </c>
      <c r="IJ10" s="422">
        <v>185107671</v>
      </c>
      <c r="IK10" s="423">
        <v>0</v>
      </c>
      <c r="IL10" s="424">
        <v>0</v>
      </c>
      <c r="IM10" s="425">
        <v>0</v>
      </c>
      <c r="IN10" s="426"/>
      <c r="IO10" s="427">
        <v>369010</v>
      </c>
      <c r="IP10" s="427">
        <v>1444687</v>
      </c>
      <c r="IQ10" s="427">
        <v>1993831</v>
      </c>
      <c r="IR10" s="427">
        <v>3848113</v>
      </c>
      <c r="IS10" s="427">
        <v>2729089</v>
      </c>
      <c r="IT10" s="428">
        <v>10384730</v>
      </c>
      <c r="IU10" s="429">
        <v>10384730</v>
      </c>
      <c r="IV10" s="430">
        <v>0</v>
      </c>
      <c r="IW10" s="427">
        <v>0</v>
      </c>
      <c r="IX10" s="431">
        <v>0</v>
      </c>
      <c r="IY10" s="432"/>
      <c r="IZ10" s="427">
        <v>146308</v>
      </c>
      <c r="JA10" s="427">
        <v>527625</v>
      </c>
      <c r="JB10" s="427">
        <v>484953</v>
      </c>
      <c r="JC10" s="427">
        <v>862109</v>
      </c>
      <c r="JD10" s="427">
        <v>631115</v>
      </c>
      <c r="JE10" s="431">
        <v>2652110</v>
      </c>
      <c r="JF10" s="433">
        <v>2652110</v>
      </c>
      <c r="JG10" s="430">
        <v>0</v>
      </c>
      <c r="JH10" s="427">
        <v>0</v>
      </c>
      <c r="JI10" s="428">
        <v>0</v>
      </c>
      <c r="JJ10" s="434">
        <v>0</v>
      </c>
      <c r="JK10" s="427">
        <v>15108484</v>
      </c>
      <c r="JL10" s="427">
        <v>18585112</v>
      </c>
      <c r="JM10" s="427">
        <v>13291644</v>
      </c>
      <c r="JN10" s="427">
        <v>6612499</v>
      </c>
      <c r="JO10" s="427">
        <v>6952131</v>
      </c>
      <c r="JP10" s="431">
        <v>60549870</v>
      </c>
      <c r="JQ10" s="429">
        <v>60549870</v>
      </c>
      <c r="JR10" s="430">
        <v>0</v>
      </c>
      <c r="JS10" s="427">
        <v>0</v>
      </c>
      <c r="JT10" s="428">
        <v>0</v>
      </c>
      <c r="JU10" s="434">
        <v>0</v>
      </c>
      <c r="JV10" s="427">
        <v>3005711</v>
      </c>
      <c r="JW10" s="427">
        <v>2866581</v>
      </c>
      <c r="JX10" s="427">
        <v>6198610</v>
      </c>
      <c r="JY10" s="427">
        <v>2290749</v>
      </c>
      <c r="JZ10" s="427">
        <v>2148579</v>
      </c>
      <c r="KA10" s="431">
        <v>16510230</v>
      </c>
      <c r="KB10" s="429">
        <v>16510230</v>
      </c>
      <c r="KC10" s="435">
        <v>286227</v>
      </c>
      <c r="KD10" s="436">
        <v>306849</v>
      </c>
      <c r="KE10" s="431">
        <v>593076</v>
      </c>
      <c r="KF10" s="434">
        <v>0</v>
      </c>
      <c r="KG10" s="427">
        <v>3502225</v>
      </c>
      <c r="KH10" s="427">
        <v>5463197</v>
      </c>
      <c r="KI10" s="427">
        <v>6752160</v>
      </c>
      <c r="KJ10" s="427">
        <v>4078834</v>
      </c>
      <c r="KK10" s="427">
        <v>3072372</v>
      </c>
      <c r="KL10" s="431">
        <v>22868788</v>
      </c>
      <c r="KM10" s="437">
        <v>23461864</v>
      </c>
      <c r="KN10" s="423">
        <v>0</v>
      </c>
      <c r="KO10" s="424">
        <v>0</v>
      </c>
      <c r="KP10" s="425">
        <v>0</v>
      </c>
      <c r="KQ10" s="426"/>
      <c r="KR10" s="427">
        <v>8838854</v>
      </c>
      <c r="KS10" s="427">
        <v>14241675</v>
      </c>
      <c r="KT10" s="427">
        <v>12170057</v>
      </c>
      <c r="KU10" s="427">
        <v>13324139</v>
      </c>
      <c r="KV10" s="427">
        <v>8648262</v>
      </c>
      <c r="KW10" s="431">
        <v>57222987</v>
      </c>
      <c r="KX10" s="429">
        <v>57222987</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50024</v>
      </c>
      <c r="LP10" s="427">
        <v>587042</v>
      </c>
      <c r="LQ10" s="427">
        <v>1187627</v>
      </c>
      <c r="LR10" s="427">
        <v>630034</v>
      </c>
      <c r="LS10" s="431">
        <v>2654727</v>
      </c>
      <c r="LT10" s="429">
        <v>2654727</v>
      </c>
      <c r="LU10" s="430">
        <v>0</v>
      </c>
      <c r="LV10" s="427">
        <v>0</v>
      </c>
      <c r="LW10" s="431">
        <v>0</v>
      </c>
      <c r="LX10" s="438"/>
      <c r="LY10" s="427">
        <v>333466</v>
      </c>
      <c r="LZ10" s="427">
        <v>630306</v>
      </c>
      <c r="MA10" s="427">
        <v>1223996</v>
      </c>
      <c r="MB10" s="427">
        <v>2493455</v>
      </c>
      <c r="MC10" s="427">
        <v>6989930</v>
      </c>
      <c r="MD10" s="431">
        <v>11671153</v>
      </c>
      <c r="ME10" s="433">
        <v>11671153</v>
      </c>
      <c r="MF10" s="430">
        <v>0</v>
      </c>
      <c r="MG10" s="427">
        <v>0</v>
      </c>
      <c r="MH10" s="431">
        <v>0</v>
      </c>
      <c r="MI10" s="438"/>
      <c r="MJ10" s="427">
        <v>10459048</v>
      </c>
      <c r="MK10" s="427">
        <v>38964378</v>
      </c>
      <c r="ML10" s="427">
        <v>97366678</v>
      </c>
      <c r="MM10" s="427">
        <v>126254214</v>
      </c>
      <c r="MN10" s="427">
        <v>74283522</v>
      </c>
      <c r="MO10" s="431">
        <v>347327840</v>
      </c>
      <c r="MP10" s="437">
        <v>347327840</v>
      </c>
      <c r="MQ10" s="430">
        <v>0</v>
      </c>
      <c r="MR10" s="427">
        <v>0</v>
      </c>
      <c r="MS10" s="431">
        <v>0</v>
      </c>
      <c r="MT10" s="438"/>
      <c r="MU10" s="427">
        <v>1780370</v>
      </c>
      <c r="MV10" s="427">
        <v>10276867</v>
      </c>
      <c r="MW10" s="427">
        <v>60204152</v>
      </c>
      <c r="MX10" s="427">
        <v>76228120</v>
      </c>
      <c r="MY10" s="427">
        <v>46078024</v>
      </c>
      <c r="MZ10" s="431">
        <v>194567533</v>
      </c>
      <c r="NA10" s="437">
        <v>194567533</v>
      </c>
      <c r="NB10" s="430">
        <v>0</v>
      </c>
      <c r="NC10" s="427">
        <v>0</v>
      </c>
      <c r="ND10" s="431">
        <v>0</v>
      </c>
      <c r="NE10" s="438"/>
      <c r="NF10" s="427">
        <v>8678678</v>
      </c>
      <c r="NG10" s="427">
        <v>28687511</v>
      </c>
      <c r="NH10" s="427">
        <v>36817878</v>
      </c>
      <c r="NI10" s="427">
        <v>47436428</v>
      </c>
      <c r="NJ10" s="427">
        <v>26383514</v>
      </c>
      <c r="NK10" s="431">
        <v>148004009</v>
      </c>
      <c r="NL10" s="429">
        <v>148004009</v>
      </c>
      <c r="NM10" s="430">
        <v>0</v>
      </c>
      <c r="NN10" s="427">
        <v>0</v>
      </c>
      <c r="NO10" s="431">
        <v>0</v>
      </c>
      <c r="NP10" s="438"/>
      <c r="NQ10" s="427">
        <v>0</v>
      </c>
      <c r="NR10" s="427">
        <v>0</v>
      </c>
      <c r="NS10" s="427">
        <v>0</v>
      </c>
      <c r="NT10" s="427">
        <v>1580249</v>
      </c>
      <c r="NU10" s="427">
        <v>288796</v>
      </c>
      <c r="NV10" s="431">
        <v>1869045</v>
      </c>
      <c r="NW10" s="433">
        <v>1869045</v>
      </c>
      <c r="NX10" s="430">
        <v>0</v>
      </c>
      <c r="NY10" s="427">
        <v>0</v>
      </c>
      <c r="NZ10" s="431">
        <v>0</v>
      </c>
      <c r="OA10" s="438"/>
      <c r="OB10" s="427">
        <v>0</v>
      </c>
      <c r="OC10" s="427">
        <v>0</v>
      </c>
      <c r="OD10" s="427">
        <v>344648</v>
      </c>
      <c r="OE10" s="427">
        <v>1009417</v>
      </c>
      <c r="OF10" s="427">
        <v>1533188</v>
      </c>
      <c r="OG10" s="431">
        <v>2887253</v>
      </c>
      <c r="OH10" s="433">
        <v>2887253</v>
      </c>
      <c r="OI10" s="430">
        <v>13190550</v>
      </c>
      <c r="OJ10" s="427">
        <v>25069917</v>
      </c>
      <c r="OK10" s="428">
        <v>38260467</v>
      </c>
      <c r="OL10" s="434">
        <v>0</v>
      </c>
      <c r="OM10" s="427">
        <v>152850015</v>
      </c>
      <c r="ON10" s="427">
        <v>265521927</v>
      </c>
      <c r="OO10" s="427">
        <v>300573587</v>
      </c>
      <c r="OP10" s="427">
        <v>296895343</v>
      </c>
      <c r="OQ10" s="427">
        <v>205105051</v>
      </c>
      <c r="OR10" s="431">
        <v>1220945923</v>
      </c>
      <c r="OS10" s="437">
        <v>1259206390</v>
      </c>
    </row>
    <row r="11" spans="1:409" ht="21" customHeight="1" x14ac:dyDescent="0.2">
      <c r="B11" s="472" t="s">
        <v>6</v>
      </c>
      <c r="C11" s="100">
        <v>3890856</v>
      </c>
      <c r="D11" s="104">
        <v>4759348</v>
      </c>
      <c r="E11" s="103">
        <v>8650204</v>
      </c>
      <c r="F11" s="99">
        <v>0</v>
      </c>
      <c r="G11" s="104">
        <v>42019483</v>
      </c>
      <c r="H11" s="104">
        <v>47460541</v>
      </c>
      <c r="I11" s="104">
        <v>41138362</v>
      </c>
      <c r="J11" s="104">
        <v>41514867</v>
      </c>
      <c r="K11" s="104">
        <v>28219411</v>
      </c>
      <c r="L11" s="99">
        <v>200352664</v>
      </c>
      <c r="M11" s="106">
        <v>209002868</v>
      </c>
      <c r="N11" s="100">
        <v>1015426</v>
      </c>
      <c r="O11" s="104">
        <v>1586199</v>
      </c>
      <c r="P11" s="103">
        <v>2601625</v>
      </c>
      <c r="Q11" s="100">
        <v>0</v>
      </c>
      <c r="R11" s="104">
        <v>14051525</v>
      </c>
      <c r="S11" s="104">
        <v>15927085</v>
      </c>
      <c r="T11" s="104">
        <v>12779600</v>
      </c>
      <c r="U11" s="104">
        <v>14808527</v>
      </c>
      <c r="V11" s="104">
        <v>13447298</v>
      </c>
      <c r="W11" s="103">
        <v>71014035</v>
      </c>
      <c r="X11" s="106">
        <v>73615660</v>
      </c>
      <c r="Y11" s="100">
        <v>0</v>
      </c>
      <c r="Z11" s="104">
        <v>0</v>
      </c>
      <c r="AA11" s="103">
        <v>0</v>
      </c>
      <c r="AB11" s="100">
        <v>0</v>
      </c>
      <c r="AC11" s="104">
        <v>5344215</v>
      </c>
      <c r="AD11" s="104">
        <v>5902065</v>
      </c>
      <c r="AE11" s="104">
        <v>5869959</v>
      </c>
      <c r="AF11" s="104">
        <v>7454949</v>
      </c>
      <c r="AG11" s="104">
        <v>6914764</v>
      </c>
      <c r="AH11" s="103">
        <v>31485952</v>
      </c>
      <c r="AI11" s="106">
        <v>31485952</v>
      </c>
      <c r="AJ11" s="100">
        <v>0</v>
      </c>
      <c r="AK11" s="104">
        <v>0</v>
      </c>
      <c r="AL11" s="103">
        <v>0</v>
      </c>
      <c r="AM11" s="100">
        <v>0</v>
      </c>
      <c r="AN11" s="104">
        <v>48598</v>
      </c>
      <c r="AO11" s="104">
        <v>77164</v>
      </c>
      <c r="AP11" s="104">
        <v>439358</v>
      </c>
      <c r="AQ11" s="104">
        <v>443751</v>
      </c>
      <c r="AR11" s="104">
        <v>1485090</v>
      </c>
      <c r="AS11" s="103">
        <v>2493961</v>
      </c>
      <c r="AT11" s="106">
        <v>2493961</v>
      </c>
      <c r="AU11" s="100">
        <v>386959</v>
      </c>
      <c r="AV11" s="104">
        <v>1084136</v>
      </c>
      <c r="AW11" s="103">
        <v>1471095</v>
      </c>
      <c r="AX11" s="100">
        <v>0</v>
      </c>
      <c r="AY11" s="104">
        <v>5227061</v>
      </c>
      <c r="AZ11" s="104">
        <v>6673106</v>
      </c>
      <c r="BA11" s="104">
        <v>3684754</v>
      </c>
      <c r="BB11" s="104">
        <v>3850632</v>
      </c>
      <c r="BC11" s="104">
        <v>3224040</v>
      </c>
      <c r="BD11" s="103">
        <v>22659593</v>
      </c>
      <c r="BE11" s="106">
        <v>24130688</v>
      </c>
      <c r="BF11" s="100">
        <v>55531</v>
      </c>
      <c r="BG11" s="104">
        <v>139079</v>
      </c>
      <c r="BH11" s="102">
        <v>194610</v>
      </c>
      <c r="BI11" s="101">
        <v>0</v>
      </c>
      <c r="BJ11" s="104">
        <v>444955</v>
      </c>
      <c r="BK11" s="104">
        <v>560414</v>
      </c>
      <c r="BL11" s="104">
        <v>160825</v>
      </c>
      <c r="BM11" s="104">
        <v>264307</v>
      </c>
      <c r="BN11" s="104">
        <v>183564</v>
      </c>
      <c r="BO11" s="103">
        <v>1614065</v>
      </c>
      <c r="BP11" s="106">
        <v>1808675</v>
      </c>
      <c r="BQ11" s="100">
        <v>572936</v>
      </c>
      <c r="BR11" s="104">
        <v>362984</v>
      </c>
      <c r="BS11" s="103">
        <v>935920</v>
      </c>
      <c r="BT11" s="100">
        <v>0</v>
      </c>
      <c r="BU11" s="104">
        <v>2986696</v>
      </c>
      <c r="BV11" s="104">
        <v>2714336</v>
      </c>
      <c r="BW11" s="104">
        <v>2624704</v>
      </c>
      <c r="BX11" s="104">
        <v>2794888</v>
      </c>
      <c r="BY11" s="104">
        <v>1639840</v>
      </c>
      <c r="BZ11" s="103">
        <v>12760464</v>
      </c>
      <c r="CA11" s="106">
        <v>13696384</v>
      </c>
      <c r="CB11" s="100">
        <v>174347</v>
      </c>
      <c r="CC11" s="104">
        <v>515641</v>
      </c>
      <c r="CD11" s="103">
        <v>689988</v>
      </c>
      <c r="CE11" s="100">
        <v>0</v>
      </c>
      <c r="CF11" s="104">
        <v>11032977</v>
      </c>
      <c r="CG11" s="104">
        <v>13457899</v>
      </c>
      <c r="CH11" s="104">
        <v>8615088</v>
      </c>
      <c r="CI11" s="104">
        <v>6359649</v>
      </c>
      <c r="CJ11" s="104">
        <v>3628480</v>
      </c>
      <c r="CK11" s="103">
        <v>43094093</v>
      </c>
      <c r="CL11" s="106">
        <v>43784081</v>
      </c>
      <c r="CM11" s="100">
        <v>0</v>
      </c>
      <c r="CN11" s="104">
        <v>0</v>
      </c>
      <c r="CO11" s="103">
        <v>0</v>
      </c>
      <c r="CP11" s="101">
        <v>0</v>
      </c>
      <c r="CQ11" s="104">
        <v>9346532</v>
      </c>
      <c r="CR11" s="104">
        <v>9868615</v>
      </c>
      <c r="CS11" s="104">
        <v>5605305</v>
      </c>
      <c r="CT11" s="104">
        <v>4912154</v>
      </c>
      <c r="CU11" s="104">
        <v>2248389</v>
      </c>
      <c r="CV11" s="103">
        <v>31980995</v>
      </c>
      <c r="CW11" s="106">
        <v>31980995</v>
      </c>
      <c r="CX11" s="100">
        <v>174347</v>
      </c>
      <c r="CY11" s="104">
        <v>515641</v>
      </c>
      <c r="CZ11" s="103">
        <v>689988</v>
      </c>
      <c r="DA11" s="100">
        <v>0</v>
      </c>
      <c r="DB11" s="104">
        <v>1686445</v>
      </c>
      <c r="DC11" s="104">
        <v>3589284</v>
      </c>
      <c r="DD11" s="104">
        <v>3009783</v>
      </c>
      <c r="DE11" s="104">
        <v>1447495</v>
      </c>
      <c r="DF11" s="104">
        <v>1380091</v>
      </c>
      <c r="DG11" s="103">
        <v>11113098</v>
      </c>
      <c r="DH11" s="106">
        <v>11803086</v>
      </c>
      <c r="DI11" s="100">
        <v>0</v>
      </c>
      <c r="DJ11" s="104">
        <v>121602</v>
      </c>
      <c r="DK11" s="102">
        <v>121602</v>
      </c>
      <c r="DL11" s="101">
        <v>0</v>
      </c>
      <c r="DM11" s="104">
        <v>1070856</v>
      </c>
      <c r="DN11" s="104">
        <v>2732494</v>
      </c>
      <c r="DO11" s="104">
        <v>2971360</v>
      </c>
      <c r="DP11" s="104">
        <v>2633840</v>
      </c>
      <c r="DQ11" s="104">
        <v>1173465</v>
      </c>
      <c r="DR11" s="103">
        <v>10582015</v>
      </c>
      <c r="DS11" s="106">
        <v>10703617</v>
      </c>
      <c r="DT11" s="100">
        <v>0</v>
      </c>
      <c r="DU11" s="104">
        <v>121602</v>
      </c>
      <c r="DV11" s="103">
        <v>121602</v>
      </c>
      <c r="DW11" s="100">
        <v>0</v>
      </c>
      <c r="DX11" s="104">
        <v>947484</v>
      </c>
      <c r="DY11" s="104">
        <v>2628366</v>
      </c>
      <c r="DZ11" s="104">
        <v>2413247</v>
      </c>
      <c r="EA11" s="104">
        <v>1956241</v>
      </c>
      <c r="EB11" s="104">
        <v>945346</v>
      </c>
      <c r="EC11" s="103">
        <v>8890684</v>
      </c>
      <c r="ED11" s="106">
        <v>9012286</v>
      </c>
      <c r="EE11" s="100">
        <v>0</v>
      </c>
      <c r="EF11" s="102">
        <v>0</v>
      </c>
      <c r="EG11" s="103">
        <v>0</v>
      </c>
      <c r="EH11" s="100">
        <v>0</v>
      </c>
      <c r="EI11" s="104">
        <v>123372</v>
      </c>
      <c r="EJ11" s="104">
        <v>104128</v>
      </c>
      <c r="EK11" s="104">
        <v>558113</v>
      </c>
      <c r="EL11" s="104">
        <v>677599</v>
      </c>
      <c r="EM11" s="104">
        <v>228119</v>
      </c>
      <c r="EN11" s="102">
        <v>1691331</v>
      </c>
      <c r="EO11" s="106">
        <v>1691331</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v>0</v>
      </c>
      <c r="FE11" s="104">
        <v>0</v>
      </c>
      <c r="FF11" s="104">
        <v>0</v>
      </c>
      <c r="FG11" s="104">
        <v>0</v>
      </c>
      <c r="FH11" s="104">
        <v>0</v>
      </c>
      <c r="FI11" s="104">
        <v>0</v>
      </c>
      <c r="FJ11" s="103">
        <v>0</v>
      </c>
      <c r="FK11" s="106">
        <v>0</v>
      </c>
      <c r="FL11" s="100">
        <v>896592</v>
      </c>
      <c r="FM11" s="104">
        <v>1061520</v>
      </c>
      <c r="FN11" s="103">
        <v>1958112</v>
      </c>
      <c r="FO11" s="100">
        <v>0</v>
      </c>
      <c r="FP11" s="104">
        <v>2195898</v>
      </c>
      <c r="FQ11" s="104">
        <v>4150800</v>
      </c>
      <c r="FR11" s="104">
        <v>3406276</v>
      </c>
      <c r="FS11" s="104">
        <v>3616520</v>
      </c>
      <c r="FT11" s="104">
        <v>2206240</v>
      </c>
      <c r="FU11" s="103">
        <v>15575734</v>
      </c>
      <c r="FV11" s="106">
        <v>17533846</v>
      </c>
      <c r="FW11" s="105">
        <v>460112</v>
      </c>
      <c r="FX11" s="104">
        <v>699520</v>
      </c>
      <c r="FY11" s="102">
        <v>1159632</v>
      </c>
      <c r="FZ11" s="101">
        <v>0</v>
      </c>
      <c r="GA11" s="104">
        <v>1640200</v>
      </c>
      <c r="GB11" s="104">
        <v>3749936</v>
      </c>
      <c r="GC11" s="104">
        <v>3077968</v>
      </c>
      <c r="GD11" s="104">
        <v>3268728</v>
      </c>
      <c r="GE11" s="104">
        <v>2140560</v>
      </c>
      <c r="GF11" s="103">
        <v>13877392</v>
      </c>
      <c r="GG11" s="296">
        <v>15037024</v>
      </c>
      <c r="GH11" s="105">
        <v>38520</v>
      </c>
      <c r="GI11" s="104">
        <v>0</v>
      </c>
      <c r="GJ11" s="102">
        <v>38520</v>
      </c>
      <c r="GK11" s="101">
        <v>0</v>
      </c>
      <c r="GL11" s="104">
        <v>88684</v>
      </c>
      <c r="GM11" s="104">
        <v>187264</v>
      </c>
      <c r="GN11" s="104">
        <v>127196</v>
      </c>
      <c r="GO11" s="104">
        <v>44432</v>
      </c>
      <c r="GP11" s="104">
        <v>21600</v>
      </c>
      <c r="GQ11" s="103">
        <v>469176</v>
      </c>
      <c r="GR11" s="106">
        <v>507696</v>
      </c>
      <c r="GS11" s="100">
        <v>397960</v>
      </c>
      <c r="GT11" s="104">
        <v>362000</v>
      </c>
      <c r="GU11" s="103">
        <v>759960</v>
      </c>
      <c r="GV11" s="100">
        <v>0</v>
      </c>
      <c r="GW11" s="104">
        <v>467014</v>
      </c>
      <c r="GX11" s="104">
        <v>213600</v>
      </c>
      <c r="GY11" s="104">
        <v>201112</v>
      </c>
      <c r="GZ11" s="104">
        <v>303360</v>
      </c>
      <c r="HA11" s="104">
        <v>44080</v>
      </c>
      <c r="HB11" s="102">
        <v>1229166</v>
      </c>
      <c r="HC11" s="106">
        <v>1989126</v>
      </c>
      <c r="HD11" s="100">
        <v>1804491</v>
      </c>
      <c r="HE11" s="104">
        <v>1474386</v>
      </c>
      <c r="HF11" s="102">
        <v>3278877</v>
      </c>
      <c r="HG11" s="101">
        <v>0</v>
      </c>
      <c r="HH11" s="104">
        <v>13668227</v>
      </c>
      <c r="HI11" s="104">
        <v>11192263</v>
      </c>
      <c r="HJ11" s="104">
        <v>13366038</v>
      </c>
      <c r="HK11" s="104">
        <v>14096331</v>
      </c>
      <c r="HL11" s="104">
        <v>7763928</v>
      </c>
      <c r="HM11" s="103">
        <v>60086787</v>
      </c>
      <c r="HN11" s="99">
        <v>63365664</v>
      </c>
      <c r="HO11" s="306"/>
      <c r="HP11" s="307"/>
      <c r="HQ11" s="308"/>
      <c r="HR11" s="309"/>
      <c r="HS11" s="307"/>
      <c r="HT11" s="307"/>
      <c r="HU11" s="307"/>
      <c r="HV11" s="307"/>
      <c r="HW11" s="307"/>
      <c r="HX11" s="310"/>
      <c r="HY11" s="311"/>
      <c r="HZ11" s="118">
        <v>110939</v>
      </c>
      <c r="IA11" s="119">
        <v>33753</v>
      </c>
      <c r="IB11" s="120">
        <v>144692</v>
      </c>
      <c r="IC11" s="133">
        <v>0</v>
      </c>
      <c r="ID11" s="119">
        <v>13427179</v>
      </c>
      <c r="IE11" s="134">
        <v>13046941</v>
      </c>
      <c r="IF11" s="120">
        <v>13342228</v>
      </c>
      <c r="IG11" s="119">
        <v>14928673</v>
      </c>
      <c r="IH11" s="120">
        <v>7919587</v>
      </c>
      <c r="II11" s="135">
        <v>62664608</v>
      </c>
      <c r="IJ11" s="126">
        <v>62809300</v>
      </c>
      <c r="IK11" s="219">
        <v>0</v>
      </c>
      <c r="IL11" s="223">
        <v>0</v>
      </c>
      <c r="IM11" s="224">
        <v>0</v>
      </c>
      <c r="IN11" s="127"/>
      <c r="IO11" s="109">
        <v>517600</v>
      </c>
      <c r="IP11" s="109">
        <v>360037</v>
      </c>
      <c r="IQ11" s="109">
        <v>940014</v>
      </c>
      <c r="IR11" s="109">
        <v>1078031</v>
      </c>
      <c r="IS11" s="109">
        <v>1266902</v>
      </c>
      <c r="IT11" s="128">
        <v>4162584</v>
      </c>
      <c r="IU11" s="298">
        <v>4162584</v>
      </c>
      <c r="IV11" s="129">
        <v>0</v>
      </c>
      <c r="IW11" s="109">
        <v>0</v>
      </c>
      <c r="IX11" s="110">
        <v>0</v>
      </c>
      <c r="IY11" s="131"/>
      <c r="IZ11" s="109">
        <v>72784</v>
      </c>
      <c r="JA11" s="109">
        <v>112324</v>
      </c>
      <c r="JB11" s="109">
        <v>367211</v>
      </c>
      <c r="JC11" s="109">
        <v>35298</v>
      </c>
      <c r="JD11" s="109">
        <v>106205</v>
      </c>
      <c r="JE11" s="110">
        <v>693822</v>
      </c>
      <c r="JF11" s="111">
        <v>693822</v>
      </c>
      <c r="JG11" s="129">
        <v>0</v>
      </c>
      <c r="JH11" s="109">
        <v>0</v>
      </c>
      <c r="JI11" s="128">
        <v>0</v>
      </c>
      <c r="JJ11" s="108">
        <v>0</v>
      </c>
      <c r="JK11" s="109">
        <v>3590975</v>
      </c>
      <c r="JL11" s="109">
        <v>3219179</v>
      </c>
      <c r="JM11" s="109">
        <v>1922956</v>
      </c>
      <c r="JN11" s="109">
        <v>2152492</v>
      </c>
      <c r="JO11" s="109">
        <v>825472</v>
      </c>
      <c r="JP11" s="110">
        <v>11711074</v>
      </c>
      <c r="JQ11" s="298">
        <v>11711074</v>
      </c>
      <c r="JR11" s="129">
        <v>0</v>
      </c>
      <c r="JS11" s="109">
        <v>18130</v>
      </c>
      <c r="JT11" s="128">
        <v>18130</v>
      </c>
      <c r="JU11" s="108">
        <v>0</v>
      </c>
      <c r="JV11" s="109">
        <v>1173430</v>
      </c>
      <c r="JW11" s="109">
        <v>1616407</v>
      </c>
      <c r="JX11" s="109">
        <v>1108649</v>
      </c>
      <c r="JY11" s="109">
        <v>450323</v>
      </c>
      <c r="JZ11" s="109">
        <v>854545</v>
      </c>
      <c r="KA11" s="110">
        <v>5203354</v>
      </c>
      <c r="KB11" s="298">
        <v>5221484</v>
      </c>
      <c r="KC11" s="221">
        <v>110939</v>
      </c>
      <c r="KD11" s="217">
        <v>15623</v>
      </c>
      <c r="KE11" s="110">
        <v>126562</v>
      </c>
      <c r="KF11" s="108">
        <v>0</v>
      </c>
      <c r="KG11" s="109">
        <v>1710847</v>
      </c>
      <c r="KH11" s="109">
        <v>1476228</v>
      </c>
      <c r="KI11" s="109">
        <v>1580848</v>
      </c>
      <c r="KJ11" s="109">
        <v>2545963</v>
      </c>
      <c r="KK11" s="109">
        <v>868265</v>
      </c>
      <c r="KL11" s="110">
        <v>8182151</v>
      </c>
      <c r="KM11" s="130">
        <v>8308713</v>
      </c>
      <c r="KN11" s="219">
        <v>0</v>
      </c>
      <c r="KO11" s="223">
        <v>0</v>
      </c>
      <c r="KP11" s="224">
        <v>0</v>
      </c>
      <c r="KQ11" s="127"/>
      <c r="KR11" s="109">
        <v>5304253</v>
      </c>
      <c r="KS11" s="109">
        <v>5877172</v>
      </c>
      <c r="KT11" s="109">
        <v>5659163</v>
      </c>
      <c r="KU11" s="109">
        <v>4771399</v>
      </c>
      <c r="KV11" s="109">
        <v>2727315</v>
      </c>
      <c r="KW11" s="110">
        <v>24339302</v>
      </c>
      <c r="KX11" s="298">
        <v>24339302</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0</v>
      </c>
      <c r="LO11" s="109">
        <v>0</v>
      </c>
      <c r="LP11" s="109">
        <v>1314645</v>
      </c>
      <c r="LQ11" s="109">
        <v>2022697</v>
      </c>
      <c r="LR11" s="109">
        <v>262485</v>
      </c>
      <c r="LS11" s="110">
        <v>3599827</v>
      </c>
      <c r="LT11" s="298">
        <v>3599827</v>
      </c>
      <c r="LU11" s="129">
        <v>0</v>
      </c>
      <c r="LV11" s="109">
        <v>0</v>
      </c>
      <c r="LW11" s="110">
        <v>0</v>
      </c>
      <c r="LX11" s="132"/>
      <c r="LY11" s="109">
        <v>1057290</v>
      </c>
      <c r="LZ11" s="109">
        <v>385594</v>
      </c>
      <c r="MA11" s="109">
        <v>448742</v>
      </c>
      <c r="MB11" s="109">
        <v>1872470</v>
      </c>
      <c r="MC11" s="109">
        <v>1008398</v>
      </c>
      <c r="MD11" s="110">
        <v>4772494</v>
      </c>
      <c r="ME11" s="111">
        <v>4772494</v>
      </c>
      <c r="MF11" s="129">
        <v>0</v>
      </c>
      <c r="MG11" s="109">
        <v>0</v>
      </c>
      <c r="MH11" s="110">
        <v>0</v>
      </c>
      <c r="MI11" s="132"/>
      <c r="MJ11" s="109">
        <v>2228149</v>
      </c>
      <c r="MK11" s="109">
        <v>5407591</v>
      </c>
      <c r="ML11" s="109">
        <v>18223734</v>
      </c>
      <c r="MM11" s="109">
        <v>30755118</v>
      </c>
      <c r="MN11" s="109">
        <v>19065856</v>
      </c>
      <c r="MO11" s="110">
        <v>75680448</v>
      </c>
      <c r="MP11" s="130">
        <v>75680448</v>
      </c>
      <c r="MQ11" s="129">
        <v>0</v>
      </c>
      <c r="MR11" s="109">
        <v>0</v>
      </c>
      <c r="MS11" s="110">
        <v>0</v>
      </c>
      <c r="MT11" s="132"/>
      <c r="MU11" s="109">
        <v>222418</v>
      </c>
      <c r="MV11" s="109">
        <v>640598</v>
      </c>
      <c r="MW11" s="109">
        <v>12903822</v>
      </c>
      <c r="MX11" s="109">
        <v>18091695</v>
      </c>
      <c r="MY11" s="109">
        <v>11470540</v>
      </c>
      <c r="MZ11" s="110">
        <v>43329073</v>
      </c>
      <c r="NA11" s="130">
        <v>43329073</v>
      </c>
      <c r="NB11" s="129">
        <v>0</v>
      </c>
      <c r="NC11" s="109">
        <v>0</v>
      </c>
      <c r="ND11" s="110">
        <v>0</v>
      </c>
      <c r="NE11" s="132"/>
      <c r="NF11" s="109">
        <v>2005731</v>
      </c>
      <c r="NG11" s="109">
        <v>4468661</v>
      </c>
      <c r="NH11" s="109">
        <v>5319912</v>
      </c>
      <c r="NI11" s="109">
        <v>10272340</v>
      </c>
      <c r="NJ11" s="109">
        <v>6032558</v>
      </c>
      <c r="NK11" s="110">
        <v>28099202</v>
      </c>
      <c r="NL11" s="298">
        <v>28099202</v>
      </c>
      <c r="NM11" s="129">
        <v>0</v>
      </c>
      <c r="NN11" s="109">
        <v>0</v>
      </c>
      <c r="NO11" s="110">
        <v>0</v>
      </c>
      <c r="NP11" s="132"/>
      <c r="NQ11" s="109">
        <v>0</v>
      </c>
      <c r="NR11" s="109">
        <v>298332</v>
      </c>
      <c r="NS11" s="109">
        <v>0</v>
      </c>
      <c r="NT11" s="109">
        <v>1326846</v>
      </c>
      <c r="NU11" s="109">
        <v>314216</v>
      </c>
      <c r="NV11" s="110">
        <v>1939394</v>
      </c>
      <c r="NW11" s="111">
        <v>1939394</v>
      </c>
      <c r="NX11" s="129">
        <v>0</v>
      </c>
      <c r="NY11" s="109">
        <v>0</v>
      </c>
      <c r="NZ11" s="110">
        <v>0</v>
      </c>
      <c r="OA11" s="132"/>
      <c r="OB11" s="109">
        <v>0</v>
      </c>
      <c r="OC11" s="109">
        <v>0</v>
      </c>
      <c r="OD11" s="109">
        <v>0</v>
      </c>
      <c r="OE11" s="109">
        <v>1064237</v>
      </c>
      <c r="OF11" s="109">
        <v>1248542</v>
      </c>
      <c r="OG11" s="110">
        <v>2312779</v>
      </c>
      <c r="OH11" s="111">
        <v>2312779</v>
      </c>
      <c r="OI11" s="129">
        <v>4001795</v>
      </c>
      <c r="OJ11" s="109">
        <v>4793101</v>
      </c>
      <c r="OK11" s="128">
        <v>8794896</v>
      </c>
      <c r="OL11" s="108">
        <v>0</v>
      </c>
      <c r="OM11" s="109">
        <v>57674811</v>
      </c>
      <c r="ON11" s="109">
        <v>65915073</v>
      </c>
      <c r="OO11" s="109">
        <v>72704324</v>
      </c>
      <c r="OP11" s="109">
        <v>87198658</v>
      </c>
      <c r="OQ11" s="109">
        <v>55204854</v>
      </c>
      <c r="OR11" s="110">
        <v>338697720</v>
      </c>
      <c r="OS11" s="130">
        <v>347492616</v>
      </c>
    </row>
    <row r="12" spans="1:409" ht="21" customHeight="1" x14ac:dyDescent="0.2">
      <c r="B12" s="472" t="s">
        <v>14</v>
      </c>
      <c r="C12" s="100">
        <v>1439802</v>
      </c>
      <c r="D12" s="104">
        <v>3261674</v>
      </c>
      <c r="E12" s="103">
        <v>4701476</v>
      </c>
      <c r="F12" s="99">
        <v>0</v>
      </c>
      <c r="G12" s="104">
        <v>18805914</v>
      </c>
      <c r="H12" s="104">
        <v>27233438</v>
      </c>
      <c r="I12" s="104">
        <v>24982635</v>
      </c>
      <c r="J12" s="104">
        <v>21851720</v>
      </c>
      <c r="K12" s="104">
        <v>12854334</v>
      </c>
      <c r="L12" s="102">
        <v>105728041</v>
      </c>
      <c r="M12" s="106">
        <v>110429517</v>
      </c>
      <c r="N12" s="100">
        <v>361943</v>
      </c>
      <c r="O12" s="104">
        <v>755976</v>
      </c>
      <c r="P12" s="103">
        <v>1117919</v>
      </c>
      <c r="Q12" s="100">
        <v>0</v>
      </c>
      <c r="R12" s="104">
        <v>4874478</v>
      </c>
      <c r="S12" s="104">
        <v>8717048</v>
      </c>
      <c r="T12" s="104">
        <v>7261318</v>
      </c>
      <c r="U12" s="104">
        <v>7820965</v>
      </c>
      <c r="V12" s="104">
        <v>6383380</v>
      </c>
      <c r="W12" s="103">
        <v>35057189</v>
      </c>
      <c r="X12" s="106">
        <v>36175108</v>
      </c>
      <c r="Y12" s="100">
        <v>0</v>
      </c>
      <c r="Z12" s="104">
        <v>0</v>
      </c>
      <c r="AA12" s="103">
        <v>0</v>
      </c>
      <c r="AB12" s="100">
        <v>0</v>
      </c>
      <c r="AC12" s="104">
        <v>2166118</v>
      </c>
      <c r="AD12" s="104">
        <v>4204439</v>
      </c>
      <c r="AE12" s="104">
        <v>3357572</v>
      </c>
      <c r="AF12" s="104">
        <v>4157852</v>
      </c>
      <c r="AG12" s="104">
        <v>3275135</v>
      </c>
      <c r="AH12" s="103">
        <v>17161116</v>
      </c>
      <c r="AI12" s="106">
        <v>17161116</v>
      </c>
      <c r="AJ12" s="100">
        <v>0</v>
      </c>
      <c r="AK12" s="104">
        <v>0</v>
      </c>
      <c r="AL12" s="103">
        <v>0</v>
      </c>
      <c r="AM12" s="100">
        <v>0</v>
      </c>
      <c r="AN12" s="104">
        <v>0</v>
      </c>
      <c r="AO12" s="104">
        <v>0</v>
      </c>
      <c r="AP12" s="104">
        <v>168398</v>
      </c>
      <c r="AQ12" s="104">
        <v>457612</v>
      </c>
      <c r="AR12" s="104">
        <v>551583</v>
      </c>
      <c r="AS12" s="103">
        <v>1177593</v>
      </c>
      <c r="AT12" s="106">
        <v>1177593</v>
      </c>
      <c r="AU12" s="100">
        <v>176927</v>
      </c>
      <c r="AV12" s="104">
        <v>456798</v>
      </c>
      <c r="AW12" s="103">
        <v>633725</v>
      </c>
      <c r="AX12" s="100">
        <v>0</v>
      </c>
      <c r="AY12" s="104">
        <v>1552019</v>
      </c>
      <c r="AZ12" s="104">
        <v>3065501</v>
      </c>
      <c r="BA12" s="104">
        <v>2262271</v>
      </c>
      <c r="BB12" s="104">
        <v>1913753</v>
      </c>
      <c r="BC12" s="104">
        <v>1788454</v>
      </c>
      <c r="BD12" s="103">
        <v>10581998</v>
      </c>
      <c r="BE12" s="106">
        <v>11215723</v>
      </c>
      <c r="BF12" s="100">
        <v>0</v>
      </c>
      <c r="BG12" s="104">
        <v>96722</v>
      </c>
      <c r="BH12" s="102">
        <v>96722</v>
      </c>
      <c r="BI12" s="101">
        <v>0</v>
      </c>
      <c r="BJ12" s="104">
        <v>94165</v>
      </c>
      <c r="BK12" s="104">
        <v>10676</v>
      </c>
      <c r="BL12" s="104">
        <v>71389</v>
      </c>
      <c r="BM12" s="104">
        <v>201724</v>
      </c>
      <c r="BN12" s="104">
        <v>0</v>
      </c>
      <c r="BO12" s="103">
        <v>377954</v>
      </c>
      <c r="BP12" s="106">
        <v>474676</v>
      </c>
      <c r="BQ12" s="100">
        <v>185016</v>
      </c>
      <c r="BR12" s="104">
        <v>202456</v>
      </c>
      <c r="BS12" s="103">
        <v>387472</v>
      </c>
      <c r="BT12" s="100">
        <v>0</v>
      </c>
      <c r="BU12" s="104">
        <v>1062176</v>
      </c>
      <c r="BV12" s="104">
        <v>1436432</v>
      </c>
      <c r="BW12" s="104">
        <v>1401688</v>
      </c>
      <c r="BX12" s="104">
        <v>1090024</v>
      </c>
      <c r="BY12" s="104">
        <v>768208</v>
      </c>
      <c r="BZ12" s="103">
        <v>5758528</v>
      </c>
      <c r="CA12" s="106">
        <v>6146000</v>
      </c>
      <c r="CB12" s="100">
        <v>102417</v>
      </c>
      <c r="CC12" s="104">
        <v>351269</v>
      </c>
      <c r="CD12" s="103">
        <v>453686</v>
      </c>
      <c r="CE12" s="100">
        <v>0</v>
      </c>
      <c r="CF12" s="104">
        <v>5819578</v>
      </c>
      <c r="CG12" s="104">
        <v>9670762</v>
      </c>
      <c r="CH12" s="104">
        <v>7496482</v>
      </c>
      <c r="CI12" s="104">
        <v>4737661</v>
      </c>
      <c r="CJ12" s="104">
        <v>1693438</v>
      </c>
      <c r="CK12" s="103">
        <v>29417921</v>
      </c>
      <c r="CL12" s="106">
        <v>29871607</v>
      </c>
      <c r="CM12" s="100">
        <v>0</v>
      </c>
      <c r="CN12" s="104">
        <v>0</v>
      </c>
      <c r="CO12" s="103">
        <v>0</v>
      </c>
      <c r="CP12" s="101">
        <v>0</v>
      </c>
      <c r="CQ12" s="104">
        <v>5351008</v>
      </c>
      <c r="CR12" s="104">
        <v>7495918</v>
      </c>
      <c r="CS12" s="104">
        <v>6298698</v>
      </c>
      <c r="CT12" s="104">
        <v>3731878</v>
      </c>
      <c r="CU12" s="104">
        <v>1693438</v>
      </c>
      <c r="CV12" s="103">
        <v>24570940</v>
      </c>
      <c r="CW12" s="106">
        <v>24570940</v>
      </c>
      <c r="CX12" s="100">
        <v>102417</v>
      </c>
      <c r="CY12" s="104">
        <v>351269</v>
      </c>
      <c r="CZ12" s="103">
        <v>453686</v>
      </c>
      <c r="DA12" s="100">
        <v>0</v>
      </c>
      <c r="DB12" s="104">
        <v>468570</v>
      </c>
      <c r="DC12" s="104">
        <v>2174844</v>
      </c>
      <c r="DD12" s="104">
        <v>1197784</v>
      </c>
      <c r="DE12" s="104">
        <v>1005783</v>
      </c>
      <c r="DF12" s="104">
        <v>0</v>
      </c>
      <c r="DG12" s="103">
        <v>4846981</v>
      </c>
      <c r="DH12" s="106">
        <v>5300667</v>
      </c>
      <c r="DI12" s="100">
        <v>0</v>
      </c>
      <c r="DJ12" s="104">
        <v>22863</v>
      </c>
      <c r="DK12" s="102">
        <v>22863</v>
      </c>
      <c r="DL12" s="101">
        <v>0</v>
      </c>
      <c r="DM12" s="104">
        <v>1121687</v>
      </c>
      <c r="DN12" s="104">
        <v>1500747</v>
      </c>
      <c r="DO12" s="104">
        <v>2084638</v>
      </c>
      <c r="DP12" s="104">
        <v>2389287</v>
      </c>
      <c r="DQ12" s="104">
        <v>925121</v>
      </c>
      <c r="DR12" s="103">
        <v>8021480</v>
      </c>
      <c r="DS12" s="106">
        <v>8044343</v>
      </c>
      <c r="DT12" s="100">
        <v>0</v>
      </c>
      <c r="DU12" s="104">
        <v>22863</v>
      </c>
      <c r="DV12" s="103">
        <v>22863</v>
      </c>
      <c r="DW12" s="100">
        <v>0</v>
      </c>
      <c r="DX12" s="104">
        <v>1087251</v>
      </c>
      <c r="DY12" s="104">
        <v>1385559</v>
      </c>
      <c r="DZ12" s="104">
        <v>2061333</v>
      </c>
      <c r="EA12" s="104">
        <v>2353469</v>
      </c>
      <c r="EB12" s="104">
        <v>848847</v>
      </c>
      <c r="EC12" s="103">
        <v>7736459</v>
      </c>
      <c r="ED12" s="106">
        <v>7759322</v>
      </c>
      <c r="EE12" s="100">
        <v>0</v>
      </c>
      <c r="EF12" s="102">
        <v>0</v>
      </c>
      <c r="EG12" s="103">
        <v>0</v>
      </c>
      <c r="EH12" s="100">
        <v>0</v>
      </c>
      <c r="EI12" s="104">
        <v>34436</v>
      </c>
      <c r="EJ12" s="104">
        <v>115188</v>
      </c>
      <c r="EK12" s="104">
        <v>23305</v>
      </c>
      <c r="EL12" s="104">
        <v>35818</v>
      </c>
      <c r="EM12" s="104">
        <v>76274</v>
      </c>
      <c r="EN12" s="102">
        <v>285021</v>
      </c>
      <c r="EO12" s="106">
        <v>285021</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v>0</v>
      </c>
      <c r="FE12" s="104">
        <v>0</v>
      </c>
      <c r="FF12" s="104">
        <v>0</v>
      </c>
      <c r="FG12" s="104">
        <v>0</v>
      </c>
      <c r="FH12" s="104">
        <v>0</v>
      </c>
      <c r="FI12" s="104">
        <v>0</v>
      </c>
      <c r="FJ12" s="103">
        <v>0</v>
      </c>
      <c r="FK12" s="106">
        <v>0</v>
      </c>
      <c r="FL12" s="100">
        <v>341008</v>
      </c>
      <c r="FM12" s="104">
        <v>1559640</v>
      </c>
      <c r="FN12" s="103">
        <v>1900648</v>
      </c>
      <c r="FO12" s="100">
        <v>0</v>
      </c>
      <c r="FP12" s="104">
        <v>1460776</v>
      </c>
      <c r="FQ12" s="104">
        <v>3237008</v>
      </c>
      <c r="FR12" s="104">
        <v>1946304</v>
      </c>
      <c r="FS12" s="104">
        <v>1819749</v>
      </c>
      <c r="FT12" s="104">
        <v>1161336</v>
      </c>
      <c r="FU12" s="103">
        <v>9625173</v>
      </c>
      <c r="FV12" s="106">
        <v>11525821</v>
      </c>
      <c r="FW12" s="105">
        <v>153008</v>
      </c>
      <c r="FX12" s="104">
        <v>780184</v>
      </c>
      <c r="FY12" s="102">
        <v>933192</v>
      </c>
      <c r="FZ12" s="101">
        <v>0</v>
      </c>
      <c r="GA12" s="104">
        <v>764240</v>
      </c>
      <c r="GB12" s="104">
        <v>3003536</v>
      </c>
      <c r="GC12" s="104">
        <v>1926504</v>
      </c>
      <c r="GD12" s="104">
        <v>1780480</v>
      </c>
      <c r="GE12" s="104">
        <v>963856</v>
      </c>
      <c r="GF12" s="103">
        <v>8438616</v>
      </c>
      <c r="GG12" s="296">
        <v>9371808</v>
      </c>
      <c r="GH12" s="105">
        <v>0</v>
      </c>
      <c r="GI12" s="104">
        <v>77856</v>
      </c>
      <c r="GJ12" s="102">
        <v>77856</v>
      </c>
      <c r="GK12" s="101">
        <v>0</v>
      </c>
      <c r="GL12" s="104">
        <v>35816</v>
      </c>
      <c r="GM12" s="104">
        <v>10208</v>
      </c>
      <c r="GN12" s="104">
        <v>19800</v>
      </c>
      <c r="GO12" s="104">
        <v>39269</v>
      </c>
      <c r="GP12" s="104">
        <v>92800</v>
      </c>
      <c r="GQ12" s="103">
        <v>197893</v>
      </c>
      <c r="GR12" s="106">
        <v>275749</v>
      </c>
      <c r="GS12" s="100">
        <v>188000</v>
      </c>
      <c r="GT12" s="104">
        <v>701600</v>
      </c>
      <c r="GU12" s="103">
        <v>889600</v>
      </c>
      <c r="GV12" s="100">
        <v>0</v>
      </c>
      <c r="GW12" s="104">
        <v>660720</v>
      </c>
      <c r="GX12" s="104">
        <v>223264</v>
      </c>
      <c r="GY12" s="104">
        <v>0</v>
      </c>
      <c r="GZ12" s="104">
        <v>0</v>
      </c>
      <c r="HA12" s="104">
        <v>104680</v>
      </c>
      <c r="HB12" s="102">
        <v>988664</v>
      </c>
      <c r="HC12" s="106">
        <v>1878264</v>
      </c>
      <c r="HD12" s="100">
        <v>634434</v>
      </c>
      <c r="HE12" s="104">
        <v>571926</v>
      </c>
      <c r="HF12" s="102">
        <v>1206360</v>
      </c>
      <c r="HG12" s="101">
        <v>0</v>
      </c>
      <c r="HH12" s="104">
        <v>5529395</v>
      </c>
      <c r="HI12" s="104">
        <v>4107873</v>
      </c>
      <c r="HJ12" s="104">
        <v>6193893</v>
      </c>
      <c r="HK12" s="104">
        <v>5084058</v>
      </c>
      <c r="HL12" s="104">
        <v>2691059</v>
      </c>
      <c r="HM12" s="103">
        <v>23606278</v>
      </c>
      <c r="HN12" s="99">
        <v>24812638</v>
      </c>
      <c r="HO12" s="306"/>
      <c r="HP12" s="307"/>
      <c r="HQ12" s="308"/>
      <c r="HR12" s="309"/>
      <c r="HS12" s="307"/>
      <c r="HT12" s="307"/>
      <c r="HU12" s="307"/>
      <c r="HV12" s="307"/>
      <c r="HW12" s="307"/>
      <c r="HX12" s="310"/>
      <c r="HY12" s="311"/>
      <c r="HZ12" s="118">
        <v>-17072</v>
      </c>
      <c r="IA12" s="119">
        <v>77050</v>
      </c>
      <c r="IB12" s="120">
        <v>59978</v>
      </c>
      <c r="IC12" s="121">
        <v>0</v>
      </c>
      <c r="ID12" s="122">
        <v>4638571</v>
      </c>
      <c r="IE12" s="123">
        <v>8959605</v>
      </c>
      <c r="IF12" s="124">
        <v>8016076</v>
      </c>
      <c r="IG12" s="122">
        <v>5935276</v>
      </c>
      <c r="IH12" s="124">
        <v>5098535</v>
      </c>
      <c r="II12" s="125">
        <v>32648063</v>
      </c>
      <c r="IJ12" s="126">
        <v>32708041</v>
      </c>
      <c r="IK12" s="219">
        <v>0</v>
      </c>
      <c r="IL12" s="223">
        <v>0</v>
      </c>
      <c r="IM12" s="224">
        <v>0</v>
      </c>
      <c r="IN12" s="127"/>
      <c r="IO12" s="109">
        <v>232954</v>
      </c>
      <c r="IP12" s="109">
        <v>217883</v>
      </c>
      <c r="IQ12" s="109">
        <v>142289</v>
      </c>
      <c r="IR12" s="109">
        <v>0</v>
      </c>
      <c r="IS12" s="109">
        <v>778828</v>
      </c>
      <c r="IT12" s="128">
        <v>1371954</v>
      </c>
      <c r="IU12" s="298">
        <v>1371954</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2452963</v>
      </c>
      <c r="JL12" s="109">
        <v>3622496</v>
      </c>
      <c r="JM12" s="109">
        <v>3073854</v>
      </c>
      <c r="JN12" s="109">
        <v>1277545</v>
      </c>
      <c r="JO12" s="109">
        <v>1254732</v>
      </c>
      <c r="JP12" s="110">
        <v>11681590</v>
      </c>
      <c r="JQ12" s="298">
        <v>11681590</v>
      </c>
      <c r="JR12" s="129">
        <v>0</v>
      </c>
      <c r="JS12" s="109">
        <v>0</v>
      </c>
      <c r="JT12" s="128">
        <v>0</v>
      </c>
      <c r="JU12" s="108">
        <v>0</v>
      </c>
      <c r="JV12" s="109">
        <v>0</v>
      </c>
      <c r="JW12" s="109">
        <v>310518</v>
      </c>
      <c r="JX12" s="109">
        <v>178217</v>
      </c>
      <c r="JY12" s="109">
        <v>0</v>
      </c>
      <c r="JZ12" s="109">
        <v>0</v>
      </c>
      <c r="KA12" s="110">
        <v>488735</v>
      </c>
      <c r="KB12" s="298">
        <v>488735</v>
      </c>
      <c r="KC12" s="221">
        <v>-17072</v>
      </c>
      <c r="KD12" s="217">
        <v>77050</v>
      </c>
      <c r="KE12" s="110">
        <v>59978</v>
      </c>
      <c r="KF12" s="108">
        <v>0</v>
      </c>
      <c r="KG12" s="109">
        <v>851856</v>
      </c>
      <c r="KH12" s="109">
        <v>1337985</v>
      </c>
      <c r="KI12" s="109">
        <v>1201975</v>
      </c>
      <c r="KJ12" s="109">
        <v>524343</v>
      </c>
      <c r="KK12" s="109">
        <v>538490</v>
      </c>
      <c r="KL12" s="110">
        <v>4454649</v>
      </c>
      <c r="KM12" s="130">
        <v>4514627</v>
      </c>
      <c r="KN12" s="219">
        <v>0</v>
      </c>
      <c r="KO12" s="223">
        <v>0</v>
      </c>
      <c r="KP12" s="224">
        <v>0</v>
      </c>
      <c r="KQ12" s="127"/>
      <c r="KR12" s="109">
        <v>958270</v>
      </c>
      <c r="KS12" s="109">
        <v>2745957</v>
      </c>
      <c r="KT12" s="109">
        <v>2962273</v>
      </c>
      <c r="KU12" s="109">
        <v>2458526</v>
      </c>
      <c r="KV12" s="109">
        <v>2171925</v>
      </c>
      <c r="KW12" s="110">
        <v>11296951</v>
      </c>
      <c r="KX12" s="298">
        <v>11296951</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0</v>
      </c>
      <c r="LP12" s="109">
        <v>457468</v>
      </c>
      <c r="LQ12" s="109">
        <v>533162</v>
      </c>
      <c r="LR12" s="109">
        <v>0</v>
      </c>
      <c r="LS12" s="110">
        <v>990630</v>
      </c>
      <c r="LT12" s="298">
        <v>990630</v>
      </c>
      <c r="LU12" s="129">
        <v>0</v>
      </c>
      <c r="LV12" s="109">
        <v>0</v>
      </c>
      <c r="LW12" s="110">
        <v>0</v>
      </c>
      <c r="LX12" s="132"/>
      <c r="LY12" s="109">
        <v>142528</v>
      </c>
      <c r="LZ12" s="109">
        <v>724766</v>
      </c>
      <c r="MA12" s="109">
        <v>0</v>
      </c>
      <c r="MB12" s="109">
        <v>1141700</v>
      </c>
      <c r="MC12" s="109">
        <v>354560</v>
      </c>
      <c r="MD12" s="110">
        <v>2363554</v>
      </c>
      <c r="ME12" s="111">
        <v>2363554</v>
      </c>
      <c r="MF12" s="129">
        <v>0</v>
      </c>
      <c r="MG12" s="109">
        <v>0</v>
      </c>
      <c r="MH12" s="110">
        <v>0</v>
      </c>
      <c r="MI12" s="132"/>
      <c r="MJ12" s="109">
        <v>0</v>
      </c>
      <c r="MK12" s="109">
        <v>1494290</v>
      </c>
      <c r="ML12" s="109">
        <v>14872428</v>
      </c>
      <c r="MM12" s="109">
        <v>19883089</v>
      </c>
      <c r="MN12" s="109">
        <v>12473366</v>
      </c>
      <c r="MO12" s="110">
        <v>48723173</v>
      </c>
      <c r="MP12" s="130">
        <v>48723173</v>
      </c>
      <c r="MQ12" s="129">
        <v>0</v>
      </c>
      <c r="MR12" s="109">
        <v>0</v>
      </c>
      <c r="MS12" s="110">
        <v>0</v>
      </c>
      <c r="MT12" s="132"/>
      <c r="MU12" s="109">
        <v>0</v>
      </c>
      <c r="MV12" s="109">
        <v>0</v>
      </c>
      <c r="MW12" s="109">
        <v>10591444</v>
      </c>
      <c r="MX12" s="109">
        <v>14059680</v>
      </c>
      <c r="MY12" s="109">
        <v>7615500</v>
      </c>
      <c r="MZ12" s="110">
        <v>32266624</v>
      </c>
      <c r="NA12" s="130">
        <v>32266624</v>
      </c>
      <c r="NB12" s="129">
        <v>0</v>
      </c>
      <c r="NC12" s="109">
        <v>0</v>
      </c>
      <c r="ND12" s="110">
        <v>0</v>
      </c>
      <c r="NE12" s="132"/>
      <c r="NF12" s="109">
        <v>0</v>
      </c>
      <c r="NG12" s="109">
        <v>1494290</v>
      </c>
      <c r="NH12" s="109">
        <v>4280984</v>
      </c>
      <c r="NI12" s="109">
        <v>4441240</v>
      </c>
      <c r="NJ12" s="109">
        <v>2092631</v>
      </c>
      <c r="NK12" s="110">
        <v>12309145</v>
      </c>
      <c r="NL12" s="298">
        <v>12309145</v>
      </c>
      <c r="NM12" s="129">
        <v>0</v>
      </c>
      <c r="NN12" s="109">
        <v>0</v>
      </c>
      <c r="NO12" s="110">
        <v>0</v>
      </c>
      <c r="NP12" s="132"/>
      <c r="NQ12" s="109">
        <v>0</v>
      </c>
      <c r="NR12" s="109">
        <v>0</v>
      </c>
      <c r="NS12" s="109">
        <v>0</v>
      </c>
      <c r="NT12" s="109">
        <v>0</v>
      </c>
      <c r="NU12" s="109">
        <v>311156</v>
      </c>
      <c r="NV12" s="110">
        <v>311156</v>
      </c>
      <c r="NW12" s="111">
        <v>311156</v>
      </c>
      <c r="NX12" s="129">
        <v>0</v>
      </c>
      <c r="NY12" s="109">
        <v>0</v>
      </c>
      <c r="NZ12" s="110">
        <v>0</v>
      </c>
      <c r="OA12" s="132"/>
      <c r="OB12" s="109">
        <v>0</v>
      </c>
      <c r="OC12" s="109">
        <v>0</v>
      </c>
      <c r="OD12" s="109">
        <v>0</v>
      </c>
      <c r="OE12" s="109">
        <v>1382169</v>
      </c>
      <c r="OF12" s="109">
        <v>2454079</v>
      </c>
      <c r="OG12" s="110">
        <v>3836248</v>
      </c>
      <c r="OH12" s="111">
        <v>3836248</v>
      </c>
      <c r="OI12" s="129">
        <v>1422730</v>
      </c>
      <c r="OJ12" s="109">
        <v>3338724</v>
      </c>
      <c r="OK12" s="128">
        <v>4761454</v>
      </c>
      <c r="OL12" s="108">
        <v>0</v>
      </c>
      <c r="OM12" s="109">
        <v>23444485</v>
      </c>
      <c r="ON12" s="109">
        <v>37687333</v>
      </c>
      <c r="OO12" s="109">
        <v>47871139</v>
      </c>
      <c r="OP12" s="109">
        <v>47670085</v>
      </c>
      <c r="OQ12" s="109">
        <v>30426235</v>
      </c>
      <c r="OR12" s="110">
        <v>187099277</v>
      </c>
      <c r="OS12" s="130">
        <v>191860731</v>
      </c>
    </row>
    <row r="13" spans="1:409" ht="21" customHeight="1" x14ac:dyDescent="0.2">
      <c r="B13" s="472" t="s">
        <v>7</v>
      </c>
      <c r="C13" s="100">
        <v>1027220</v>
      </c>
      <c r="D13" s="104">
        <v>2016359</v>
      </c>
      <c r="E13" s="103">
        <v>3043579</v>
      </c>
      <c r="F13" s="99">
        <v>0</v>
      </c>
      <c r="G13" s="104">
        <v>25671878</v>
      </c>
      <c r="H13" s="104">
        <v>27752957</v>
      </c>
      <c r="I13" s="104">
        <v>22859019</v>
      </c>
      <c r="J13" s="104">
        <v>18242337</v>
      </c>
      <c r="K13" s="104">
        <v>12396079</v>
      </c>
      <c r="L13" s="99">
        <v>106922270</v>
      </c>
      <c r="M13" s="106">
        <v>109965849</v>
      </c>
      <c r="N13" s="100">
        <v>251574</v>
      </c>
      <c r="O13" s="104">
        <v>400184</v>
      </c>
      <c r="P13" s="103">
        <v>651758</v>
      </c>
      <c r="Q13" s="100">
        <v>0</v>
      </c>
      <c r="R13" s="104">
        <v>7619373</v>
      </c>
      <c r="S13" s="104">
        <v>8804974</v>
      </c>
      <c r="T13" s="104">
        <v>7472452</v>
      </c>
      <c r="U13" s="104">
        <v>8609379</v>
      </c>
      <c r="V13" s="104">
        <v>6243895</v>
      </c>
      <c r="W13" s="103">
        <v>38750073</v>
      </c>
      <c r="X13" s="106">
        <v>39401831</v>
      </c>
      <c r="Y13" s="100">
        <v>0</v>
      </c>
      <c r="Z13" s="104">
        <v>0</v>
      </c>
      <c r="AA13" s="103">
        <v>0</v>
      </c>
      <c r="AB13" s="100">
        <v>0</v>
      </c>
      <c r="AC13" s="104">
        <v>3718222</v>
      </c>
      <c r="AD13" s="104">
        <v>4646652</v>
      </c>
      <c r="AE13" s="104">
        <v>4243889</v>
      </c>
      <c r="AF13" s="104">
        <v>5226231</v>
      </c>
      <c r="AG13" s="104">
        <v>3798690</v>
      </c>
      <c r="AH13" s="103">
        <v>21633684</v>
      </c>
      <c r="AI13" s="106">
        <v>21633684</v>
      </c>
      <c r="AJ13" s="100">
        <v>0</v>
      </c>
      <c r="AK13" s="104">
        <v>0</v>
      </c>
      <c r="AL13" s="103">
        <v>0</v>
      </c>
      <c r="AM13" s="100">
        <v>0</v>
      </c>
      <c r="AN13" s="104">
        <v>35078</v>
      </c>
      <c r="AO13" s="104">
        <v>292286</v>
      </c>
      <c r="AP13" s="104">
        <v>305836</v>
      </c>
      <c r="AQ13" s="104">
        <v>983306</v>
      </c>
      <c r="AR13" s="104">
        <v>849974</v>
      </c>
      <c r="AS13" s="103">
        <v>2466480</v>
      </c>
      <c r="AT13" s="106">
        <v>2466480</v>
      </c>
      <c r="AU13" s="100">
        <v>69782</v>
      </c>
      <c r="AV13" s="104">
        <v>263088</v>
      </c>
      <c r="AW13" s="103">
        <v>332870</v>
      </c>
      <c r="AX13" s="100">
        <v>0</v>
      </c>
      <c r="AY13" s="104">
        <v>2178052</v>
      </c>
      <c r="AZ13" s="104">
        <v>2327734</v>
      </c>
      <c r="BA13" s="104">
        <v>1296241</v>
      </c>
      <c r="BB13" s="104">
        <v>1370005</v>
      </c>
      <c r="BC13" s="104">
        <v>898530</v>
      </c>
      <c r="BD13" s="103">
        <v>8070562</v>
      </c>
      <c r="BE13" s="106">
        <v>8403432</v>
      </c>
      <c r="BF13" s="100">
        <v>0</v>
      </c>
      <c r="BG13" s="104">
        <v>0</v>
      </c>
      <c r="BH13" s="102">
        <v>0</v>
      </c>
      <c r="BI13" s="101">
        <v>0</v>
      </c>
      <c r="BJ13" s="104">
        <v>208437</v>
      </c>
      <c r="BK13" s="104">
        <v>195134</v>
      </c>
      <c r="BL13" s="104">
        <v>396908</v>
      </c>
      <c r="BM13" s="104">
        <v>160213</v>
      </c>
      <c r="BN13" s="104">
        <v>5181</v>
      </c>
      <c r="BO13" s="103">
        <v>965873</v>
      </c>
      <c r="BP13" s="106">
        <v>965873</v>
      </c>
      <c r="BQ13" s="100">
        <v>181792</v>
      </c>
      <c r="BR13" s="104">
        <v>137096</v>
      </c>
      <c r="BS13" s="103">
        <v>318888</v>
      </c>
      <c r="BT13" s="100">
        <v>0</v>
      </c>
      <c r="BU13" s="104">
        <v>1479584</v>
      </c>
      <c r="BV13" s="104">
        <v>1343168</v>
      </c>
      <c r="BW13" s="104">
        <v>1229578</v>
      </c>
      <c r="BX13" s="104">
        <v>869624</v>
      </c>
      <c r="BY13" s="104">
        <v>691520</v>
      </c>
      <c r="BZ13" s="103">
        <v>5613474</v>
      </c>
      <c r="CA13" s="106">
        <v>5932362</v>
      </c>
      <c r="CB13" s="100">
        <v>0</v>
      </c>
      <c r="CC13" s="104">
        <v>111422</v>
      </c>
      <c r="CD13" s="103">
        <v>111422</v>
      </c>
      <c r="CE13" s="100">
        <v>0</v>
      </c>
      <c r="CF13" s="104">
        <v>8063552</v>
      </c>
      <c r="CG13" s="104">
        <v>6453619</v>
      </c>
      <c r="CH13" s="104">
        <v>4727061</v>
      </c>
      <c r="CI13" s="104">
        <v>2109964</v>
      </c>
      <c r="CJ13" s="104">
        <v>801612</v>
      </c>
      <c r="CK13" s="103">
        <v>22155808</v>
      </c>
      <c r="CL13" s="106">
        <v>22267230</v>
      </c>
      <c r="CM13" s="100">
        <v>0</v>
      </c>
      <c r="CN13" s="104">
        <v>0</v>
      </c>
      <c r="CO13" s="103">
        <v>0</v>
      </c>
      <c r="CP13" s="101">
        <v>0</v>
      </c>
      <c r="CQ13" s="104">
        <v>6982418</v>
      </c>
      <c r="CR13" s="104">
        <v>5091934</v>
      </c>
      <c r="CS13" s="104">
        <v>3415516</v>
      </c>
      <c r="CT13" s="104">
        <v>1777741</v>
      </c>
      <c r="CU13" s="104">
        <v>785172</v>
      </c>
      <c r="CV13" s="103">
        <v>18052781</v>
      </c>
      <c r="CW13" s="106">
        <v>18052781</v>
      </c>
      <c r="CX13" s="100">
        <v>0</v>
      </c>
      <c r="CY13" s="104">
        <v>111422</v>
      </c>
      <c r="CZ13" s="103">
        <v>111422</v>
      </c>
      <c r="DA13" s="100">
        <v>0</v>
      </c>
      <c r="DB13" s="104">
        <v>1081134</v>
      </c>
      <c r="DC13" s="104">
        <v>1361685</v>
      </c>
      <c r="DD13" s="104">
        <v>1311545</v>
      </c>
      <c r="DE13" s="104">
        <v>332223</v>
      </c>
      <c r="DF13" s="104">
        <v>16440</v>
      </c>
      <c r="DG13" s="103">
        <v>4103027</v>
      </c>
      <c r="DH13" s="106">
        <v>4214449</v>
      </c>
      <c r="DI13" s="100">
        <v>0</v>
      </c>
      <c r="DJ13" s="104">
        <v>0</v>
      </c>
      <c r="DK13" s="102">
        <v>0</v>
      </c>
      <c r="DL13" s="101">
        <v>0</v>
      </c>
      <c r="DM13" s="104">
        <v>844524</v>
      </c>
      <c r="DN13" s="104">
        <v>2259752</v>
      </c>
      <c r="DO13" s="104">
        <v>2459642</v>
      </c>
      <c r="DP13" s="104">
        <v>1462872</v>
      </c>
      <c r="DQ13" s="104">
        <v>680315</v>
      </c>
      <c r="DR13" s="103">
        <v>7707105</v>
      </c>
      <c r="DS13" s="106">
        <v>7707105</v>
      </c>
      <c r="DT13" s="100">
        <v>0</v>
      </c>
      <c r="DU13" s="104">
        <v>0</v>
      </c>
      <c r="DV13" s="103">
        <v>0</v>
      </c>
      <c r="DW13" s="100">
        <v>0</v>
      </c>
      <c r="DX13" s="104">
        <v>804890</v>
      </c>
      <c r="DY13" s="104">
        <v>2105143</v>
      </c>
      <c r="DZ13" s="104">
        <v>2178154</v>
      </c>
      <c r="EA13" s="104">
        <v>1182457</v>
      </c>
      <c r="EB13" s="104">
        <v>680315</v>
      </c>
      <c r="EC13" s="103">
        <v>6950959</v>
      </c>
      <c r="ED13" s="106">
        <v>6950959</v>
      </c>
      <c r="EE13" s="100">
        <v>0</v>
      </c>
      <c r="EF13" s="102">
        <v>0</v>
      </c>
      <c r="EG13" s="103">
        <v>0</v>
      </c>
      <c r="EH13" s="100">
        <v>0</v>
      </c>
      <c r="EI13" s="104">
        <v>39634</v>
      </c>
      <c r="EJ13" s="104">
        <v>154609</v>
      </c>
      <c r="EK13" s="104">
        <v>281488</v>
      </c>
      <c r="EL13" s="104">
        <v>280415</v>
      </c>
      <c r="EM13" s="104">
        <v>0</v>
      </c>
      <c r="EN13" s="102">
        <v>756146</v>
      </c>
      <c r="EO13" s="106">
        <v>756146</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v>0</v>
      </c>
      <c r="FE13" s="104">
        <v>0</v>
      </c>
      <c r="FF13" s="104">
        <v>0</v>
      </c>
      <c r="FG13" s="104">
        <v>0</v>
      </c>
      <c r="FH13" s="104">
        <v>0</v>
      </c>
      <c r="FI13" s="104">
        <v>0</v>
      </c>
      <c r="FJ13" s="103">
        <v>0</v>
      </c>
      <c r="FK13" s="106">
        <v>0</v>
      </c>
      <c r="FL13" s="100">
        <v>137432</v>
      </c>
      <c r="FM13" s="104">
        <v>649464</v>
      </c>
      <c r="FN13" s="103">
        <v>786896</v>
      </c>
      <c r="FO13" s="100">
        <v>0</v>
      </c>
      <c r="FP13" s="104">
        <v>880560</v>
      </c>
      <c r="FQ13" s="104">
        <v>2840632</v>
      </c>
      <c r="FR13" s="104">
        <v>2262024</v>
      </c>
      <c r="FS13" s="104">
        <v>1237264</v>
      </c>
      <c r="FT13" s="104">
        <v>1343816</v>
      </c>
      <c r="FU13" s="103">
        <v>8564296</v>
      </c>
      <c r="FV13" s="106">
        <v>9351192</v>
      </c>
      <c r="FW13" s="105">
        <v>77432</v>
      </c>
      <c r="FX13" s="104">
        <v>119744</v>
      </c>
      <c r="FY13" s="102">
        <v>197176</v>
      </c>
      <c r="FZ13" s="101">
        <v>0</v>
      </c>
      <c r="GA13" s="104">
        <v>738176</v>
      </c>
      <c r="GB13" s="104">
        <v>2497560</v>
      </c>
      <c r="GC13" s="104">
        <v>1858104</v>
      </c>
      <c r="GD13" s="104">
        <v>1187280</v>
      </c>
      <c r="GE13" s="104">
        <v>1145416</v>
      </c>
      <c r="GF13" s="103">
        <v>7426536</v>
      </c>
      <c r="GG13" s="296">
        <v>7623712</v>
      </c>
      <c r="GH13" s="105">
        <v>0</v>
      </c>
      <c r="GI13" s="104">
        <v>29040</v>
      </c>
      <c r="GJ13" s="102">
        <v>29040</v>
      </c>
      <c r="GK13" s="101">
        <v>0</v>
      </c>
      <c r="GL13" s="104">
        <v>81664</v>
      </c>
      <c r="GM13" s="104">
        <v>53472</v>
      </c>
      <c r="GN13" s="104">
        <v>106640</v>
      </c>
      <c r="GO13" s="104">
        <v>49984</v>
      </c>
      <c r="GP13" s="104">
        <v>0</v>
      </c>
      <c r="GQ13" s="103">
        <v>291760</v>
      </c>
      <c r="GR13" s="106">
        <v>320800</v>
      </c>
      <c r="GS13" s="100">
        <v>60000</v>
      </c>
      <c r="GT13" s="104">
        <v>500680</v>
      </c>
      <c r="GU13" s="103">
        <v>560680</v>
      </c>
      <c r="GV13" s="100">
        <v>0</v>
      </c>
      <c r="GW13" s="104">
        <v>60720</v>
      </c>
      <c r="GX13" s="104">
        <v>289600</v>
      </c>
      <c r="GY13" s="104">
        <v>297280</v>
      </c>
      <c r="GZ13" s="104">
        <v>0</v>
      </c>
      <c r="HA13" s="104">
        <v>198400</v>
      </c>
      <c r="HB13" s="102">
        <v>846000</v>
      </c>
      <c r="HC13" s="106">
        <v>1406680</v>
      </c>
      <c r="HD13" s="100">
        <v>638214</v>
      </c>
      <c r="HE13" s="104">
        <v>855289</v>
      </c>
      <c r="HF13" s="102">
        <v>1493503</v>
      </c>
      <c r="HG13" s="101">
        <v>0</v>
      </c>
      <c r="HH13" s="104">
        <v>8263869</v>
      </c>
      <c r="HI13" s="104">
        <v>7393980</v>
      </c>
      <c r="HJ13" s="104">
        <v>5937840</v>
      </c>
      <c r="HK13" s="104">
        <v>4822858</v>
      </c>
      <c r="HL13" s="104">
        <v>3326441</v>
      </c>
      <c r="HM13" s="103">
        <v>29744988</v>
      </c>
      <c r="HN13" s="99">
        <v>31238491</v>
      </c>
      <c r="HO13" s="306"/>
      <c r="HP13" s="307"/>
      <c r="HQ13" s="308"/>
      <c r="HR13" s="309"/>
      <c r="HS13" s="307"/>
      <c r="HT13" s="307"/>
      <c r="HU13" s="307"/>
      <c r="HV13" s="307"/>
      <c r="HW13" s="307"/>
      <c r="HX13" s="310"/>
      <c r="HY13" s="311"/>
      <c r="HZ13" s="118">
        <v>0</v>
      </c>
      <c r="IA13" s="119">
        <v>0</v>
      </c>
      <c r="IB13" s="120">
        <v>0</v>
      </c>
      <c r="IC13" s="133">
        <v>0</v>
      </c>
      <c r="ID13" s="119">
        <v>5566757</v>
      </c>
      <c r="IE13" s="134">
        <v>5247482</v>
      </c>
      <c r="IF13" s="120">
        <v>6744028</v>
      </c>
      <c r="IG13" s="119">
        <v>1755710</v>
      </c>
      <c r="IH13" s="120">
        <v>2806024</v>
      </c>
      <c r="II13" s="135">
        <v>22120001</v>
      </c>
      <c r="IJ13" s="126">
        <v>22120001</v>
      </c>
      <c r="IK13" s="219">
        <v>0</v>
      </c>
      <c r="IL13" s="223">
        <v>0</v>
      </c>
      <c r="IM13" s="224">
        <v>0</v>
      </c>
      <c r="IN13" s="127"/>
      <c r="IO13" s="109">
        <v>0</v>
      </c>
      <c r="IP13" s="109">
        <v>0</v>
      </c>
      <c r="IQ13" s="109">
        <v>0</v>
      </c>
      <c r="IR13" s="109">
        <v>0</v>
      </c>
      <c r="IS13" s="109">
        <v>276282</v>
      </c>
      <c r="IT13" s="128">
        <v>276282</v>
      </c>
      <c r="IU13" s="298">
        <v>276282</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3089155</v>
      </c>
      <c r="JL13" s="109">
        <v>2534073</v>
      </c>
      <c r="JM13" s="109">
        <v>1352919</v>
      </c>
      <c r="JN13" s="109">
        <v>298633</v>
      </c>
      <c r="JO13" s="109">
        <v>306332</v>
      </c>
      <c r="JP13" s="110">
        <v>7581112</v>
      </c>
      <c r="JQ13" s="298">
        <v>7581112</v>
      </c>
      <c r="JR13" s="129">
        <v>0</v>
      </c>
      <c r="JS13" s="109">
        <v>0</v>
      </c>
      <c r="JT13" s="128">
        <v>0</v>
      </c>
      <c r="JU13" s="108">
        <v>0</v>
      </c>
      <c r="JV13" s="109">
        <v>645618</v>
      </c>
      <c r="JW13" s="109">
        <v>1158093</v>
      </c>
      <c r="JX13" s="109">
        <v>454901</v>
      </c>
      <c r="JY13" s="109">
        <v>391146</v>
      </c>
      <c r="JZ13" s="109">
        <v>198516</v>
      </c>
      <c r="KA13" s="110">
        <v>2848274</v>
      </c>
      <c r="KB13" s="298">
        <v>2848274</v>
      </c>
      <c r="KC13" s="221">
        <v>0</v>
      </c>
      <c r="KD13" s="217">
        <v>0</v>
      </c>
      <c r="KE13" s="110">
        <v>0</v>
      </c>
      <c r="KF13" s="108">
        <v>0</v>
      </c>
      <c r="KG13" s="109">
        <v>333994</v>
      </c>
      <c r="KH13" s="109">
        <v>474554</v>
      </c>
      <c r="KI13" s="109">
        <v>525768</v>
      </c>
      <c r="KJ13" s="109">
        <v>0</v>
      </c>
      <c r="KK13" s="109">
        <v>0</v>
      </c>
      <c r="KL13" s="110">
        <v>1334316</v>
      </c>
      <c r="KM13" s="130">
        <v>1334316</v>
      </c>
      <c r="KN13" s="219">
        <v>0</v>
      </c>
      <c r="KO13" s="223">
        <v>0</v>
      </c>
      <c r="KP13" s="224">
        <v>0</v>
      </c>
      <c r="KQ13" s="127"/>
      <c r="KR13" s="109">
        <v>1339099</v>
      </c>
      <c r="KS13" s="109">
        <v>1080762</v>
      </c>
      <c r="KT13" s="109">
        <v>4125937</v>
      </c>
      <c r="KU13" s="109">
        <v>550839</v>
      </c>
      <c r="KV13" s="109">
        <v>1045942</v>
      </c>
      <c r="KW13" s="110">
        <v>8142579</v>
      </c>
      <c r="KX13" s="298">
        <v>8142579</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158891</v>
      </c>
      <c r="LZ13" s="109">
        <v>0</v>
      </c>
      <c r="MA13" s="109">
        <v>284503</v>
      </c>
      <c r="MB13" s="109">
        <v>515092</v>
      </c>
      <c r="MC13" s="109">
        <v>978952</v>
      </c>
      <c r="MD13" s="110">
        <v>1937438</v>
      </c>
      <c r="ME13" s="111">
        <v>1937438</v>
      </c>
      <c r="MF13" s="129">
        <v>0</v>
      </c>
      <c r="MG13" s="109">
        <v>0</v>
      </c>
      <c r="MH13" s="110">
        <v>0</v>
      </c>
      <c r="MI13" s="132"/>
      <c r="MJ13" s="109">
        <v>4218843</v>
      </c>
      <c r="MK13" s="109">
        <v>2518473</v>
      </c>
      <c r="ML13" s="109">
        <v>6895108</v>
      </c>
      <c r="MM13" s="109">
        <v>18987851</v>
      </c>
      <c r="MN13" s="109">
        <v>8962744</v>
      </c>
      <c r="MO13" s="110">
        <v>41583019</v>
      </c>
      <c r="MP13" s="130">
        <v>41583019</v>
      </c>
      <c r="MQ13" s="129">
        <v>0</v>
      </c>
      <c r="MR13" s="109">
        <v>0</v>
      </c>
      <c r="MS13" s="110">
        <v>0</v>
      </c>
      <c r="MT13" s="132"/>
      <c r="MU13" s="109">
        <v>0</v>
      </c>
      <c r="MV13" s="109">
        <v>634011</v>
      </c>
      <c r="MW13" s="109">
        <v>4823018</v>
      </c>
      <c r="MX13" s="109">
        <v>12414284</v>
      </c>
      <c r="MY13" s="109">
        <v>7583698</v>
      </c>
      <c r="MZ13" s="110">
        <v>25455011</v>
      </c>
      <c r="NA13" s="130">
        <v>25455011</v>
      </c>
      <c r="NB13" s="129">
        <v>0</v>
      </c>
      <c r="NC13" s="109">
        <v>0</v>
      </c>
      <c r="ND13" s="110">
        <v>0</v>
      </c>
      <c r="NE13" s="132"/>
      <c r="NF13" s="109">
        <v>4218843</v>
      </c>
      <c r="NG13" s="109">
        <v>1884462</v>
      </c>
      <c r="NH13" s="109">
        <v>2072090</v>
      </c>
      <c r="NI13" s="109">
        <v>6573567</v>
      </c>
      <c r="NJ13" s="109">
        <v>1379046</v>
      </c>
      <c r="NK13" s="110">
        <v>16128008</v>
      </c>
      <c r="NL13" s="298">
        <v>16128008</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1027220</v>
      </c>
      <c r="OJ13" s="109">
        <v>2016359</v>
      </c>
      <c r="OK13" s="128">
        <v>3043579</v>
      </c>
      <c r="OL13" s="108">
        <v>0</v>
      </c>
      <c r="OM13" s="109">
        <v>35457478</v>
      </c>
      <c r="ON13" s="109">
        <v>35518912</v>
      </c>
      <c r="OO13" s="109">
        <v>36498155</v>
      </c>
      <c r="OP13" s="109">
        <v>38985898</v>
      </c>
      <c r="OQ13" s="109">
        <v>24164847</v>
      </c>
      <c r="OR13" s="110">
        <v>170625290</v>
      </c>
      <c r="OS13" s="130">
        <v>173668869</v>
      </c>
    </row>
    <row r="14" spans="1:409" ht="21" customHeight="1" x14ac:dyDescent="0.2">
      <c r="B14" s="472" t="s">
        <v>8</v>
      </c>
      <c r="C14" s="100">
        <v>938799</v>
      </c>
      <c r="D14" s="104">
        <v>617860</v>
      </c>
      <c r="E14" s="103">
        <v>1556659</v>
      </c>
      <c r="F14" s="99">
        <v>0</v>
      </c>
      <c r="G14" s="104">
        <v>7565844</v>
      </c>
      <c r="H14" s="104">
        <v>8328755</v>
      </c>
      <c r="I14" s="104">
        <v>9984204</v>
      </c>
      <c r="J14" s="104">
        <v>5535406</v>
      </c>
      <c r="K14" s="104">
        <v>7208597</v>
      </c>
      <c r="L14" s="99">
        <v>38622806</v>
      </c>
      <c r="M14" s="106">
        <v>40179465</v>
      </c>
      <c r="N14" s="100">
        <v>176823</v>
      </c>
      <c r="O14" s="104">
        <v>158957</v>
      </c>
      <c r="P14" s="103">
        <v>335780</v>
      </c>
      <c r="Q14" s="100">
        <v>0</v>
      </c>
      <c r="R14" s="104">
        <v>1840078</v>
      </c>
      <c r="S14" s="104">
        <v>3432528</v>
      </c>
      <c r="T14" s="104">
        <v>3910899</v>
      </c>
      <c r="U14" s="104">
        <v>1938230</v>
      </c>
      <c r="V14" s="104">
        <v>3378482</v>
      </c>
      <c r="W14" s="103">
        <v>14500217</v>
      </c>
      <c r="X14" s="106">
        <v>14835997</v>
      </c>
      <c r="Y14" s="100">
        <v>0</v>
      </c>
      <c r="Z14" s="104">
        <v>0</v>
      </c>
      <c r="AA14" s="103">
        <v>0</v>
      </c>
      <c r="AB14" s="100">
        <v>0</v>
      </c>
      <c r="AC14" s="104">
        <v>603889</v>
      </c>
      <c r="AD14" s="104">
        <v>1813564</v>
      </c>
      <c r="AE14" s="104">
        <v>2519305</v>
      </c>
      <c r="AF14" s="104">
        <v>1150924</v>
      </c>
      <c r="AG14" s="104">
        <v>2083013</v>
      </c>
      <c r="AH14" s="103">
        <v>8170695</v>
      </c>
      <c r="AI14" s="106">
        <v>8170695</v>
      </c>
      <c r="AJ14" s="100">
        <v>0</v>
      </c>
      <c r="AK14" s="104">
        <v>0</v>
      </c>
      <c r="AL14" s="103">
        <v>0</v>
      </c>
      <c r="AM14" s="100">
        <v>0</v>
      </c>
      <c r="AN14" s="104">
        <v>0</v>
      </c>
      <c r="AO14" s="104">
        <v>13652</v>
      </c>
      <c r="AP14" s="104">
        <v>0</v>
      </c>
      <c r="AQ14" s="104">
        <v>0</v>
      </c>
      <c r="AR14" s="104">
        <v>400980</v>
      </c>
      <c r="AS14" s="103">
        <v>414632</v>
      </c>
      <c r="AT14" s="106">
        <v>414632</v>
      </c>
      <c r="AU14" s="100">
        <v>48535</v>
      </c>
      <c r="AV14" s="104">
        <v>54834</v>
      </c>
      <c r="AW14" s="103">
        <v>103369</v>
      </c>
      <c r="AX14" s="100">
        <v>0</v>
      </c>
      <c r="AY14" s="104">
        <v>711458</v>
      </c>
      <c r="AZ14" s="104">
        <v>1104620</v>
      </c>
      <c r="BA14" s="104">
        <v>771916</v>
      </c>
      <c r="BB14" s="104">
        <v>360331</v>
      </c>
      <c r="BC14" s="104">
        <v>618233</v>
      </c>
      <c r="BD14" s="103">
        <v>3566558</v>
      </c>
      <c r="BE14" s="106">
        <v>3669927</v>
      </c>
      <c r="BF14" s="100">
        <v>0</v>
      </c>
      <c r="BG14" s="104">
        <v>62155</v>
      </c>
      <c r="BH14" s="102">
        <v>62155</v>
      </c>
      <c r="BI14" s="101">
        <v>0</v>
      </c>
      <c r="BJ14" s="104">
        <v>66075</v>
      </c>
      <c r="BK14" s="104">
        <v>189148</v>
      </c>
      <c r="BL14" s="104">
        <v>149782</v>
      </c>
      <c r="BM14" s="104">
        <v>168079</v>
      </c>
      <c r="BN14" s="104">
        <v>0</v>
      </c>
      <c r="BO14" s="103">
        <v>573084</v>
      </c>
      <c r="BP14" s="106">
        <v>635239</v>
      </c>
      <c r="BQ14" s="100">
        <v>128288</v>
      </c>
      <c r="BR14" s="104">
        <v>41968</v>
      </c>
      <c r="BS14" s="103">
        <v>170256</v>
      </c>
      <c r="BT14" s="100">
        <v>0</v>
      </c>
      <c r="BU14" s="104">
        <v>458656</v>
      </c>
      <c r="BV14" s="104">
        <v>311544</v>
      </c>
      <c r="BW14" s="104">
        <v>469896</v>
      </c>
      <c r="BX14" s="104">
        <v>258896</v>
      </c>
      <c r="BY14" s="104">
        <v>276256</v>
      </c>
      <c r="BZ14" s="103">
        <v>1775248</v>
      </c>
      <c r="CA14" s="106">
        <v>1945504</v>
      </c>
      <c r="CB14" s="100">
        <v>102377</v>
      </c>
      <c r="CC14" s="104">
        <v>79875</v>
      </c>
      <c r="CD14" s="103">
        <v>182252</v>
      </c>
      <c r="CE14" s="100">
        <v>0</v>
      </c>
      <c r="CF14" s="104">
        <v>2270687</v>
      </c>
      <c r="CG14" s="104">
        <v>2460768</v>
      </c>
      <c r="CH14" s="104">
        <v>2624832</v>
      </c>
      <c r="CI14" s="104">
        <v>983225</v>
      </c>
      <c r="CJ14" s="104">
        <v>1055145</v>
      </c>
      <c r="CK14" s="103">
        <v>9394657</v>
      </c>
      <c r="CL14" s="106">
        <v>9576909</v>
      </c>
      <c r="CM14" s="100">
        <v>0</v>
      </c>
      <c r="CN14" s="104">
        <v>0</v>
      </c>
      <c r="CO14" s="103">
        <v>0</v>
      </c>
      <c r="CP14" s="101">
        <v>0</v>
      </c>
      <c r="CQ14" s="104">
        <v>1915262</v>
      </c>
      <c r="CR14" s="104">
        <v>1986112</v>
      </c>
      <c r="CS14" s="104">
        <v>2237356</v>
      </c>
      <c r="CT14" s="104">
        <v>780320</v>
      </c>
      <c r="CU14" s="104">
        <v>762094</v>
      </c>
      <c r="CV14" s="103">
        <v>7681144</v>
      </c>
      <c r="CW14" s="106">
        <v>7681144</v>
      </c>
      <c r="CX14" s="100">
        <v>102377</v>
      </c>
      <c r="CY14" s="104">
        <v>79875</v>
      </c>
      <c r="CZ14" s="103">
        <v>182252</v>
      </c>
      <c r="DA14" s="100">
        <v>0</v>
      </c>
      <c r="DB14" s="104">
        <v>355425</v>
      </c>
      <c r="DC14" s="104">
        <v>474656</v>
      </c>
      <c r="DD14" s="104">
        <v>387476</v>
      </c>
      <c r="DE14" s="104">
        <v>202905</v>
      </c>
      <c r="DF14" s="104">
        <v>293051</v>
      </c>
      <c r="DG14" s="103">
        <v>1713513</v>
      </c>
      <c r="DH14" s="106">
        <v>1895765</v>
      </c>
      <c r="DI14" s="100">
        <v>29100</v>
      </c>
      <c r="DJ14" s="104">
        <v>0</v>
      </c>
      <c r="DK14" s="102">
        <v>29100</v>
      </c>
      <c r="DL14" s="101">
        <v>0</v>
      </c>
      <c r="DM14" s="104">
        <v>382649</v>
      </c>
      <c r="DN14" s="104">
        <v>274095</v>
      </c>
      <c r="DO14" s="104">
        <v>1277380</v>
      </c>
      <c r="DP14" s="104">
        <v>436726</v>
      </c>
      <c r="DQ14" s="104">
        <v>450574</v>
      </c>
      <c r="DR14" s="103">
        <v>2821424</v>
      </c>
      <c r="DS14" s="106">
        <v>2850524</v>
      </c>
      <c r="DT14" s="100">
        <v>29100</v>
      </c>
      <c r="DU14" s="104">
        <v>0</v>
      </c>
      <c r="DV14" s="103">
        <v>29100</v>
      </c>
      <c r="DW14" s="100">
        <v>0</v>
      </c>
      <c r="DX14" s="104">
        <v>382649</v>
      </c>
      <c r="DY14" s="104">
        <v>274095</v>
      </c>
      <c r="DZ14" s="104">
        <v>1234712</v>
      </c>
      <c r="EA14" s="104">
        <v>436726</v>
      </c>
      <c r="EB14" s="104">
        <v>450574</v>
      </c>
      <c r="EC14" s="103">
        <v>2778756</v>
      </c>
      <c r="ED14" s="106">
        <v>2807856</v>
      </c>
      <c r="EE14" s="100">
        <v>0</v>
      </c>
      <c r="EF14" s="102">
        <v>0</v>
      </c>
      <c r="EG14" s="103">
        <v>0</v>
      </c>
      <c r="EH14" s="100">
        <v>0</v>
      </c>
      <c r="EI14" s="104">
        <v>0</v>
      </c>
      <c r="EJ14" s="104">
        <v>0</v>
      </c>
      <c r="EK14" s="104">
        <v>42668</v>
      </c>
      <c r="EL14" s="104">
        <v>0</v>
      </c>
      <c r="EM14" s="104">
        <v>0</v>
      </c>
      <c r="EN14" s="102">
        <v>42668</v>
      </c>
      <c r="EO14" s="106">
        <v>42668</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v>0</v>
      </c>
      <c r="FE14" s="104">
        <v>0</v>
      </c>
      <c r="FF14" s="104">
        <v>0</v>
      </c>
      <c r="FG14" s="104">
        <v>0</v>
      </c>
      <c r="FH14" s="104">
        <v>0</v>
      </c>
      <c r="FI14" s="104">
        <v>0</v>
      </c>
      <c r="FJ14" s="103">
        <v>0</v>
      </c>
      <c r="FK14" s="106">
        <v>0</v>
      </c>
      <c r="FL14" s="100">
        <v>210896</v>
      </c>
      <c r="FM14" s="104">
        <v>107216</v>
      </c>
      <c r="FN14" s="103">
        <v>318112</v>
      </c>
      <c r="FO14" s="100">
        <v>0</v>
      </c>
      <c r="FP14" s="104">
        <v>415408</v>
      </c>
      <c r="FQ14" s="104">
        <v>999784</v>
      </c>
      <c r="FR14" s="104">
        <v>1049347</v>
      </c>
      <c r="FS14" s="104">
        <v>726024</v>
      </c>
      <c r="FT14" s="104">
        <v>407136</v>
      </c>
      <c r="FU14" s="103">
        <v>3597699</v>
      </c>
      <c r="FV14" s="106">
        <v>3915811</v>
      </c>
      <c r="FW14" s="105">
        <v>50896</v>
      </c>
      <c r="FX14" s="104">
        <v>107216</v>
      </c>
      <c r="FY14" s="102">
        <v>158112</v>
      </c>
      <c r="FZ14" s="101">
        <v>0</v>
      </c>
      <c r="GA14" s="104">
        <v>320808</v>
      </c>
      <c r="GB14" s="104">
        <v>999784</v>
      </c>
      <c r="GC14" s="104">
        <v>927296</v>
      </c>
      <c r="GD14" s="104">
        <v>680264</v>
      </c>
      <c r="GE14" s="104">
        <v>407136</v>
      </c>
      <c r="GF14" s="103">
        <v>3335288</v>
      </c>
      <c r="GG14" s="296">
        <v>3493400</v>
      </c>
      <c r="GH14" s="105">
        <v>0</v>
      </c>
      <c r="GI14" s="104">
        <v>0</v>
      </c>
      <c r="GJ14" s="102">
        <v>0</v>
      </c>
      <c r="GK14" s="101">
        <v>0</v>
      </c>
      <c r="GL14" s="104">
        <v>66528</v>
      </c>
      <c r="GM14" s="104">
        <v>0</v>
      </c>
      <c r="GN14" s="104">
        <v>48080</v>
      </c>
      <c r="GO14" s="104">
        <v>45760</v>
      </c>
      <c r="GP14" s="104">
        <v>0</v>
      </c>
      <c r="GQ14" s="103">
        <v>160368</v>
      </c>
      <c r="GR14" s="106">
        <v>160368</v>
      </c>
      <c r="GS14" s="100">
        <v>160000</v>
      </c>
      <c r="GT14" s="104">
        <v>0</v>
      </c>
      <c r="GU14" s="103">
        <v>160000</v>
      </c>
      <c r="GV14" s="100">
        <v>0</v>
      </c>
      <c r="GW14" s="104">
        <v>28072</v>
      </c>
      <c r="GX14" s="104">
        <v>0</v>
      </c>
      <c r="GY14" s="104">
        <v>73971</v>
      </c>
      <c r="GZ14" s="104">
        <v>0</v>
      </c>
      <c r="HA14" s="104">
        <v>0</v>
      </c>
      <c r="HB14" s="102">
        <v>102043</v>
      </c>
      <c r="HC14" s="106">
        <v>262043</v>
      </c>
      <c r="HD14" s="100">
        <v>419603</v>
      </c>
      <c r="HE14" s="104">
        <v>271812</v>
      </c>
      <c r="HF14" s="102">
        <v>691415</v>
      </c>
      <c r="HG14" s="101">
        <v>0</v>
      </c>
      <c r="HH14" s="104">
        <v>2657022</v>
      </c>
      <c r="HI14" s="104">
        <v>1161580</v>
      </c>
      <c r="HJ14" s="104">
        <v>1121746</v>
      </c>
      <c r="HK14" s="104">
        <v>1451201</v>
      </c>
      <c r="HL14" s="104">
        <v>1917260</v>
      </c>
      <c r="HM14" s="103">
        <v>8308809</v>
      </c>
      <c r="HN14" s="99">
        <v>9000224</v>
      </c>
      <c r="HO14" s="306"/>
      <c r="HP14" s="307"/>
      <c r="HQ14" s="308"/>
      <c r="HR14" s="309"/>
      <c r="HS14" s="307"/>
      <c r="HT14" s="307"/>
      <c r="HU14" s="307"/>
      <c r="HV14" s="307"/>
      <c r="HW14" s="307"/>
      <c r="HX14" s="310"/>
      <c r="HY14" s="311"/>
      <c r="HZ14" s="118">
        <v>0</v>
      </c>
      <c r="IA14" s="119">
        <v>79588</v>
      </c>
      <c r="IB14" s="120">
        <v>79588</v>
      </c>
      <c r="IC14" s="121">
        <v>0</v>
      </c>
      <c r="ID14" s="122">
        <v>3091754</v>
      </c>
      <c r="IE14" s="123">
        <v>2241182</v>
      </c>
      <c r="IF14" s="124">
        <v>3514421</v>
      </c>
      <c r="IG14" s="122">
        <v>3247247</v>
      </c>
      <c r="IH14" s="124">
        <v>1511594</v>
      </c>
      <c r="II14" s="125">
        <v>13606198</v>
      </c>
      <c r="IJ14" s="126">
        <v>13685786</v>
      </c>
      <c r="IK14" s="219">
        <v>0</v>
      </c>
      <c r="IL14" s="223">
        <v>0</v>
      </c>
      <c r="IM14" s="224">
        <v>0</v>
      </c>
      <c r="IN14" s="127"/>
      <c r="IO14" s="109">
        <v>0</v>
      </c>
      <c r="IP14" s="109">
        <v>0</v>
      </c>
      <c r="IQ14" s="109">
        <v>0</v>
      </c>
      <c r="IR14" s="109">
        <v>198335</v>
      </c>
      <c r="IS14" s="109">
        <v>0</v>
      </c>
      <c r="IT14" s="128">
        <v>198335</v>
      </c>
      <c r="IU14" s="298">
        <v>198335</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281465</v>
      </c>
      <c r="JL14" s="109">
        <v>1325421</v>
      </c>
      <c r="JM14" s="109">
        <v>1209013</v>
      </c>
      <c r="JN14" s="109">
        <v>510442</v>
      </c>
      <c r="JO14" s="109">
        <v>380812</v>
      </c>
      <c r="JP14" s="110">
        <v>4707153</v>
      </c>
      <c r="JQ14" s="298">
        <v>4707153</v>
      </c>
      <c r="JR14" s="129">
        <v>0</v>
      </c>
      <c r="JS14" s="109">
        <v>0</v>
      </c>
      <c r="JT14" s="128">
        <v>0</v>
      </c>
      <c r="JU14" s="108">
        <v>0</v>
      </c>
      <c r="JV14" s="109">
        <v>90232</v>
      </c>
      <c r="JW14" s="109">
        <v>0</v>
      </c>
      <c r="JX14" s="109">
        <v>0</v>
      </c>
      <c r="JY14" s="109">
        <v>0</v>
      </c>
      <c r="JZ14" s="109">
        <v>13697</v>
      </c>
      <c r="KA14" s="110">
        <v>103929</v>
      </c>
      <c r="KB14" s="298">
        <v>103929</v>
      </c>
      <c r="KC14" s="221">
        <v>0</v>
      </c>
      <c r="KD14" s="217">
        <v>79588</v>
      </c>
      <c r="KE14" s="110">
        <v>79588</v>
      </c>
      <c r="KF14" s="108">
        <v>0</v>
      </c>
      <c r="KG14" s="109">
        <v>130000</v>
      </c>
      <c r="KH14" s="109">
        <v>172352</v>
      </c>
      <c r="KI14" s="109">
        <v>457767</v>
      </c>
      <c r="KJ14" s="109">
        <v>273269</v>
      </c>
      <c r="KK14" s="109">
        <v>285280</v>
      </c>
      <c r="KL14" s="110">
        <v>1318668</v>
      </c>
      <c r="KM14" s="130">
        <v>1398256</v>
      </c>
      <c r="KN14" s="219">
        <v>0</v>
      </c>
      <c r="KO14" s="223">
        <v>0</v>
      </c>
      <c r="KP14" s="224">
        <v>0</v>
      </c>
      <c r="KQ14" s="127"/>
      <c r="KR14" s="109">
        <v>1170921</v>
      </c>
      <c r="KS14" s="109">
        <v>743409</v>
      </c>
      <c r="KT14" s="109">
        <v>1011248</v>
      </c>
      <c r="KU14" s="109">
        <v>1044904</v>
      </c>
      <c r="KV14" s="109">
        <v>265437</v>
      </c>
      <c r="KW14" s="110">
        <v>4235919</v>
      </c>
      <c r="KX14" s="298">
        <v>4235919</v>
      </c>
      <c r="KY14" s="129">
        <v>0</v>
      </c>
      <c r="KZ14" s="109">
        <v>0</v>
      </c>
      <c r="LA14" s="110">
        <v>0</v>
      </c>
      <c r="LB14" s="132"/>
      <c r="LC14" s="109">
        <v>0</v>
      </c>
      <c r="LD14" s="109">
        <v>0</v>
      </c>
      <c r="LE14" s="109">
        <v>317537</v>
      </c>
      <c r="LF14" s="109">
        <v>375263</v>
      </c>
      <c r="LG14" s="109">
        <v>239656</v>
      </c>
      <c r="LH14" s="110">
        <v>932456</v>
      </c>
      <c r="LI14" s="111">
        <v>932456</v>
      </c>
      <c r="LJ14" s="129">
        <v>0</v>
      </c>
      <c r="LK14" s="109">
        <v>0</v>
      </c>
      <c r="LL14" s="110">
        <v>0</v>
      </c>
      <c r="LM14" s="132"/>
      <c r="LN14" s="109">
        <v>0</v>
      </c>
      <c r="LO14" s="109">
        <v>0</v>
      </c>
      <c r="LP14" s="109">
        <v>0</v>
      </c>
      <c r="LQ14" s="109">
        <v>248935</v>
      </c>
      <c r="LR14" s="109">
        <v>0</v>
      </c>
      <c r="LS14" s="110">
        <v>248935</v>
      </c>
      <c r="LT14" s="298">
        <v>248935</v>
      </c>
      <c r="LU14" s="129">
        <v>0</v>
      </c>
      <c r="LV14" s="109">
        <v>0</v>
      </c>
      <c r="LW14" s="110">
        <v>0</v>
      </c>
      <c r="LX14" s="132"/>
      <c r="LY14" s="109">
        <v>419136</v>
      </c>
      <c r="LZ14" s="109">
        <v>0</v>
      </c>
      <c r="MA14" s="109">
        <v>518856</v>
      </c>
      <c r="MB14" s="109">
        <v>596099</v>
      </c>
      <c r="MC14" s="109">
        <v>326712</v>
      </c>
      <c r="MD14" s="110">
        <v>1860803</v>
      </c>
      <c r="ME14" s="111">
        <v>1860803</v>
      </c>
      <c r="MF14" s="129">
        <v>0</v>
      </c>
      <c r="MG14" s="109">
        <v>0</v>
      </c>
      <c r="MH14" s="110">
        <v>0</v>
      </c>
      <c r="MI14" s="132"/>
      <c r="MJ14" s="109">
        <v>629941</v>
      </c>
      <c r="MK14" s="109">
        <v>480222</v>
      </c>
      <c r="ML14" s="109">
        <v>5420396</v>
      </c>
      <c r="MM14" s="109">
        <v>5894197</v>
      </c>
      <c r="MN14" s="109">
        <v>4082897</v>
      </c>
      <c r="MO14" s="110">
        <v>16507653</v>
      </c>
      <c r="MP14" s="130">
        <v>16507653</v>
      </c>
      <c r="MQ14" s="129">
        <v>0</v>
      </c>
      <c r="MR14" s="109">
        <v>0</v>
      </c>
      <c r="MS14" s="110">
        <v>0</v>
      </c>
      <c r="MT14" s="132"/>
      <c r="MU14" s="109">
        <v>203356</v>
      </c>
      <c r="MV14" s="109">
        <v>205655</v>
      </c>
      <c r="MW14" s="109">
        <v>3090319</v>
      </c>
      <c r="MX14" s="109">
        <v>3140917</v>
      </c>
      <c r="MY14" s="109">
        <v>1598693</v>
      </c>
      <c r="MZ14" s="110">
        <v>8238940</v>
      </c>
      <c r="NA14" s="130">
        <v>8238940</v>
      </c>
      <c r="NB14" s="129">
        <v>0</v>
      </c>
      <c r="NC14" s="109">
        <v>0</v>
      </c>
      <c r="ND14" s="110">
        <v>0</v>
      </c>
      <c r="NE14" s="132"/>
      <c r="NF14" s="109">
        <v>426585</v>
      </c>
      <c r="NG14" s="109">
        <v>274567</v>
      </c>
      <c r="NH14" s="109">
        <v>2330077</v>
      </c>
      <c r="NI14" s="109">
        <v>2146064</v>
      </c>
      <c r="NJ14" s="109">
        <v>2484204</v>
      </c>
      <c r="NK14" s="110">
        <v>7661497</v>
      </c>
      <c r="NL14" s="298">
        <v>7661497</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0</v>
      </c>
      <c r="OD14" s="109">
        <v>0</v>
      </c>
      <c r="OE14" s="109">
        <v>607216</v>
      </c>
      <c r="OF14" s="109">
        <v>0</v>
      </c>
      <c r="OG14" s="110">
        <v>607216</v>
      </c>
      <c r="OH14" s="111">
        <v>607216</v>
      </c>
      <c r="OI14" s="129">
        <v>938799</v>
      </c>
      <c r="OJ14" s="109">
        <v>697448</v>
      </c>
      <c r="OK14" s="128">
        <v>1636247</v>
      </c>
      <c r="OL14" s="108">
        <v>0</v>
      </c>
      <c r="OM14" s="109">
        <v>11287539</v>
      </c>
      <c r="ON14" s="109">
        <v>11050159</v>
      </c>
      <c r="OO14" s="109">
        <v>18919021</v>
      </c>
      <c r="OP14" s="109">
        <v>14676850</v>
      </c>
      <c r="OQ14" s="109">
        <v>12803088</v>
      </c>
      <c r="OR14" s="110">
        <v>68736657</v>
      </c>
      <c r="OS14" s="130">
        <v>70372904</v>
      </c>
    </row>
    <row r="15" spans="1:409" ht="21" customHeight="1" x14ac:dyDescent="0.2">
      <c r="B15" s="472" t="s">
        <v>9</v>
      </c>
      <c r="C15" s="100">
        <v>1126462</v>
      </c>
      <c r="D15" s="104">
        <v>925513</v>
      </c>
      <c r="E15" s="103">
        <v>2051975</v>
      </c>
      <c r="F15" s="101">
        <v>0</v>
      </c>
      <c r="G15" s="104">
        <v>11201427</v>
      </c>
      <c r="H15" s="104">
        <v>12742510</v>
      </c>
      <c r="I15" s="104">
        <v>14207634</v>
      </c>
      <c r="J15" s="104">
        <v>12581273</v>
      </c>
      <c r="K15" s="104">
        <v>7080582</v>
      </c>
      <c r="L15" s="99">
        <v>57813426</v>
      </c>
      <c r="M15" s="106">
        <v>59865401</v>
      </c>
      <c r="N15" s="100">
        <v>219866</v>
      </c>
      <c r="O15" s="104">
        <v>389623</v>
      </c>
      <c r="P15" s="103">
        <v>609489</v>
      </c>
      <c r="Q15" s="100">
        <v>0</v>
      </c>
      <c r="R15" s="104">
        <v>3923055</v>
      </c>
      <c r="S15" s="104">
        <v>4708387</v>
      </c>
      <c r="T15" s="104">
        <v>5739374</v>
      </c>
      <c r="U15" s="104">
        <v>5557182</v>
      </c>
      <c r="V15" s="104">
        <v>4562142</v>
      </c>
      <c r="W15" s="103">
        <v>24490140</v>
      </c>
      <c r="X15" s="106">
        <v>25099629</v>
      </c>
      <c r="Y15" s="100">
        <v>0</v>
      </c>
      <c r="Z15" s="104">
        <v>0</v>
      </c>
      <c r="AA15" s="103">
        <v>0</v>
      </c>
      <c r="AB15" s="100">
        <v>0</v>
      </c>
      <c r="AC15" s="104">
        <v>1658989</v>
      </c>
      <c r="AD15" s="104">
        <v>2307001</v>
      </c>
      <c r="AE15" s="104">
        <v>2850927</v>
      </c>
      <c r="AF15" s="104">
        <v>3378357</v>
      </c>
      <c r="AG15" s="104">
        <v>3195829</v>
      </c>
      <c r="AH15" s="103">
        <v>13391103</v>
      </c>
      <c r="AI15" s="106">
        <v>13391103</v>
      </c>
      <c r="AJ15" s="100">
        <v>0</v>
      </c>
      <c r="AK15" s="104">
        <v>0</v>
      </c>
      <c r="AL15" s="103">
        <v>0</v>
      </c>
      <c r="AM15" s="100">
        <v>0</v>
      </c>
      <c r="AN15" s="104">
        <v>0</v>
      </c>
      <c r="AO15" s="104">
        <v>0</v>
      </c>
      <c r="AP15" s="104">
        <v>156034</v>
      </c>
      <c r="AQ15" s="104">
        <v>208313</v>
      </c>
      <c r="AR15" s="104">
        <v>193186</v>
      </c>
      <c r="AS15" s="103">
        <v>557533</v>
      </c>
      <c r="AT15" s="106">
        <v>557533</v>
      </c>
      <c r="AU15" s="100">
        <v>81596</v>
      </c>
      <c r="AV15" s="104">
        <v>297055</v>
      </c>
      <c r="AW15" s="103">
        <v>378651</v>
      </c>
      <c r="AX15" s="100">
        <v>0</v>
      </c>
      <c r="AY15" s="104">
        <v>1503158</v>
      </c>
      <c r="AZ15" s="104">
        <v>1546894</v>
      </c>
      <c r="BA15" s="104">
        <v>1894320</v>
      </c>
      <c r="BB15" s="104">
        <v>1262472</v>
      </c>
      <c r="BC15" s="104">
        <v>750794</v>
      </c>
      <c r="BD15" s="103">
        <v>6957638</v>
      </c>
      <c r="BE15" s="106">
        <v>7336289</v>
      </c>
      <c r="BF15" s="100">
        <v>21694</v>
      </c>
      <c r="BG15" s="104">
        <v>0</v>
      </c>
      <c r="BH15" s="102">
        <v>21694</v>
      </c>
      <c r="BI15" s="101">
        <v>0</v>
      </c>
      <c r="BJ15" s="104">
        <v>60556</v>
      </c>
      <c r="BK15" s="104">
        <v>223156</v>
      </c>
      <c r="BL15" s="104">
        <v>59245</v>
      </c>
      <c r="BM15" s="104">
        <v>62304</v>
      </c>
      <c r="BN15" s="104">
        <v>65621</v>
      </c>
      <c r="BO15" s="103">
        <v>470882</v>
      </c>
      <c r="BP15" s="106">
        <v>492576</v>
      </c>
      <c r="BQ15" s="100">
        <v>116576</v>
      </c>
      <c r="BR15" s="104">
        <v>92568</v>
      </c>
      <c r="BS15" s="103">
        <v>209144</v>
      </c>
      <c r="BT15" s="100">
        <v>0</v>
      </c>
      <c r="BU15" s="104">
        <v>700352</v>
      </c>
      <c r="BV15" s="104">
        <v>631336</v>
      </c>
      <c r="BW15" s="104">
        <v>778848</v>
      </c>
      <c r="BX15" s="104">
        <v>645736</v>
      </c>
      <c r="BY15" s="104">
        <v>356712</v>
      </c>
      <c r="BZ15" s="103">
        <v>3112984</v>
      </c>
      <c r="CA15" s="106">
        <v>3322128</v>
      </c>
      <c r="CB15" s="100">
        <v>87504</v>
      </c>
      <c r="CC15" s="104">
        <v>153716</v>
      </c>
      <c r="CD15" s="103">
        <v>241220</v>
      </c>
      <c r="CE15" s="100">
        <v>0</v>
      </c>
      <c r="CF15" s="104">
        <v>2851729</v>
      </c>
      <c r="CG15" s="104">
        <v>2919636</v>
      </c>
      <c r="CH15" s="104">
        <v>3471385</v>
      </c>
      <c r="CI15" s="104">
        <v>1561758</v>
      </c>
      <c r="CJ15" s="104">
        <v>358524</v>
      </c>
      <c r="CK15" s="103">
        <v>11163032</v>
      </c>
      <c r="CL15" s="106">
        <v>11404252</v>
      </c>
      <c r="CM15" s="100">
        <v>0</v>
      </c>
      <c r="CN15" s="104">
        <v>0</v>
      </c>
      <c r="CO15" s="103">
        <v>0</v>
      </c>
      <c r="CP15" s="101">
        <v>0</v>
      </c>
      <c r="CQ15" s="104">
        <v>1894776</v>
      </c>
      <c r="CR15" s="104">
        <v>2297892</v>
      </c>
      <c r="CS15" s="104">
        <v>2172429</v>
      </c>
      <c r="CT15" s="104">
        <v>1121601</v>
      </c>
      <c r="CU15" s="104">
        <v>145383</v>
      </c>
      <c r="CV15" s="103">
        <v>7632081</v>
      </c>
      <c r="CW15" s="106">
        <v>7632081</v>
      </c>
      <c r="CX15" s="100">
        <v>87504</v>
      </c>
      <c r="CY15" s="104">
        <v>153716</v>
      </c>
      <c r="CZ15" s="103">
        <v>241220</v>
      </c>
      <c r="DA15" s="100">
        <v>0</v>
      </c>
      <c r="DB15" s="104">
        <v>956953</v>
      </c>
      <c r="DC15" s="104">
        <v>621744</v>
      </c>
      <c r="DD15" s="104">
        <v>1298956</v>
      </c>
      <c r="DE15" s="104">
        <v>440157</v>
      </c>
      <c r="DF15" s="104">
        <v>213141</v>
      </c>
      <c r="DG15" s="103">
        <v>3530951</v>
      </c>
      <c r="DH15" s="106">
        <v>3772171</v>
      </c>
      <c r="DI15" s="100">
        <v>0</v>
      </c>
      <c r="DJ15" s="104">
        <v>0</v>
      </c>
      <c r="DK15" s="102">
        <v>0</v>
      </c>
      <c r="DL15" s="101">
        <v>0</v>
      </c>
      <c r="DM15" s="104">
        <v>437590</v>
      </c>
      <c r="DN15" s="104">
        <v>555387</v>
      </c>
      <c r="DO15" s="104">
        <v>815730</v>
      </c>
      <c r="DP15" s="104">
        <v>1642218</v>
      </c>
      <c r="DQ15" s="104">
        <v>278624</v>
      </c>
      <c r="DR15" s="103">
        <v>3729549</v>
      </c>
      <c r="DS15" s="106">
        <v>3729549</v>
      </c>
      <c r="DT15" s="100">
        <v>0</v>
      </c>
      <c r="DU15" s="104">
        <v>0</v>
      </c>
      <c r="DV15" s="103">
        <v>0</v>
      </c>
      <c r="DW15" s="100">
        <v>0</v>
      </c>
      <c r="DX15" s="104">
        <v>437590</v>
      </c>
      <c r="DY15" s="104">
        <v>451067</v>
      </c>
      <c r="DZ15" s="104">
        <v>677028</v>
      </c>
      <c r="EA15" s="104">
        <v>1429393</v>
      </c>
      <c r="EB15" s="104">
        <v>243048</v>
      </c>
      <c r="EC15" s="103">
        <v>3238126</v>
      </c>
      <c r="ED15" s="106">
        <v>3238126</v>
      </c>
      <c r="EE15" s="100">
        <v>0</v>
      </c>
      <c r="EF15" s="102">
        <v>0</v>
      </c>
      <c r="EG15" s="103">
        <v>0</v>
      </c>
      <c r="EH15" s="100">
        <v>0</v>
      </c>
      <c r="EI15" s="104">
        <v>0</v>
      </c>
      <c r="EJ15" s="104">
        <v>104320</v>
      </c>
      <c r="EK15" s="104">
        <v>138702</v>
      </c>
      <c r="EL15" s="104">
        <v>212825</v>
      </c>
      <c r="EM15" s="104">
        <v>35576</v>
      </c>
      <c r="EN15" s="102">
        <v>491423</v>
      </c>
      <c r="EO15" s="106">
        <v>491423</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v>0</v>
      </c>
      <c r="FE15" s="104">
        <v>0</v>
      </c>
      <c r="FF15" s="104">
        <v>0</v>
      </c>
      <c r="FG15" s="104">
        <v>0</v>
      </c>
      <c r="FH15" s="104">
        <v>0</v>
      </c>
      <c r="FI15" s="104">
        <v>0</v>
      </c>
      <c r="FJ15" s="103">
        <v>0</v>
      </c>
      <c r="FK15" s="106">
        <v>0</v>
      </c>
      <c r="FL15" s="100">
        <v>363619</v>
      </c>
      <c r="FM15" s="104">
        <v>180096</v>
      </c>
      <c r="FN15" s="103">
        <v>543715</v>
      </c>
      <c r="FO15" s="100">
        <v>0</v>
      </c>
      <c r="FP15" s="104">
        <v>853304</v>
      </c>
      <c r="FQ15" s="104">
        <v>1065400</v>
      </c>
      <c r="FR15" s="104">
        <v>1144704</v>
      </c>
      <c r="FS15" s="104">
        <v>1036376</v>
      </c>
      <c r="FT15" s="104">
        <v>522672</v>
      </c>
      <c r="FU15" s="103">
        <v>4622456</v>
      </c>
      <c r="FV15" s="106">
        <v>5166171</v>
      </c>
      <c r="FW15" s="105">
        <v>146152</v>
      </c>
      <c r="FX15" s="104">
        <v>180096</v>
      </c>
      <c r="FY15" s="102">
        <v>326248</v>
      </c>
      <c r="FZ15" s="101">
        <v>0</v>
      </c>
      <c r="GA15" s="104">
        <v>605304</v>
      </c>
      <c r="GB15" s="104">
        <v>1000600</v>
      </c>
      <c r="GC15" s="104">
        <v>1109504</v>
      </c>
      <c r="GD15" s="104">
        <v>929176</v>
      </c>
      <c r="GE15" s="104">
        <v>522672</v>
      </c>
      <c r="GF15" s="103">
        <v>4167256</v>
      </c>
      <c r="GG15" s="296">
        <v>4493504</v>
      </c>
      <c r="GH15" s="105">
        <v>25467</v>
      </c>
      <c r="GI15" s="104">
        <v>0</v>
      </c>
      <c r="GJ15" s="102">
        <v>25467</v>
      </c>
      <c r="GK15" s="101">
        <v>0</v>
      </c>
      <c r="GL15" s="104">
        <v>20000</v>
      </c>
      <c r="GM15" s="104">
        <v>0</v>
      </c>
      <c r="GN15" s="104">
        <v>0</v>
      </c>
      <c r="GO15" s="104">
        <v>36800</v>
      </c>
      <c r="GP15" s="104">
        <v>0</v>
      </c>
      <c r="GQ15" s="103">
        <v>56800</v>
      </c>
      <c r="GR15" s="106">
        <v>82267</v>
      </c>
      <c r="GS15" s="100">
        <v>192000</v>
      </c>
      <c r="GT15" s="104">
        <v>0</v>
      </c>
      <c r="GU15" s="103">
        <v>192000</v>
      </c>
      <c r="GV15" s="100">
        <v>0</v>
      </c>
      <c r="GW15" s="104">
        <v>228000</v>
      </c>
      <c r="GX15" s="104">
        <v>64800</v>
      </c>
      <c r="GY15" s="104">
        <v>35200</v>
      </c>
      <c r="GZ15" s="104">
        <v>70400</v>
      </c>
      <c r="HA15" s="104">
        <v>0</v>
      </c>
      <c r="HB15" s="102">
        <v>398400</v>
      </c>
      <c r="HC15" s="106">
        <v>590400</v>
      </c>
      <c r="HD15" s="100">
        <v>455473</v>
      </c>
      <c r="HE15" s="104">
        <v>202078</v>
      </c>
      <c r="HF15" s="102">
        <v>657551</v>
      </c>
      <c r="HG15" s="101">
        <v>0</v>
      </c>
      <c r="HH15" s="104">
        <v>3135749</v>
      </c>
      <c r="HI15" s="104">
        <v>3493700</v>
      </c>
      <c r="HJ15" s="104">
        <v>3036441</v>
      </c>
      <c r="HK15" s="104">
        <v>2783739</v>
      </c>
      <c r="HL15" s="104">
        <v>1358620</v>
      </c>
      <c r="HM15" s="103">
        <v>13808249</v>
      </c>
      <c r="HN15" s="99">
        <v>14465800</v>
      </c>
      <c r="HO15" s="306"/>
      <c r="HP15" s="307"/>
      <c r="HQ15" s="308"/>
      <c r="HR15" s="309"/>
      <c r="HS15" s="307"/>
      <c r="HT15" s="307"/>
      <c r="HU15" s="307"/>
      <c r="HV15" s="307"/>
      <c r="HW15" s="307"/>
      <c r="HX15" s="310"/>
      <c r="HY15" s="311"/>
      <c r="HZ15" s="115">
        <v>43484</v>
      </c>
      <c r="IA15" s="136">
        <v>0</v>
      </c>
      <c r="IB15" s="116">
        <v>43484</v>
      </c>
      <c r="IC15" s="133">
        <v>0</v>
      </c>
      <c r="ID15" s="119">
        <v>2467967</v>
      </c>
      <c r="IE15" s="134">
        <v>2655299</v>
      </c>
      <c r="IF15" s="120">
        <v>3549041</v>
      </c>
      <c r="IG15" s="119">
        <v>1601606</v>
      </c>
      <c r="IH15" s="120">
        <v>1408362</v>
      </c>
      <c r="II15" s="135">
        <v>11682275</v>
      </c>
      <c r="IJ15" s="117">
        <v>11725759</v>
      </c>
      <c r="IK15" s="219">
        <v>0</v>
      </c>
      <c r="IL15" s="223">
        <v>0</v>
      </c>
      <c r="IM15" s="224">
        <v>0</v>
      </c>
      <c r="IN15" s="127"/>
      <c r="IO15" s="109">
        <v>0</v>
      </c>
      <c r="IP15" s="109">
        <v>0</v>
      </c>
      <c r="IQ15" s="109">
        <v>0</v>
      </c>
      <c r="IR15" s="109">
        <v>128789</v>
      </c>
      <c r="IS15" s="109">
        <v>0</v>
      </c>
      <c r="IT15" s="128">
        <v>128789</v>
      </c>
      <c r="IU15" s="298">
        <v>128789</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798136</v>
      </c>
      <c r="JL15" s="109">
        <v>1122739</v>
      </c>
      <c r="JM15" s="109">
        <v>1278729</v>
      </c>
      <c r="JN15" s="109">
        <v>417761</v>
      </c>
      <c r="JO15" s="109">
        <v>364271</v>
      </c>
      <c r="JP15" s="110">
        <v>4981636</v>
      </c>
      <c r="JQ15" s="298">
        <v>4981636</v>
      </c>
      <c r="JR15" s="129">
        <v>0</v>
      </c>
      <c r="JS15" s="109">
        <v>0</v>
      </c>
      <c r="JT15" s="128">
        <v>0</v>
      </c>
      <c r="JU15" s="108">
        <v>0</v>
      </c>
      <c r="JV15" s="109">
        <v>0</v>
      </c>
      <c r="JW15" s="109">
        <v>0</v>
      </c>
      <c r="JX15" s="109">
        <v>0</v>
      </c>
      <c r="JY15" s="109">
        <v>0</v>
      </c>
      <c r="JZ15" s="109">
        <v>175194</v>
      </c>
      <c r="KA15" s="110">
        <v>175194</v>
      </c>
      <c r="KB15" s="298">
        <v>175194</v>
      </c>
      <c r="KC15" s="221">
        <v>43484</v>
      </c>
      <c r="KD15" s="217">
        <v>0</v>
      </c>
      <c r="KE15" s="110">
        <v>43484</v>
      </c>
      <c r="KF15" s="108">
        <v>0</v>
      </c>
      <c r="KG15" s="109">
        <v>118514</v>
      </c>
      <c r="KH15" s="109">
        <v>662905</v>
      </c>
      <c r="KI15" s="109">
        <v>714768</v>
      </c>
      <c r="KJ15" s="109">
        <v>0</v>
      </c>
      <c r="KK15" s="109">
        <v>0</v>
      </c>
      <c r="KL15" s="110">
        <v>1496187</v>
      </c>
      <c r="KM15" s="130">
        <v>1539671</v>
      </c>
      <c r="KN15" s="219">
        <v>0</v>
      </c>
      <c r="KO15" s="223">
        <v>0</v>
      </c>
      <c r="KP15" s="224">
        <v>0</v>
      </c>
      <c r="KQ15" s="127"/>
      <c r="KR15" s="109">
        <v>551317</v>
      </c>
      <c r="KS15" s="109">
        <v>495174</v>
      </c>
      <c r="KT15" s="109">
        <v>1306021</v>
      </c>
      <c r="KU15" s="109">
        <v>1001635</v>
      </c>
      <c r="KV15" s="109">
        <v>543712</v>
      </c>
      <c r="KW15" s="110">
        <v>3897859</v>
      </c>
      <c r="KX15" s="298">
        <v>3897859</v>
      </c>
      <c r="KY15" s="129">
        <v>0</v>
      </c>
      <c r="KZ15" s="109">
        <v>0</v>
      </c>
      <c r="LA15" s="110">
        <v>0</v>
      </c>
      <c r="LB15" s="132"/>
      <c r="LC15" s="109">
        <v>0</v>
      </c>
      <c r="LD15" s="109">
        <v>182960</v>
      </c>
      <c r="LE15" s="109">
        <v>0</v>
      </c>
      <c r="LF15" s="109">
        <v>0</v>
      </c>
      <c r="LG15" s="109">
        <v>0</v>
      </c>
      <c r="LH15" s="110">
        <v>182960</v>
      </c>
      <c r="LI15" s="111">
        <v>182960</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1521</v>
      </c>
      <c r="MA15" s="109">
        <v>249523</v>
      </c>
      <c r="MB15" s="109">
        <v>53421</v>
      </c>
      <c r="MC15" s="109">
        <v>325185</v>
      </c>
      <c r="MD15" s="110">
        <v>819650</v>
      </c>
      <c r="ME15" s="111">
        <v>819650</v>
      </c>
      <c r="MF15" s="129">
        <v>0</v>
      </c>
      <c r="MG15" s="109">
        <v>0</v>
      </c>
      <c r="MH15" s="110">
        <v>0</v>
      </c>
      <c r="MI15" s="132"/>
      <c r="MJ15" s="109">
        <v>12559</v>
      </c>
      <c r="MK15" s="109">
        <v>1472271</v>
      </c>
      <c r="ML15" s="109">
        <v>4405996</v>
      </c>
      <c r="MM15" s="109">
        <v>9948340</v>
      </c>
      <c r="MN15" s="109">
        <v>3571088</v>
      </c>
      <c r="MO15" s="110">
        <v>19410254</v>
      </c>
      <c r="MP15" s="130">
        <v>19410254</v>
      </c>
      <c r="MQ15" s="129">
        <v>0</v>
      </c>
      <c r="MR15" s="109">
        <v>0</v>
      </c>
      <c r="MS15" s="110">
        <v>0</v>
      </c>
      <c r="MT15" s="132"/>
      <c r="MU15" s="109">
        <v>0</v>
      </c>
      <c r="MV15" s="109">
        <v>0</v>
      </c>
      <c r="MW15" s="109">
        <v>3300156</v>
      </c>
      <c r="MX15" s="109">
        <v>6540709</v>
      </c>
      <c r="MY15" s="109">
        <v>2385538</v>
      </c>
      <c r="MZ15" s="110">
        <v>12226403</v>
      </c>
      <c r="NA15" s="130">
        <v>12226403</v>
      </c>
      <c r="NB15" s="129">
        <v>0</v>
      </c>
      <c r="NC15" s="109">
        <v>0</v>
      </c>
      <c r="ND15" s="110">
        <v>0</v>
      </c>
      <c r="NE15" s="132"/>
      <c r="NF15" s="109">
        <v>12559</v>
      </c>
      <c r="NG15" s="109">
        <v>1472271</v>
      </c>
      <c r="NH15" s="109">
        <v>1105840</v>
      </c>
      <c r="NI15" s="109">
        <v>3057323</v>
      </c>
      <c r="NJ15" s="109">
        <v>1185550</v>
      </c>
      <c r="NK15" s="110">
        <v>6833543</v>
      </c>
      <c r="NL15" s="298">
        <v>6833543</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350308</v>
      </c>
      <c r="OF15" s="109">
        <v>0</v>
      </c>
      <c r="OG15" s="110">
        <v>350308</v>
      </c>
      <c r="OH15" s="111">
        <v>350308</v>
      </c>
      <c r="OI15" s="129">
        <v>1169946</v>
      </c>
      <c r="OJ15" s="109">
        <v>925513</v>
      </c>
      <c r="OK15" s="128">
        <v>2095459</v>
      </c>
      <c r="OL15" s="108">
        <v>0</v>
      </c>
      <c r="OM15" s="109">
        <v>13681953</v>
      </c>
      <c r="ON15" s="109">
        <v>16870080</v>
      </c>
      <c r="OO15" s="109">
        <v>22162671</v>
      </c>
      <c r="OP15" s="109">
        <v>24131219</v>
      </c>
      <c r="OQ15" s="109">
        <v>12060032</v>
      </c>
      <c r="OR15" s="110">
        <v>88905955</v>
      </c>
      <c r="OS15" s="130">
        <v>91001414</v>
      </c>
    </row>
    <row r="16" spans="1:409" ht="21" customHeight="1" x14ac:dyDescent="0.2">
      <c r="B16" s="472" t="s">
        <v>10</v>
      </c>
      <c r="C16" s="100">
        <v>1710801</v>
      </c>
      <c r="D16" s="104">
        <v>1509049</v>
      </c>
      <c r="E16" s="103">
        <v>3219850</v>
      </c>
      <c r="F16" s="159">
        <v>0</v>
      </c>
      <c r="G16" s="104">
        <v>21236871</v>
      </c>
      <c r="H16" s="104">
        <v>16441099</v>
      </c>
      <c r="I16" s="104">
        <v>12042720</v>
      </c>
      <c r="J16" s="104">
        <v>16331587</v>
      </c>
      <c r="K16" s="104">
        <v>10126043</v>
      </c>
      <c r="L16" s="99">
        <v>76178320</v>
      </c>
      <c r="M16" s="106">
        <v>79398170</v>
      </c>
      <c r="N16" s="100">
        <v>406074</v>
      </c>
      <c r="O16" s="104">
        <v>722551</v>
      </c>
      <c r="P16" s="103">
        <v>1128625</v>
      </c>
      <c r="Q16" s="100">
        <v>0</v>
      </c>
      <c r="R16" s="104">
        <v>7301892</v>
      </c>
      <c r="S16" s="104">
        <v>5779784</v>
      </c>
      <c r="T16" s="104">
        <v>3983690</v>
      </c>
      <c r="U16" s="104">
        <v>6680054</v>
      </c>
      <c r="V16" s="104">
        <v>5450188</v>
      </c>
      <c r="W16" s="103">
        <v>29195608</v>
      </c>
      <c r="X16" s="106">
        <v>30324233</v>
      </c>
      <c r="Y16" s="100">
        <v>0</v>
      </c>
      <c r="Z16" s="104">
        <v>0</v>
      </c>
      <c r="AA16" s="103">
        <v>0</v>
      </c>
      <c r="AB16" s="100">
        <v>0</v>
      </c>
      <c r="AC16" s="104">
        <v>3073280</v>
      </c>
      <c r="AD16" s="104">
        <v>2967572</v>
      </c>
      <c r="AE16" s="104">
        <v>1944407</v>
      </c>
      <c r="AF16" s="104">
        <v>4121235</v>
      </c>
      <c r="AG16" s="104">
        <v>3148114</v>
      </c>
      <c r="AH16" s="103">
        <v>15254608</v>
      </c>
      <c r="AI16" s="106">
        <v>15254608</v>
      </c>
      <c r="AJ16" s="100">
        <v>0</v>
      </c>
      <c r="AK16" s="104">
        <v>0</v>
      </c>
      <c r="AL16" s="103">
        <v>0</v>
      </c>
      <c r="AM16" s="100">
        <v>0</v>
      </c>
      <c r="AN16" s="104">
        <v>13727</v>
      </c>
      <c r="AO16" s="104">
        <v>49004</v>
      </c>
      <c r="AP16" s="104">
        <v>204144</v>
      </c>
      <c r="AQ16" s="104">
        <v>327816</v>
      </c>
      <c r="AR16" s="104">
        <v>641820</v>
      </c>
      <c r="AS16" s="103">
        <v>1236511</v>
      </c>
      <c r="AT16" s="106">
        <v>1236511</v>
      </c>
      <c r="AU16" s="100">
        <v>194071</v>
      </c>
      <c r="AV16" s="104">
        <v>560015</v>
      </c>
      <c r="AW16" s="103">
        <v>754086</v>
      </c>
      <c r="AX16" s="100">
        <v>0</v>
      </c>
      <c r="AY16" s="104">
        <v>2667342</v>
      </c>
      <c r="AZ16" s="104">
        <v>1583818</v>
      </c>
      <c r="BA16" s="104">
        <v>940155</v>
      </c>
      <c r="BB16" s="104">
        <v>1148679</v>
      </c>
      <c r="BC16" s="104">
        <v>697382</v>
      </c>
      <c r="BD16" s="103">
        <v>7037376</v>
      </c>
      <c r="BE16" s="106">
        <v>7791462</v>
      </c>
      <c r="BF16" s="100">
        <v>26691</v>
      </c>
      <c r="BG16" s="104">
        <v>80008</v>
      </c>
      <c r="BH16" s="102">
        <v>106699</v>
      </c>
      <c r="BI16" s="101">
        <v>0</v>
      </c>
      <c r="BJ16" s="104">
        <v>202847</v>
      </c>
      <c r="BK16" s="104">
        <v>222878</v>
      </c>
      <c r="BL16" s="104">
        <v>79776</v>
      </c>
      <c r="BM16" s="104">
        <v>87596</v>
      </c>
      <c r="BN16" s="104">
        <v>167704</v>
      </c>
      <c r="BO16" s="103">
        <v>760801</v>
      </c>
      <c r="BP16" s="106">
        <v>867500</v>
      </c>
      <c r="BQ16" s="100">
        <v>185312</v>
      </c>
      <c r="BR16" s="104">
        <v>82528</v>
      </c>
      <c r="BS16" s="103">
        <v>267840</v>
      </c>
      <c r="BT16" s="100">
        <v>0</v>
      </c>
      <c r="BU16" s="104">
        <v>1344696</v>
      </c>
      <c r="BV16" s="104">
        <v>956512</v>
      </c>
      <c r="BW16" s="104">
        <v>815208</v>
      </c>
      <c r="BX16" s="104">
        <v>994728</v>
      </c>
      <c r="BY16" s="104">
        <v>795168</v>
      </c>
      <c r="BZ16" s="103">
        <v>4906312</v>
      </c>
      <c r="CA16" s="106">
        <v>5174152</v>
      </c>
      <c r="CB16" s="100">
        <v>118347</v>
      </c>
      <c r="CC16" s="104">
        <v>236386</v>
      </c>
      <c r="CD16" s="103">
        <v>354733</v>
      </c>
      <c r="CE16" s="100">
        <v>0</v>
      </c>
      <c r="CF16" s="104">
        <v>7042333</v>
      </c>
      <c r="CG16" s="104">
        <v>5112440</v>
      </c>
      <c r="CH16" s="104">
        <v>3032850</v>
      </c>
      <c r="CI16" s="104">
        <v>2309150</v>
      </c>
      <c r="CJ16" s="104">
        <v>1121739</v>
      </c>
      <c r="CK16" s="103">
        <v>18618512</v>
      </c>
      <c r="CL16" s="106">
        <v>18973245</v>
      </c>
      <c r="CM16" s="100">
        <v>0</v>
      </c>
      <c r="CN16" s="104">
        <v>0</v>
      </c>
      <c r="CO16" s="103">
        <v>0</v>
      </c>
      <c r="CP16" s="101">
        <v>0</v>
      </c>
      <c r="CQ16" s="104">
        <v>5797143</v>
      </c>
      <c r="CR16" s="104">
        <v>4520167</v>
      </c>
      <c r="CS16" s="104">
        <v>2622353</v>
      </c>
      <c r="CT16" s="104">
        <v>1871335</v>
      </c>
      <c r="CU16" s="104">
        <v>837599</v>
      </c>
      <c r="CV16" s="103">
        <v>15648597</v>
      </c>
      <c r="CW16" s="106">
        <v>15648597</v>
      </c>
      <c r="CX16" s="100">
        <v>118347</v>
      </c>
      <c r="CY16" s="104">
        <v>236386</v>
      </c>
      <c r="CZ16" s="103">
        <v>354733</v>
      </c>
      <c r="DA16" s="100">
        <v>0</v>
      </c>
      <c r="DB16" s="104">
        <v>1245190</v>
      </c>
      <c r="DC16" s="104">
        <v>592273</v>
      </c>
      <c r="DD16" s="104">
        <v>410497</v>
      </c>
      <c r="DE16" s="104">
        <v>437815</v>
      </c>
      <c r="DF16" s="104">
        <v>284140</v>
      </c>
      <c r="DG16" s="103">
        <v>2969915</v>
      </c>
      <c r="DH16" s="106">
        <v>3324648</v>
      </c>
      <c r="DI16" s="100">
        <v>60839</v>
      </c>
      <c r="DJ16" s="104">
        <v>0</v>
      </c>
      <c r="DK16" s="102">
        <v>60839</v>
      </c>
      <c r="DL16" s="101">
        <v>0</v>
      </c>
      <c r="DM16" s="104">
        <v>727004</v>
      </c>
      <c r="DN16" s="104">
        <v>1103927</v>
      </c>
      <c r="DO16" s="104">
        <v>1196205</v>
      </c>
      <c r="DP16" s="104">
        <v>1651859</v>
      </c>
      <c r="DQ16" s="104">
        <v>288603</v>
      </c>
      <c r="DR16" s="103">
        <v>4967598</v>
      </c>
      <c r="DS16" s="106">
        <v>5028437</v>
      </c>
      <c r="DT16" s="100">
        <v>19119</v>
      </c>
      <c r="DU16" s="104">
        <v>0</v>
      </c>
      <c r="DV16" s="103">
        <v>19119</v>
      </c>
      <c r="DW16" s="100">
        <v>0</v>
      </c>
      <c r="DX16" s="104">
        <v>618907</v>
      </c>
      <c r="DY16" s="104">
        <v>949984</v>
      </c>
      <c r="DZ16" s="104">
        <v>815705</v>
      </c>
      <c r="EA16" s="104">
        <v>1413836</v>
      </c>
      <c r="EB16" s="104">
        <v>169771</v>
      </c>
      <c r="EC16" s="103">
        <v>3968203</v>
      </c>
      <c r="ED16" s="106">
        <v>3987322</v>
      </c>
      <c r="EE16" s="100">
        <v>41720</v>
      </c>
      <c r="EF16" s="102">
        <v>0</v>
      </c>
      <c r="EG16" s="103">
        <v>41720</v>
      </c>
      <c r="EH16" s="100">
        <v>0</v>
      </c>
      <c r="EI16" s="104">
        <v>108097</v>
      </c>
      <c r="EJ16" s="104">
        <v>153943</v>
      </c>
      <c r="EK16" s="104">
        <v>380500</v>
      </c>
      <c r="EL16" s="104">
        <v>238023</v>
      </c>
      <c r="EM16" s="104">
        <v>118832</v>
      </c>
      <c r="EN16" s="102">
        <v>999395</v>
      </c>
      <c r="EO16" s="106">
        <v>1041115</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v>0</v>
      </c>
      <c r="FE16" s="104">
        <v>0</v>
      </c>
      <c r="FF16" s="104">
        <v>0</v>
      </c>
      <c r="FG16" s="104">
        <v>0</v>
      </c>
      <c r="FH16" s="104">
        <v>0</v>
      </c>
      <c r="FI16" s="104">
        <v>0</v>
      </c>
      <c r="FJ16" s="103">
        <v>0</v>
      </c>
      <c r="FK16" s="106">
        <v>0</v>
      </c>
      <c r="FL16" s="100">
        <v>674848</v>
      </c>
      <c r="FM16" s="104">
        <v>550112</v>
      </c>
      <c r="FN16" s="103">
        <v>1224960</v>
      </c>
      <c r="FO16" s="100">
        <v>0</v>
      </c>
      <c r="FP16" s="104">
        <v>1226608</v>
      </c>
      <c r="FQ16" s="104">
        <v>1512392</v>
      </c>
      <c r="FR16" s="104">
        <v>965384</v>
      </c>
      <c r="FS16" s="104">
        <v>1219696</v>
      </c>
      <c r="FT16" s="104">
        <v>873480</v>
      </c>
      <c r="FU16" s="103">
        <v>5797560</v>
      </c>
      <c r="FV16" s="106">
        <v>7022520</v>
      </c>
      <c r="FW16" s="105">
        <v>306984</v>
      </c>
      <c r="FX16" s="104">
        <v>416752</v>
      </c>
      <c r="FY16" s="102">
        <v>723736</v>
      </c>
      <c r="FZ16" s="101">
        <v>0</v>
      </c>
      <c r="GA16" s="104">
        <v>834064</v>
      </c>
      <c r="GB16" s="104">
        <v>1512392</v>
      </c>
      <c r="GC16" s="104">
        <v>906760</v>
      </c>
      <c r="GD16" s="104">
        <v>1191976</v>
      </c>
      <c r="GE16" s="104">
        <v>713480</v>
      </c>
      <c r="GF16" s="103">
        <v>5158672</v>
      </c>
      <c r="GG16" s="296">
        <v>5882408</v>
      </c>
      <c r="GH16" s="105">
        <v>29040</v>
      </c>
      <c r="GI16" s="104">
        <v>14400</v>
      </c>
      <c r="GJ16" s="102">
        <v>43440</v>
      </c>
      <c r="GK16" s="101">
        <v>0</v>
      </c>
      <c r="GL16" s="104">
        <v>60544</v>
      </c>
      <c r="GM16" s="104">
        <v>0</v>
      </c>
      <c r="GN16" s="104">
        <v>58624</v>
      </c>
      <c r="GO16" s="104">
        <v>27720</v>
      </c>
      <c r="GP16" s="104">
        <v>0</v>
      </c>
      <c r="GQ16" s="103">
        <v>146888</v>
      </c>
      <c r="GR16" s="106">
        <v>190328</v>
      </c>
      <c r="GS16" s="100">
        <v>338824</v>
      </c>
      <c r="GT16" s="104">
        <v>118960</v>
      </c>
      <c r="GU16" s="103">
        <v>457784</v>
      </c>
      <c r="GV16" s="100">
        <v>0</v>
      </c>
      <c r="GW16" s="104">
        <v>332000</v>
      </c>
      <c r="GX16" s="104">
        <v>0</v>
      </c>
      <c r="GY16" s="104">
        <v>0</v>
      </c>
      <c r="GZ16" s="104">
        <v>0</v>
      </c>
      <c r="HA16" s="104">
        <v>160000</v>
      </c>
      <c r="HB16" s="102">
        <v>492000</v>
      </c>
      <c r="HC16" s="106">
        <v>949784</v>
      </c>
      <c r="HD16" s="100">
        <v>450693</v>
      </c>
      <c r="HE16" s="104">
        <v>0</v>
      </c>
      <c r="HF16" s="102">
        <v>450693</v>
      </c>
      <c r="HG16" s="101">
        <v>0</v>
      </c>
      <c r="HH16" s="104">
        <v>4939034</v>
      </c>
      <c r="HI16" s="104">
        <v>2932556</v>
      </c>
      <c r="HJ16" s="104">
        <v>2864591</v>
      </c>
      <c r="HK16" s="104">
        <v>4470828</v>
      </c>
      <c r="HL16" s="104">
        <v>2392033</v>
      </c>
      <c r="HM16" s="103">
        <v>17599042</v>
      </c>
      <c r="HN16" s="99">
        <v>18049735</v>
      </c>
      <c r="HO16" s="306"/>
      <c r="HP16" s="307"/>
      <c r="HQ16" s="308"/>
      <c r="HR16" s="309"/>
      <c r="HS16" s="307"/>
      <c r="HT16" s="307"/>
      <c r="HU16" s="307"/>
      <c r="HV16" s="307"/>
      <c r="HW16" s="307"/>
      <c r="HX16" s="310"/>
      <c r="HY16" s="311"/>
      <c r="HZ16" s="137">
        <v>0</v>
      </c>
      <c r="IA16" s="122">
        <v>0</v>
      </c>
      <c r="IB16" s="137">
        <v>0</v>
      </c>
      <c r="IC16" s="121">
        <v>0</v>
      </c>
      <c r="ID16" s="122">
        <v>4040041</v>
      </c>
      <c r="IE16" s="123">
        <v>6014506</v>
      </c>
      <c r="IF16" s="124">
        <v>7106697</v>
      </c>
      <c r="IG16" s="122">
        <v>4897311</v>
      </c>
      <c r="IH16" s="124">
        <v>4072570</v>
      </c>
      <c r="II16" s="125">
        <v>26131125</v>
      </c>
      <c r="IJ16" s="137">
        <v>26131125</v>
      </c>
      <c r="IK16" s="219">
        <v>0</v>
      </c>
      <c r="IL16" s="223">
        <v>0</v>
      </c>
      <c r="IM16" s="224">
        <v>0</v>
      </c>
      <c r="IN16" s="127"/>
      <c r="IO16" s="109">
        <v>149113</v>
      </c>
      <c r="IP16" s="109">
        <v>139644</v>
      </c>
      <c r="IQ16" s="109">
        <v>374161</v>
      </c>
      <c r="IR16" s="109">
        <v>0</v>
      </c>
      <c r="IS16" s="109">
        <v>0</v>
      </c>
      <c r="IT16" s="128">
        <v>662918</v>
      </c>
      <c r="IU16" s="298">
        <v>662918</v>
      </c>
      <c r="IV16" s="129">
        <v>0</v>
      </c>
      <c r="IW16" s="109">
        <v>0</v>
      </c>
      <c r="IX16" s="110">
        <v>0</v>
      </c>
      <c r="IY16" s="131"/>
      <c r="IZ16" s="109">
        <v>10692</v>
      </c>
      <c r="JA16" s="109">
        <v>0</v>
      </c>
      <c r="JB16" s="109">
        <v>21384</v>
      </c>
      <c r="JC16" s="109">
        <v>0</v>
      </c>
      <c r="JD16" s="109">
        <v>0</v>
      </c>
      <c r="JE16" s="110">
        <v>32076</v>
      </c>
      <c r="JF16" s="111">
        <v>32076</v>
      </c>
      <c r="JG16" s="129">
        <v>0</v>
      </c>
      <c r="JH16" s="109">
        <v>0</v>
      </c>
      <c r="JI16" s="128">
        <v>0</v>
      </c>
      <c r="JJ16" s="108">
        <v>0</v>
      </c>
      <c r="JK16" s="109">
        <v>1472960</v>
      </c>
      <c r="JL16" s="109">
        <v>1347772</v>
      </c>
      <c r="JM16" s="109">
        <v>692306</v>
      </c>
      <c r="JN16" s="109">
        <v>449954</v>
      </c>
      <c r="JO16" s="109">
        <v>13861</v>
      </c>
      <c r="JP16" s="110">
        <v>3976853</v>
      </c>
      <c r="JQ16" s="298">
        <v>3976853</v>
      </c>
      <c r="JR16" s="129">
        <v>0</v>
      </c>
      <c r="JS16" s="109">
        <v>0</v>
      </c>
      <c r="JT16" s="128">
        <v>0</v>
      </c>
      <c r="JU16" s="108">
        <v>0</v>
      </c>
      <c r="JV16" s="109">
        <v>289053</v>
      </c>
      <c r="JW16" s="109">
        <v>113823</v>
      </c>
      <c r="JX16" s="109">
        <v>196620</v>
      </c>
      <c r="JY16" s="109">
        <v>129326</v>
      </c>
      <c r="JZ16" s="109">
        <v>204048</v>
      </c>
      <c r="KA16" s="110">
        <v>932870</v>
      </c>
      <c r="KB16" s="298">
        <v>932870</v>
      </c>
      <c r="KC16" s="221">
        <v>0</v>
      </c>
      <c r="KD16" s="217">
        <v>0</v>
      </c>
      <c r="KE16" s="110">
        <v>0</v>
      </c>
      <c r="KF16" s="108">
        <v>0</v>
      </c>
      <c r="KG16" s="109">
        <v>462463</v>
      </c>
      <c r="KH16" s="109">
        <v>531121</v>
      </c>
      <c r="KI16" s="109">
        <v>727070</v>
      </c>
      <c r="KJ16" s="109">
        <v>577686</v>
      </c>
      <c r="KK16" s="109">
        <v>287188</v>
      </c>
      <c r="KL16" s="110">
        <v>2585528</v>
      </c>
      <c r="KM16" s="130">
        <v>2585528</v>
      </c>
      <c r="KN16" s="219">
        <v>0</v>
      </c>
      <c r="KO16" s="223">
        <v>0</v>
      </c>
      <c r="KP16" s="224">
        <v>0</v>
      </c>
      <c r="KQ16" s="127"/>
      <c r="KR16" s="109">
        <v>1191725</v>
      </c>
      <c r="KS16" s="109">
        <v>2269196</v>
      </c>
      <c r="KT16" s="109">
        <v>2574492</v>
      </c>
      <c r="KU16" s="109">
        <v>538676</v>
      </c>
      <c r="KV16" s="109">
        <v>1398402</v>
      </c>
      <c r="KW16" s="110">
        <v>7972491</v>
      </c>
      <c r="KX16" s="298">
        <v>7972491</v>
      </c>
      <c r="KY16" s="129">
        <v>0</v>
      </c>
      <c r="KZ16" s="109">
        <v>0</v>
      </c>
      <c r="LA16" s="110">
        <v>0</v>
      </c>
      <c r="LB16" s="132"/>
      <c r="LC16" s="109">
        <v>321021</v>
      </c>
      <c r="LD16" s="109">
        <v>355887</v>
      </c>
      <c r="LE16" s="109">
        <v>1189126</v>
      </c>
      <c r="LF16" s="109">
        <v>0</v>
      </c>
      <c r="LG16" s="109">
        <v>656842</v>
      </c>
      <c r="LH16" s="110">
        <v>2522876</v>
      </c>
      <c r="LI16" s="111">
        <v>2522876</v>
      </c>
      <c r="LJ16" s="129">
        <v>0</v>
      </c>
      <c r="LK16" s="109">
        <v>0</v>
      </c>
      <c r="LL16" s="110">
        <v>0</v>
      </c>
      <c r="LM16" s="132"/>
      <c r="LN16" s="109">
        <v>0</v>
      </c>
      <c r="LO16" s="109">
        <v>212983</v>
      </c>
      <c r="LP16" s="109">
        <v>233877</v>
      </c>
      <c r="LQ16" s="109">
        <v>1080068</v>
      </c>
      <c r="LR16" s="109">
        <v>823509</v>
      </c>
      <c r="LS16" s="110">
        <v>2350437</v>
      </c>
      <c r="LT16" s="298">
        <v>2350437</v>
      </c>
      <c r="LU16" s="129">
        <v>0</v>
      </c>
      <c r="LV16" s="109">
        <v>0</v>
      </c>
      <c r="LW16" s="110">
        <v>0</v>
      </c>
      <c r="LX16" s="132"/>
      <c r="LY16" s="109">
        <v>143014</v>
      </c>
      <c r="LZ16" s="109">
        <v>1044080</v>
      </c>
      <c r="MA16" s="109">
        <v>1097661</v>
      </c>
      <c r="MB16" s="109">
        <v>2121601</v>
      </c>
      <c r="MC16" s="109">
        <v>688720</v>
      </c>
      <c r="MD16" s="110">
        <v>5095076</v>
      </c>
      <c r="ME16" s="111">
        <v>5095076</v>
      </c>
      <c r="MF16" s="129">
        <v>0</v>
      </c>
      <c r="MG16" s="109">
        <v>0</v>
      </c>
      <c r="MH16" s="110">
        <v>0</v>
      </c>
      <c r="MI16" s="132"/>
      <c r="MJ16" s="109">
        <v>1678560</v>
      </c>
      <c r="MK16" s="109">
        <v>1886738</v>
      </c>
      <c r="ML16" s="109">
        <v>8427315</v>
      </c>
      <c r="MM16" s="109">
        <v>12818335</v>
      </c>
      <c r="MN16" s="109">
        <v>6193293</v>
      </c>
      <c r="MO16" s="110">
        <v>31004241</v>
      </c>
      <c r="MP16" s="130">
        <v>31004241</v>
      </c>
      <c r="MQ16" s="129">
        <v>0</v>
      </c>
      <c r="MR16" s="109">
        <v>0</v>
      </c>
      <c r="MS16" s="110">
        <v>0</v>
      </c>
      <c r="MT16" s="132"/>
      <c r="MU16" s="109">
        <v>215310</v>
      </c>
      <c r="MV16" s="109">
        <v>0</v>
      </c>
      <c r="MW16" s="109">
        <v>5683405</v>
      </c>
      <c r="MX16" s="109">
        <v>9024168</v>
      </c>
      <c r="MY16" s="109">
        <v>2797631</v>
      </c>
      <c r="MZ16" s="110">
        <v>17720514</v>
      </c>
      <c r="NA16" s="130">
        <v>17720514</v>
      </c>
      <c r="NB16" s="129">
        <v>0</v>
      </c>
      <c r="NC16" s="109">
        <v>0</v>
      </c>
      <c r="ND16" s="110">
        <v>0</v>
      </c>
      <c r="NE16" s="132"/>
      <c r="NF16" s="109">
        <v>1463250</v>
      </c>
      <c r="NG16" s="109">
        <v>1886738</v>
      </c>
      <c r="NH16" s="109">
        <v>2743910</v>
      </c>
      <c r="NI16" s="109">
        <v>3794167</v>
      </c>
      <c r="NJ16" s="109">
        <v>3010714</v>
      </c>
      <c r="NK16" s="110">
        <v>12898779</v>
      </c>
      <c r="NL16" s="298">
        <v>12898779</v>
      </c>
      <c r="NM16" s="129">
        <v>0</v>
      </c>
      <c r="NN16" s="109">
        <v>0</v>
      </c>
      <c r="NO16" s="110">
        <v>0</v>
      </c>
      <c r="NP16" s="132"/>
      <c r="NQ16" s="109">
        <v>0</v>
      </c>
      <c r="NR16" s="109">
        <v>0</v>
      </c>
      <c r="NS16" s="109">
        <v>0</v>
      </c>
      <c r="NT16" s="109">
        <v>0</v>
      </c>
      <c r="NU16" s="109">
        <v>0</v>
      </c>
      <c r="NV16" s="110">
        <v>0</v>
      </c>
      <c r="NW16" s="111">
        <v>0</v>
      </c>
      <c r="NX16" s="129">
        <v>0</v>
      </c>
      <c r="NY16" s="109">
        <v>0</v>
      </c>
      <c r="NZ16" s="110">
        <v>0</v>
      </c>
      <c r="OA16" s="132"/>
      <c r="OB16" s="109">
        <v>0</v>
      </c>
      <c r="OC16" s="109">
        <v>0</v>
      </c>
      <c r="OD16" s="109">
        <v>0</v>
      </c>
      <c r="OE16" s="109">
        <v>0</v>
      </c>
      <c r="OF16" s="109">
        <v>384948</v>
      </c>
      <c r="OG16" s="110">
        <v>384948</v>
      </c>
      <c r="OH16" s="111">
        <v>384948</v>
      </c>
      <c r="OI16" s="129">
        <v>1710801</v>
      </c>
      <c r="OJ16" s="109">
        <v>1509049</v>
      </c>
      <c r="OK16" s="128">
        <v>3219850</v>
      </c>
      <c r="OL16" s="108">
        <v>0</v>
      </c>
      <c r="OM16" s="109">
        <v>26955472</v>
      </c>
      <c r="ON16" s="109">
        <v>24342343</v>
      </c>
      <c r="OO16" s="109">
        <v>27576732</v>
      </c>
      <c r="OP16" s="109">
        <v>34047233</v>
      </c>
      <c r="OQ16" s="109">
        <v>20391906</v>
      </c>
      <c r="OR16" s="110">
        <v>133313686</v>
      </c>
      <c r="OS16" s="130">
        <v>136533536</v>
      </c>
    </row>
    <row r="17" spans="2:409" ht="21" customHeight="1" x14ac:dyDescent="0.2">
      <c r="B17" s="472" t="s">
        <v>11</v>
      </c>
      <c r="C17" s="100">
        <v>392709</v>
      </c>
      <c r="D17" s="104">
        <v>914403</v>
      </c>
      <c r="E17" s="158">
        <v>1307112</v>
      </c>
      <c r="F17" s="101">
        <v>0</v>
      </c>
      <c r="G17" s="104">
        <v>6402793</v>
      </c>
      <c r="H17" s="104">
        <v>7262443</v>
      </c>
      <c r="I17" s="104">
        <v>6127315</v>
      </c>
      <c r="J17" s="104">
        <v>9343279</v>
      </c>
      <c r="K17" s="104">
        <v>3837843</v>
      </c>
      <c r="L17" s="99">
        <v>32973673</v>
      </c>
      <c r="M17" s="106">
        <v>34280785</v>
      </c>
      <c r="N17" s="100">
        <v>154605</v>
      </c>
      <c r="O17" s="104">
        <v>191269</v>
      </c>
      <c r="P17" s="103">
        <v>345874</v>
      </c>
      <c r="Q17" s="100">
        <v>0</v>
      </c>
      <c r="R17" s="104">
        <v>1328888</v>
      </c>
      <c r="S17" s="104">
        <v>1879022</v>
      </c>
      <c r="T17" s="104">
        <v>1946906</v>
      </c>
      <c r="U17" s="104">
        <v>3095203</v>
      </c>
      <c r="V17" s="104">
        <v>1691729</v>
      </c>
      <c r="W17" s="103">
        <v>9941748</v>
      </c>
      <c r="X17" s="106">
        <v>10287622</v>
      </c>
      <c r="Y17" s="100">
        <v>0</v>
      </c>
      <c r="Z17" s="104">
        <v>0</v>
      </c>
      <c r="AA17" s="103">
        <v>0</v>
      </c>
      <c r="AB17" s="100">
        <v>0</v>
      </c>
      <c r="AC17" s="104">
        <v>291366</v>
      </c>
      <c r="AD17" s="104">
        <v>536389</v>
      </c>
      <c r="AE17" s="104">
        <v>1174879</v>
      </c>
      <c r="AF17" s="104">
        <v>1724926</v>
      </c>
      <c r="AG17" s="104">
        <v>1025208</v>
      </c>
      <c r="AH17" s="103">
        <v>4752768</v>
      </c>
      <c r="AI17" s="106">
        <v>4752768</v>
      </c>
      <c r="AJ17" s="100">
        <v>0</v>
      </c>
      <c r="AK17" s="104">
        <v>0</v>
      </c>
      <c r="AL17" s="103">
        <v>0</v>
      </c>
      <c r="AM17" s="100">
        <v>0</v>
      </c>
      <c r="AN17" s="104">
        <v>0</v>
      </c>
      <c r="AO17" s="104">
        <v>149884</v>
      </c>
      <c r="AP17" s="104">
        <v>23060</v>
      </c>
      <c r="AQ17" s="104">
        <v>148932</v>
      </c>
      <c r="AR17" s="104">
        <v>174221</v>
      </c>
      <c r="AS17" s="103">
        <v>496097</v>
      </c>
      <c r="AT17" s="106">
        <v>496097</v>
      </c>
      <c r="AU17" s="100">
        <v>136893</v>
      </c>
      <c r="AV17" s="104">
        <v>98708</v>
      </c>
      <c r="AW17" s="103">
        <v>235601</v>
      </c>
      <c r="AX17" s="100">
        <v>0</v>
      </c>
      <c r="AY17" s="104">
        <v>775034</v>
      </c>
      <c r="AZ17" s="104">
        <v>845911</v>
      </c>
      <c r="BA17" s="104">
        <v>493860</v>
      </c>
      <c r="BB17" s="104">
        <v>796646</v>
      </c>
      <c r="BC17" s="104">
        <v>260342</v>
      </c>
      <c r="BD17" s="103">
        <v>3171793</v>
      </c>
      <c r="BE17" s="106">
        <v>3407394</v>
      </c>
      <c r="BF17" s="100">
        <v>0</v>
      </c>
      <c r="BG17" s="104">
        <v>50161</v>
      </c>
      <c r="BH17" s="102">
        <v>50161</v>
      </c>
      <c r="BI17" s="101">
        <v>0</v>
      </c>
      <c r="BJ17" s="104">
        <v>61184</v>
      </c>
      <c r="BK17" s="104">
        <v>41862</v>
      </c>
      <c r="BL17" s="104">
        <v>54139</v>
      </c>
      <c r="BM17" s="104">
        <v>112667</v>
      </c>
      <c r="BN17" s="104">
        <v>41862</v>
      </c>
      <c r="BO17" s="103">
        <v>311714</v>
      </c>
      <c r="BP17" s="106">
        <v>361875</v>
      </c>
      <c r="BQ17" s="100">
        <v>17712</v>
      </c>
      <c r="BR17" s="104">
        <v>42400</v>
      </c>
      <c r="BS17" s="103">
        <v>60112</v>
      </c>
      <c r="BT17" s="100">
        <v>0</v>
      </c>
      <c r="BU17" s="104">
        <v>201304</v>
      </c>
      <c r="BV17" s="104">
        <v>304976</v>
      </c>
      <c r="BW17" s="104">
        <v>200968</v>
      </c>
      <c r="BX17" s="104">
        <v>312032</v>
      </c>
      <c r="BY17" s="104">
        <v>190096</v>
      </c>
      <c r="BZ17" s="103">
        <v>1209376</v>
      </c>
      <c r="CA17" s="106">
        <v>1269488</v>
      </c>
      <c r="CB17" s="100">
        <v>103632</v>
      </c>
      <c r="CC17" s="104">
        <v>305186</v>
      </c>
      <c r="CD17" s="103">
        <v>408818</v>
      </c>
      <c r="CE17" s="100">
        <v>0</v>
      </c>
      <c r="CF17" s="104">
        <v>2507219</v>
      </c>
      <c r="CG17" s="104">
        <v>2263108</v>
      </c>
      <c r="CH17" s="104">
        <v>1759092</v>
      </c>
      <c r="CI17" s="104">
        <v>2171807</v>
      </c>
      <c r="CJ17" s="104">
        <v>430189</v>
      </c>
      <c r="CK17" s="103">
        <v>9131415</v>
      </c>
      <c r="CL17" s="106">
        <v>9540233</v>
      </c>
      <c r="CM17" s="100">
        <v>0</v>
      </c>
      <c r="CN17" s="104">
        <v>0</v>
      </c>
      <c r="CO17" s="103">
        <v>0</v>
      </c>
      <c r="CP17" s="101">
        <v>0</v>
      </c>
      <c r="CQ17" s="104">
        <v>1817446</v>
      </c>
      <c r="CR17" s="104">
        <v>1628492</v>
      </c>
      <c r="CS17" s="104">
        <v>1322690</v>
      </c>
      <c r="CT17" s="104">
        <v>1185626</v>
      </c>
      <c r="CU17" s="104">
        <v>379541</v>
      </c>
      <c r="CV17" s="103">
        <v>6333795</v>
      </c>
      <c r="CW17" s="106">
        <v>6333795</v>
      </c>
      <c r="CX17" s="100">
        <v>103632</v>
      </c>
      <c r="CY17" s="104">
        <v>305186</v>
      </c>
      <c r="CZ17" s="103">
        <v>408818</v>
      </c>
      <c r="DA17" s="100">
        <v>0</v>
      </c>
      <c r="DB17" s="104">
        <v>689773</v>
      </c>
      <c r="DC17" s="104">
        <v>634616</v>
      </c>
      <c r="DD17" s="104">
        <v>436402</v>
      </c>
      <c r="DE17" s="104">
        <v>986181</v>
      </c>
      <c r="DF17" s="104">
        <v>50648</v>
      </c>
      <c r="DG17" s="103">
        <v>2797620</v>
      </c>
      <c r="DH17" s="106">
        <v>3206438</v>
      </c>
      <c r="DI17" s="100">
        <v>0</v>
      </c>
      <c r="DJ17" s="104">
        <v>12634</v>
      </c>
      <c r="DK17" s="102">
        <v>12634</v>
      </c>
      <c r="DL17" s="101">
        <v>0</v>
      </c>
      <c r="DM17" s="104">
        <v>320952</v>
      </c>
      <c r="DN17" s="104">
        <v>529374</v>
      </c>
      <c r="DO17" s="104">
        <v>604680</v>
      </c>
      <c r="DP17" s="104">
        <v>155079</v>
      </c>
      <c r="DQ17" s="104">
        <v>0</v>
      </c>
      <c r="DR17" s="103">
        <v>1610085</v>
      </c>
      <c r="DS17" s="106">
        <v>1622719</v>
      </c>
      <c r="DT17" s="100">
        <v>0</v>
      </c>
      <c r="DU17" s="104">
        <v>12634</v>
      </c>
      <c r="DV17" s="103">
        <v>12634</v>
      </c>
      <c r="DW17" s="100">
        <v>0</v>
      </c>
      <c r="DX17" s="104">
        <v>320952</v>
      </c>
      <c r="DY17" s="104">
        <v>438543</v>
      </c>
      <c r="DZ17" s="104">
        <v>604680</v>
      </c>
      <c r="EA17" s="104">
        <v>112361</v>
      </c>
      <c r="EB17" s="104">
        <v>0</v>
      </c>
      <c r="EC17" s="103">
        <v>1476536</v>
      </c>
      <c r="ED17" s="106">
        <v>1489170</v>
      </c>
      <c r="EE17" s="100">
        <v>0</v>
      </c>
      <c r="EF17" s="102">
        <v>0</v>
      </c>
      <c r="EG17" s="103">
        <v>0</v>
      </c>
      <c r="EH17" s="100">
        <v>0</v>
      </c>
      <c r="EI17" s="104">
        <v>0</v>
      </c>
      <c r="EJ17" s="104">
        <v>90831</v>
      </c>
      <c r="EK17" s="104">
        <v>0</v>
      </c>
      <c r="EL17" s="104">
        <v>42718</v>
      </c>
      <c r="EM17" s="104">
        <v>0</v>
      </c>
      <c r="EN17" s="102">
        <v>133549</v>
      </c>
      <c r="EO17" s="106">
        <v>133549</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v>0</v>
      </c>
      <c r="FE17" s="104">
        <v>0</v>
      </c>
      <c r="FF17" s="104">
        <v>0</v>
      </c>
      <c r="FG17" s="104">
        <v>0</v>
      </c>
      <c r="FH17" s="104">
        <v>0</v>
      </c>
      <c r="FI17" s="104">
        <v>0</v>
      </c>
      <c r="FJ17" s="103">
        <v>0</v>
      </c>
      <c r="FK17" s="106">
        <v>0</v>
      </c>
      <c r="FL17" s="100">
        <v>70744</v>
      </c>
      <c r="FM17" s="104">
        <v>205184</v>
      </c>
      <c r="FN17" s="103">
        <v>275928</v>
      </c>
      <c r="FO17" s="100">
        <v>0</v>
      </c>
      <c r="FP17" s="104">
        <v>312640</v>
      </c>
      <c r="FQ17" s="104">
        <v>850280</v>
      </c>
      <c r="FR17" s="104">
        <v>401088</v>
      </c>
      <c r="FS17" s="104">
        <v>735832</v>
      </c>
      <c r="FT17" s="104">
        <v>287608</v>
      </c>
      <c r="FU17" s="103">
        <v>2587448</v>
      </c>
      <c r="FV17" s="106">
        <v>2863376</v>
      </c>
      <c r="FW17" s="105">
        <v>61680</v>
      </c>
      <c r="FX17" s="104">
        <v>183008</v>
      </c>
      <c r="FY17" s="102">
        <v>244688</v>
      </c>
      <c r="FZ17" s="101">
        <v>0</v>
      </c>
      <c r="GA17" s="104">
        <v>266464</v>
      </c>
      <c r="GB17" s="104">
        <v>609168</v>
      </c>
      <c r="GC17" s="104">
        <v>401088</v>
      </c>
      <c r="GD17" s="104">
        <v>735832</v>
      </c>
      <c r="GE17" s="104">
        <v>287608</v>
      </c>
      <c r="GF17" s="103">
        <v>2300160</v>
      </c>
      <c r="GG17" s="296">
        <v>2544848</v>
      </c>
      <c r="GH17" s="105">
        <v>0</v>
      </c>
      <c r="GI17" s="104">
        <v>22176</v>
      </c>
      <c r="GJ17" s="102">
        <v>22176</v>
      </c>
      <c r="GK17" s="101">
        <v>0</v>
      </c>
      <c r="GL17" s="104">
        <v>46176</v>
      </c>
      <c r="GM17" s="104">
        <v>58672</v>
      </c>
      <c r="GN17" s="104">
        <v>0</v>
      </c>
      <c r="GO17" s="104">
        <v>0</v>
      </c>
      <c r="GP17" s="104">
        <v>0</v>
      </c>
      <c r="GQ17" s="103">
        <v>104848</v>
      </c>
      <c r="GR17" s="106">
        <v>127024</v>
      </c>
      <c r="GS17" s="100">
        <v>9064</v>
      </c>
      <c r="GT17" s="104">
        <v>0</v>
      </c>
      <c r="GU17" s="103">
        <v>9064</v>
      </c>
      <c r="GV17" s="100">
        <v>0</v>
      </c>
      <c r="GW17" s="104">
        <v>0</v>
      </c>
      <c r="GX17" s="104">
        <v>182440</v>
      </c>
      <c r="GY17" s="104">
        <v>0</v>
      </c>
      <c r="GZ17" s="104">
        <v>0</v>
      </c>
      <c r="HA17" s="104">
        <v>0</v>
      </c>
      <c r="HB17" s="102">
        <v>182440</v>
      </c>
      <c r="HC17" s="106">
        <v>191504</v>
      </c>
      <c r="HD17" s="100">
        <v>63728</v>
      </c>
      <c r="HE17" s="104">
        <v>200130</v>
      </c>
      <c r="HF17" s="102">
        <v>263858</v>
      </c>
      <c r="HG17" s="101">
        <v>0</v>
      </c>
      <c r="HH17" s="104">
        <v>1933094</v>
      </c>
      <c r="HI17" s="104">
        <v>1740659</v>
      </c>
      <c r="HJ17" s="104">
        <v>1415549</v>
      </c>
      <c r="HK17" s="104">
        <v>3185358</v>
      </c>
      <c r="HL17" s="104">
        <v>1428317</v>
      </c>
      <c r="HM17" s="103">
        <v>9702977</v>
      </c>
      <c r="HN17" s="99">
        <v>9966835</v>
      </c>
      <c r="HO17" s="306"/>
      <c r="HP17" s="307"/>
      <c r="HQ17" s="308"/>
      <c r="HR17" s="309"/>
      <c r="HS17" s="307"/>
      <c r="HT17" s="307"/>
      <c r="HU17" s="307"/>
      <c r="HV17" s="307"/>
      <c r="HW17" s="307"/>
      <c r="HX17" s="310"/>
      <c r="HY17" s="311"/>
      <c r="HZ17" s="118">
        <v>29497</v>
      </c>
      <c r="IA17" s="119">
        <v>0</v>
      </c>
      <c r="IB17" s="120">
        <v>29497</v>
      </c>
      <c r="IC17" s="133">
        <v>0</v>
      </c>
      <c r="ID17" s="119">
        <v>939238</v>
      </c>
      <c r="IE17" s="134">
        <v>2001160</v>
      </c>
      <c r="IF17" s="120">
        <v>4054157</v>
      </c>
      <c r="IG17" s="119">
        <v>1392698</v>
      </c>
      <c r="IH17" s="120">
        <v>397688</v>
      </c>
      <c r="II17" s="135">
        <v>8784941</v>
      </c>
      <c r="IJ17" s="126">
        <v>8814438</v>
      </c>
      <c r="IK17" s="219">
        <v>0</v>
      </c>
      <c r="IL17" s="223">
        <v>0</v>
      </c>
      <c r="IM17" s="224">
        <v>0</v>
      </c>
      <c r="IN17" s="127"/>
      <c r="IO17" s="109">
        <v>76072</v>
      </c>
      <c r="IP17" s="109">
        <v>0</v>
      </c>
      <c r="IQ17" s="109">
        <v>152080</v>
      </c>
      <c r="IR17" s="109">
        <v>0</v>
      </c>
      <c r="IS17" s="109">
        <v>277180</v>
      </c>
      <c r="IT17" s="128">
        <v>505332</v>
      </c>
      <c r="IU17" s="298">
        <v>505332</v>
      </c>
      <c r="IV17" s="129">
        <v>0</v>
      </c>
      <c r="IW17" s="109">
        <v>0</v>
      </c>
      <c r="IX17" s="110">
        <v>0</v>
      </c>
      <c r="IY17" s="131"/>
      <c r="IZ17" s="109">
        <v>12933</v>
      </c>
      <c r="JA17" s="109">
        <v>0</v>
      </c>
      <c r="JB17" s="109">
        <v>0</v>
      </c>
      <c r="JC17" s="109">
        <v>0</v>
      </c>
      <c r="JD17" s="109">
        <v>0</v>
      </c>
      <c r="JE17" s="110">
        <v>12933</v>
      </c>
      <c r="JF17" s="111">
        <v>12933</v>
      </c>
      <c r="JG17" s="129">
        <v>0</v>
      </c>
      <c r="JH17" s="109">
        <v>0</v>
      </c>
      <c r="JI17" s="128">
        <v>0</v>
      </c>
      <c r="JJ17" s="108">
        <v>0</v>
      </c>
      <c r="JK17" s="109">
        <v>608867</v>
      </c>
      <c r="JL17" s="109">
        <v>361426</v>
      </c>
      <c r="JM17" s="109">
        <v>314852</v>
      </c>
      <c r="JN17" s="109">
        <v>253992</v>
      </c>
      <c r="JO17" s="109">
        <v>120508</v>
      </c>
      <c r="JP17" s="110">
        <v>1659645</v>
      </c>
      <c r="JQ17" s="298">
        <v>1659645</v>
      </c>
      <c r="JR17" s="129">
        <v>29497</v>
      </c>
      <c r="JS17" s="109">
        <v>0</v>
      </c>
      <c r="JT17" s="128">
        <v>29497</v>
      </c>
      <c r="JU17" s="108">
        <v>0</v>
      </c>
      <c r="JV17" s="109">
        <v>0</v>
      </c>
      <c r="JW17" s="109">
        <v>282924</v>
      </c>
      <c r="JX17" s="109">
        <v>183172</v>
      </c>
      <c r="JY17" s="109">
        <v>0</v>
      </c>
      <c r="JZ17" s="109">
        <v>0</v>
      </c>
      <c r="KA17" s="110">
        <v>466096</v>
      </c>
      <c r="KB17" s="298">
        <v>495593</v>
      </c>
      <c r="KC17" s="221">
        <v>0</v>
      </c>
      <c r="KD17" s="217">
        <v>0</v>
      </c>
      <c r="KE17" s="110">
        <v>0</v>
      </c>
      <c r="KF17" s="108">
        <v>0</v>
      </c>
      <c r="KG17" s="109">
        <v>106242</v>
      </c>
      <c r="KH17" s="109">
        <v>678471</v>
      </c>
      <c r="KI17" s="109">
        <v>1374780</v>
      </c>
      <c r="KJ17" s="109">
        <v>0</v>
      </c>
      <c r="KK17" s="109">
        <v>0</v>
      </c>
      <c r="KL17" s="110">
        <v>2159493</v>
      </c>
      <c r="KM17" s="130">
        <v>2159493</v>
      </c>
      <c r="KN17" s="219">
        <v>0</v>
      </c>
      <c r="KO17" s="223">
        <v>0</v>
      </c>
      <c r="KP17" s="224">
        <v>0</v>
      </c>
      <c r="KQ17" s="127"/>
      <c r="KR17" s="109">
        <v>0</v>
      </c>
      <c r="KS17" s="109">
        <v>488406</v>
      </c>
      <c r="KT17" s="109">
        <v>2029273</v>
      </c>
      <c r="KU17" s="109">
        <v>857064</v>
      </c>
      <c r="KV17" s="109">
        <v>0</v>
      </c>
      <c r="KW17" s="110">
        <v>3374743</v>
      </c>
      <c r="KX17" s="298">
        <v>3374743</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135124</v>
      </c>
      <c r="LZ17" s="109">
        <v>189933</v>
      </c>
      <c r="MA17" s="109">
        <v>0</v>
      </c>
      <c r="MB17" s="109">
        <v>281642</v>
      </c>
      <c r="MC17" s="109">
        <v>0</v>
      </c>
      <c r="MD17" s="110">
        <v>606699</v>
      </c>
      <c r="ME17" s="111">
        <v>606699</v>
      </c>
      <c r="MF17" s="129">
        <v>0</v>
      </c>
      <c r="MG17" s="109">
        <v>0</v>
      </c>
      <c r="MH17" s="110">
        <v>0</v>
      </c>
      <c r="MI17" s="132"/>
      <c r="MJ17" s="109">
        <v>417530</v>
      </c>
      <c r="MK17" s="109">
        <v>253892</v>
      </c>
      <c r="ML17" s="109">
        <v>2119747</v>
      </c>
      <c r="MM17" s="109">
        <v>5686988</v>
      </c>
      <c r="MN17" s="109">
        <v>2581365</v>
      </c>
      <c r="MO17" s="110">
        <v>11059522</v>
      </c>
      <c r="MP17" s="130">
        <v>11059522</v>
      </c>
      <c r="MQ17" s="129">
        <v>0</v>
      </c>
      <c r="MR17" s="109">
        <v>0</v>
      </c>
      <c r="MS17" s="110">
        <v>0</v>
      </c>
      <c r="MT17" s="132"/>
      <c r="MU17" s="109">
        <v>0</v>
      </c>
      <c r="MV17" s="109">
        <v>0</v>
      </c>
      <c r="MW17" s="109">
        <v>718014</v>
      </c>
      <c r="MX17" s="109">
        <v>4216569</v>
      </c>
      <c r="MY17" s="109">
        <v>964243</v>
      </c>
      <c r="MZ17" s="110">
        <v>5898826</v>
      </c>
      <c r="NA17" s="130">
        <v>5898826</v>
      </c>
      <c r="NB17" s="129">
        <v>0</v>
      </c>
      <c r="NC17" s="109">
        <v>0</v>
      </c>
      <c r="ND17" s="110">
        <v>0</v>
      </c>
      <c r="NE17" s="132"/>
      <c r="NF17" s="109">
        <v>417530</v>
      </c>
      <c r="NG17" s="109">
        <v>253892</v>
      </c>
      <c r="NH17" s="109">
        <v>1401733</v>
      </c>
      <c r="NI17" s="109">
        <v>1116508</v>
      </c>
      <c r="NJ17" s="109">
        <v>1617122</v>
      </c>
      <c r="NK17" s="110">
        <v>4806785</v>
      </c>
      <c r="NL17" s="298">
        <v>4806785</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353911</v>
      </c>
      <c r="OF17" s="109">
        <v>0</v>
      </c>
      <c r="OG17" s="110">
        <v>353911</v>
      </c>
      <c r="OH17" s="111">
        <v>353911</v>
      </c>
      <c r="OI17" s="129">
        <v>422206</v>
      </c>
      <c r="OJ17" s="109">
        <v>914403</v>
      </c>
      <c r="OK17" s="128">
        <v>1336609</v>
      </c>
      <c r="OL17" s="108">
        <v>0</v>
      </c>
      <c r="OM17" s="109">
        <v>7759561</v>
      </c>
      <c r="ON17" s="109">
        <v>9517495</v>
      </c>
      <c r="OO17" s="109">
        <v>12301219</v>
      </c>
      <c r="OP17" s="109">
        <v>16422965</v>
      </c>
      <c r="OQ17" s="109">
        <v>6816896</v>
      </c>
      <c r="OR17" s="110">
        <v>52818136</v>
      </c>
      <c r="OS17" s="130">
        <v>54154745</v>
      </c>
    </row>
    <row r="18" spans="2:409" ht="21" customHeight="1" x14ac:dyDescent="0.2">
      <c r="B18" s="472" t="s">
        <v>12</v>
      </c>
      <c r="C18" s="100">
        <v>694590</v>
      </c>
      <c r="D18" s="104">
        <v>2270730</v>
      </c>
      <c r="E18" s="103">
        <v>2965320</v>
      </c>
      <c r="F18" s="99">
        <v>0</v>
      </c>
      <c r="G18" s="104">
        <v>6372760</v>
      </c>
      <c r="H18" s="157">
        <v>8623771</v>
      </c>
      <c r="I18" s="157">
        <v>8914341</v>
      </c>
      <c r="J18" s="157">
        <v>10645237</v>
      </c>
      <c r="K18" s="157">
        <v>2840421</v>
      </c>
      <c r="L18" s="102">
        <v>37396530</v>
      </c>
      <c r="M18" s="106">
        <v>40361850</v>
      </c>
      <c r="N18" s="100">
        <v>289989</v>
      </c>
      <c r="O18" s="104">
        <v>734394</v>
      </c>
      <c r="P18" s="103">
        <v>1024383</v>
      </c>
      <c r="Q18" s="100">
        <v>0</v>
      </c>
      <c r="R18" s="104">
        <v>1962768</v>
      </c>
      <c r="S18" s="104">
        <v>3352292</v>
      </c>
      <c r="T18" s="104">
        <v>2678985</v>
      </c>
      <c r="U18" s="104">
        <v>4425558</v>
      </c>
      <c r="V18" s="104">
        <v>1530491</v>
      </c>
      <c r="W18" s="103">
        <v>13950094</v>
      </c>
      <c r="X18" s="106">
        <v>14974477</v>
      </c>
      <c r="Y18" s="100">
        <v>0</v>
      </c>
      <c r="Z18" s="104">
        <v>0</v>
      </c>
      <c r="AA18" s="103">
        <v>0</v>
      </c>
      <c r="AB18" s="100">
        <v>0</v>
      </c>
      <c r="AC18" s="104">
        <v>1260885</v>
      </c>
      <c r="AD18" s="104">
        <v>1596528</v>
      </c>
      <c r="AE18" s="104">
        <v>1665306</v>
      </c>
      <c r="AF18" s="104">
        <v>2889617</v>
      </c>
      <c r="AG18" s="104">
        <v>901293</v>
      </c>
      <c r="AH18" s="103">
        <v>8313629</v>
      </c>
      <c r="AI18" s="106">
        <v>8313629</v>
      </c>
      <c r="AJ18" s="100">
        <v>0</v>
      </c>
      <c r="AK18" s="104">
        <v>0</v>
      </c>
      <c r="AL18" s="103">
        <v>0</v>
      </c>
      <c r="AM18" s="100">
        <v>0</v>
      </c>
      <c r="AN18" s="104">
        <v>0</v>
      </c>
      <c r="AO18" s="104">
        <v>46763</v>
      </c>
      <c r="AP18" s="104">
        <v>60835</v>
      </c>
      <c r="AQ18" s="104">
        <v>340706</v>
      </c>
      <c r="AR18" s="104">
        <v>140289</v>
      </c>
      <c r="AS18" s="103">
        <v>588593</v>
      </c>
      <c r="AT18" s="106">
        <v>588593</v>
      </c>
      <c r="AU18" s="100">
        <v>261885</v>
      </c>
      <c r="AV18" s="104">
        <v>601674</v>
      </c>
      <c r="AW18" s="103">
        <v>863559</v>
      </c>
      <c r="AX18" s="100">
        <v>0</v>
      </c>
      <c r="AY18" s="104">
        <v>480163</v>
      </c>
      <c r="AZ18" s="104">
        <v>1127673</v>
      </c>
      <c r="BA18" s="104">
        <v>532183</v>
      </c>
      <c r="BB18" s="104">
        <v>730361</v>
      </c>
      <c r="BC18" s="104">
        <v>333549</v>
      </c>
      <c r="BD18" s="103">
        <v>3203929</v>
      </c>
      <c r="BE18" s="106">
        <v>4067488</v>
      </c>
      <c r="BF18" s="100">
        <v>0</v>
      </c>
      <c r="BG18" s="104">
        <v>36984</v>
      </c>
      <c r="BH18" s="102">
        <v>36984</v>
      </c>
      <c r="BI18" s="101">
        <v>0</v>
      </c>
      <c r="BJ18" s="104">
        <v>0</v>
      </c>
      <c r="BK18" s="104">
        <v>196800</v>
      </c>
      <c r="BL18" s="104">
        <v>47125</v>
      </c>
      <c r="BM18" s="104">
        <v>5426</v>
      </c>
      <c r="BN18" s="104">
        <v>0</v>
      </c>
      <c r="BO18" s="103">
        <v>249351</v>
      </c>
      <c r="BP18" s="106">
        <v>286335</v>
      </c>
      <c r="BQ18" s="100">
        <v>28104</v>
      </c>
      <c r="BR18" s="104">
        <v>95736</v>
      </c>
      <c r="BS18" s="103">
        <v>123840</v>
      </c>
      <c r="BT18" s="100">
        <v>0</v>
      </c>
      <c r="BU18" s="104">
        <v>221720</v>
      </c>
      <c r="BV18" s="104">
        <v>384528</v>
      </c>
      <c r="BW18" s="104">
        <v>373536</v>
      </c>
      <c r="BX18" s="104">
        <v>459448</v>
      </c>
      <c r="BY18" s="104">
        <v>155360</v>
      </c>
      <c r="BZ18" s="103">
        <v>1594592</v>
      </c>
      <c r="CA18" s="106">
        <v>1718432</v>
      </c>
      <c r="CB18" s="100">
        <v>168347</v>
      </c>
      <c r="CC18" s="104">
        <v>423378</v>
      </c>
      <c r="CD18" s="103">
        <v>591725</v>
      </c>
      <c r="CE18" s="100">
        <v>0</v>
      </c>
      <c r="CF18" s="104">
        <v>2640682</v>
      </c>
      <c r="CG18" s="104">
        <v>2535812</v>
      </c>
      <c r="CH18" s="104">
        <v>2920153</v>
      </c>
      <c r="CI18" s="104">
        <v>1602704</v>
      </c>
      <c r="CJ18" s="104">
        <v>95768</v>
      </c>
      <c r="CK18" s="103">
        <v>9795119</v>
      </c>
      <c r="CL18" s="106">
        <v>10386844</v>
      </c>
      <c r="CM18" s="100">
        <v>0</v>
      </c>
      <c r="CN18" s="104">
        <v>0</v>
      </c>
      <c r="CO18" s="103">
        <v>0</v>
      </c>
      <c r="CP18" s="101">
        <v>0</v>
      </c>
      <c r="CQ18" s="104">
        <v>2237706</v>
      </c>
      <c r="CR18" s="104">
        <v>1742063</v>
      </c>
      <c r="CS18" s="104">
        <v>2049958</v>
      </c>
      <c r="CT18" s="104">
        <v>1265938</v>
      </c>
      <c r="CU18" s="104">
        <v>0</v>
      </c>
      <c r="CV18" s="103">
        <v>7295665</v>
      </c>
      <c r="CW18" s="106">
        <v>7295665</v>
      </c>
      <c r="CX18" s="100">
        <v>168347</v>
      </c>
      <c r="CY18" s="104">
        <v>423378</v>
      </c>
      <c r="CZ18" s="103">
        <v>591725</v>
      </c>
      <c r="DA18" s="100">
        <v>0</v>
      </c>
      <c r="DB18" s="104">
        <v>402976</v>
      </c>
      <c r="DC18" s="104">
        <v>793749</v>
      </c>
      <c r="DD18" s="104">
        <v>870195</v>
      </c>
      <c r="DE18" s="104">
        <v>336766</v>
      </c>
      <c r="DF18" s="104">
        <v>95768</v>
      </c>
      <c r="DG18" s="103">
        <v>2499454</v>
      </c>
      <c r="DH18" s="106">
        <v>3091179</v>
      </c>
      <c r="DI18" s="100">
        <v>18922</v>
      </c>
      <c r="DJ18" s="104">
        <v>95361</v>
      </c>
      <c r="DK18" s="102">
        <v>114283</v>
      </c>
      <c r="DL18" s="101">
        <v>0</v>
      </c>
      <c r="DM18" s="104">
        <v>416956</v>
      </c>
      <c r="DN18" s="104">
        <v>408976</v>
      </c>
      <c r="DO18" s="104">
        <v>390290</v>
      </c>
      <c r="DP18" s="104">
        <v>736921</v>
      </c>
      <c r="DQ18" s="104">
        <v>55340</v>
      </c>
      <c r="DR18" s="103">
        <v>2008483</v>
      </c>
      <c r="DS18" s="106">
        <v>2122766</v>
      </c>
      <c r="DT18" s="100">
        <v>18922</v>
      </c>
      <c r="DU18" s="104">
        <v>95361</v>
      </c>
      <c r="DV18" s="103">
        <v>114283</v>
      </c>
      <c r="DW18" s="100">
        <v>0</v>
      </c>
      <c r="DX18" s="104">
        <v>416956</v>
      </c>
      <c r="DY18" s="104">
        <v>408976</v>
      </c>
      <c r="DZ18" s="104">
        <v>330794</v>
      </c>
      <c r="EA18" s="104">
        <v>736921</v>
      </c>
      <c r="EB18" s="104">
        <v>55340</v>
      </c>
      <c r="EC18" s="103">
        <v>1948987</v>
      </c>
      <c r="ED18" s="106">
        <v>2063270</v>
      </c>
      <c r="EE18" s="100">
        <v>0</v>
      </c>
      <c r="EF18" s="102">
        <v>0</v>
      </c>
      <c r="EG18" s="103">
        <v>0</v>
      </c>
      <c r="EH18" s="100">
        <v>0</v>
      </c>
      <c r="EI18" s="104">
        <v>0</v>
      </c>
      <c r="EJ18" s="104">
        <v>0</v>
      </c>
      <c r="EK18" s="104">
        <v>59496</v>
      </c>
      <c r="EL18" s="104">
        <v>0</v>
      </c>
      <c r="EM18" s="104">
        <v>0</v>
      </c>
      <c r="EN18" s="102">
        <v>59496</v>
      </c>
      <c r="EO18" s="106">
        <v>59496</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v>0</v>
      </c>
      <c r="FE18" s="104">
        <v>0</v>
      </c>
      <c r="FF18" s="104">
        <v>0</v>
      </c>
      <c r="FG18" s="104">
        <v>0</v>
      </c>
      <c r="FH18" s="104">
        <v>0</v>
      </c>
      <c r="FI18" s="104">
        <v>0</v>
      </c>
      <c r="FJ18" s="103">
        <v>0</v>
      </c>
      <c r="FK18" s="106">
        <v>0</v>
      </c>
      <c r="FL18" s="100">
        <v>107424</v>
      </c>
      <c r="FM18" s="104">
        <v>728768</v>
      </c>
      <c r="FN18" s="103">
        <v>836192</v>
      </c>
      <c r="FO18" s="100">
        <v>0</v>
      </c>
      <c r="FP18" s="104">
        <v>209744</v>
      </c>
      <c r="FQ18" s="104">
        <v>931760</v>
      </c>
      <c r="FR18" s="104">
        <v>702992</v>
      </c>
      <c r="FS18" s="104">
        <v>1071768</v>
      </c>
      <c r="FT18" s="104">
        <v>257416</v>
      </c>
      <c r="FU18" s="103">
        <v>3173680</v>
      </c>
      <c r="FV18" s="106">
        <v>4009872</v>
      </c>
      <c r="FW18" s="105">
        <v>68704</v>
      </c>
      <c r="FX18" s="104">
        <v>344848</v>
      </c>
      <c r="FY18" s="102">
        <v>413552</v>
      </c>
      <c r="FZ18" s="101">
        <v>0</v>
      </c>
      <c r="GA18" s="104">
        <v>187264</v>
      </c>
      <c r="GB18" s="104">
        <v>931760</v>
      </c>
      <c r="GC18" s="104">
        <v>683552</v>
      </c>
      <c r="GD18" s="104">
        <v>914728</v>
      </c>
      <c r="GE18" s="104">
        <v>257416</v>
      </c>
      <c r="GF18" s="103">
        <v>2974720</v>
      </c>
      <c r="GG18" s="296">
        <v>3388272</v>
      </c>
      <c r="GH18" s="105">
        <v>0</v>
      </c>
      <c r="GI18" s="104">
        <v>110000</v>
      </c>
      <c r="GJ18" s="102">
        <v>110000</v>
      </c>
      <c r="GK18" s="101">
        <v>0</v>
      </c>
      <c r="GL18" s="104">
        <v>0</v>
      </c>
      <c r="GM18" s="104">
        <v>0</v>
      </c>
      <c r="GN18" s="104">
        <v>19440</v>
      </c>
      <c r="GO18" s="104">
        <v>19440</v>
      </c>
      <c r="GP18" s="104">
        <v>0</v>
      </c>
      <c r="GQ18" s="103">
        <v>38880</v>
      </c>
      <c r="GR18" s="106">
        <v>148880</v>
      </c>
      <c r="GS18" s="100">
        <v>38720</v>
      </c>
      <c r="GT18" s="104">
        <v>273920</v>
      </c>
      <c r="GU18" s="103">
        <v>312640</v>
      </c>
      <c r="GV18" s="100">
        <v>0</v>
      </c>
      <c r="GW18" s="104">
        <v>22480</v>
      </c>
      <c r="GX18" s="104">
        <v>0</v>
      </c>
      <c r="GY18" s="104">
        <v>0</v>
      </c>
      <c r="GZ18" s="104">
        <v>137600</v>
      </c>
      <c r="HA18" s="104">
        <v>0</v>
      </c>
      <c r="HB18" s="102">
        <v>160080</v>
      </c>
      <c r="HC18" s="106">
        <v>472720</v>
      </c>
      <c r="HD18" s="100">
        <v>109908</v>
      </c>
      <c r="HE18" s="104">
        <v>288829</v>
      </c>
      <c r="HF18" s="102">
        <v>398737</v>
      </c>
      <c r="HG18" s="101">
        <v>0</v>
      </c>
      <c r="HH18" s="104">
        <v>1142610</v>
      </c>
      <c r="HI18" s="104">
        <v>1394931</v>
      </c>
      <c r="HJ18" s="104">
        <v>2221921</v>
      </c>
      <c r="HK18" s="104">
        <v>2808286</v>
      </c>
      <c r="HL18" s="104">
        <v>901406</v>
      </c>
      <c r="HM18" s="103">
        <v>8469154</v>
      </c>
      <c r="HN18" s="99">
        <v>8867891</v>
      </c>
      <c r="HO18" s="306"/>
      <c r="HP18" s="307"/>
      <c r="HQ18" s="308"/>
      <c r="HR18" s="309"/>
      <c r="HS18" s="307"/>
      <c r="HT18" s="307"/>
      <c r="HU18" s="307"/>
      <c r="HV18" s="307"/>
      <c r="HW18" s="307"/>
      <c r="HX18" s="310"/>
      <c r="HY18" s="311"/>
      <c r="HZ18" s="137">
        <v>0</v>
      </c>
      <c r="IA18" s="122">
        <v>0</v>
      </c>
      <c r="IB18" s="137">
        <v>0</v>
      </c>
      <c r="IC18" s="121">
        <v>0</v>
      </c>
      <c r="ID18" s="122">
        <v>2470723</v>
      </c>
      <c r="IE18" s="123">
        <v>2901736</v>
      </c>
      <c r="IF18" s="124">
        <v>2367283</v>
      </c>
      <c r="IG18" s="122">
        <v>3082064</v>
      </c>
      <c r="IH18" s="124">
        <v>2223490</v>
      </c>
      <c r="II18" s="125">
        <v>13045296</v>
      </c>
      <c r="IJ18" s="137">
        <v>13045296</v>
      </c>
      <c r="IK18" s="219">
        <v>0</v>
      </c>
      <c r="IL18" s="223">
        <v>0</v>
      </c>
      <c r="IM18" s="224">
        <v>0</v>
      </c>
      <c r="IN18" s="127"/>
      <c r="IO18" s="109">
        <v>72177</v>
      </c>
      <c r="IP18" s="109">
        <v>104628</v>
      </c>
      <c r="IQ18" s="109">
        <v>0</v>
      </c>
      <c r="IR18" s="109">
        <v>230940</v>
      </c>
      <c r="IS18" s="109">
        <v>0</v>
      </c>
      <c r="IT18" s="128">
        <v>407745</v>
      </c>
      <c r="IU18" s="298">
        <v>407745</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1209959</v>
      </c>
      <c r="JL18" s="109">
        <v>906133</v>
      </c>
      <c r="JM18" s="109">
        <v>855745</v>
      </c>
      <c r="JN18" s="109">
        <v>793909</v>
      </c>
      <c r="JO18" s="109">
        <v>212677</v>
      </c>
      <c r="JP18" s="110">
        <v>3978423</v>
      </c>
      <c r="JQ18" s="298">
        <v>3978423</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255942</v>
      </c>
      <c r="KH18" s="109">
        <v>0</v>
      </c>
      <c r="KI18" s="109">
        <v>722090</v>
      </c>
      <c r="KJ18" s="109">
        <v>799637</v>
      </c>
      <c r="KK18" s="109">
        <v>901930</v>
      </c>
      <c r="KL18" s="110">
        <v>2679599</v>
      </c>
      <c r="KM18" s="130">
        <v>2679599</v>
      </c>
      <c r="KN18" s="219">
        <v>0</v>
      </c>
      <c r="KO18" s="223">
        <v>0</v>
      </c>
      <c r="KP18" s="224">
        <v>0</v>
      </c>
      <c r="KQ18" s="127"/>
      <c r="KR18" s="109">
        <v>732542</v>
      </c>
      <c r="KS18" s="109">
        <v>500043</v>
      </c>
      <c r="KT18" s="109">
        <v>724475</v>
      </c>
      <c r="KU18" s="109">
        <v>523720</v>
      </c>
      <c r="KV18" s="109">
        <v>808334</v>
      </c>
      <c r="KW18" s="110">
        <v>3289114</v>
      </c>
      <c r="KX18" s="298">
        <v>3289114</v>
      </c>
      <c r="KY18" s="129">
        <v>0</v>
      </c>
      <c r="KZ18" s="109">
        <v>0</v>
      </c>
      <c r="LA18" s="110">
        <v>0</v>
      </c>
      <c r="LB18" s="132"/>
      <c r="LC18" s="109">
        <v>0</v>
      </c>
      <c r="LD18" s="109">
        <v>545763</v>
      </c>
      <c r="LE18" s="109">
        <v>64973</v>
      </c>
      <c r="LF18" s="109">
        <v>446916</v>
      </c>
      <c r="LG18" s="109">
        <v>0</v>
      </c>
      <c r="LH18" s="110">
        <v>1057652</v>
      </c>
      <c r="LI18" s="111">
        <v>1057652</v>
      </c>
      <c r="LJ18" s="129">
        <v>0</v>
      </c>
      <c r="LK18" s="109">
        <v>0</v>
      </c>
      <c r="LL18" s="110">
        <v>0</v>
      </c>
      <c r="LM18" s="132"/>
      <c r="LN18" s="109">
        <v>0</v>
      </c>
      <c r="LO18" s="109">
        <v>0</v>
      </c>
      <c r="LP18" s="109">
        <v>0</v>
      </c>
      <c r="LQ18" s="109">
        <v>0</v>
      </c>
      <c r="LR18" s="109">
        <v>300549</v>
      </c>
      <c r="LS18" s="110">
        <v>300549</v>
      </c>
      <c r="LT18" s="298">
        <v>300549</v>
      </c>
      <c r="LU18" s="129">
        <v>0</v>
      </c>
      <c r="LV18" s="109">
        <v>0</v>
      </c>
      <c r="LW18" s="110">
        <v>0</v>
      </c>
      <c r="LX18" s="132"/>
      <c r="LY18" s="109">
        <v>200103</v>
      </c>
      <c r="LZ18" s="109">
        <v>845169</v>
      </c>
      <c r="MA18" s="109">
        <v>0</v>
      </c>
      <c r="MB18" s="109">
        <v>286942</v>
      </c>
      <c r="MC18" s="109">
        <v>0</v>
      </c>
      <c r="MD18" s="110">
        <v>1332214</v>
      </c>
      <c r="ME18" s="111">
        <v>1332214</v>
      </c>
      <c r="MF18" s="129">
        <v>0</v>
      </c>
      <c r="MG18" s="109">
        <v>0</v>
      </c>
      <c r="MH18" s="110">
        <v>0</v>
      </c>
      <c r="MI18" s="132"/>
      <c r="MJ18" s="109">
        <v>490045</v>
      </c>
      <c r="MK18" s="109">
        <v>958321</v>
      </c>
      <c r="ML18" s="109">
        <v>2932844</v>
      </c>
      <c r="MM18" s="109">
        <v>7581268</v>
      </c>
      <c r="MN18" s="109">
        <v>3225690</v>
      </c>
      <c r="MO18" s="110">
        <v>15188168</v>
      </c>
      <c r="MP18" s="130">
        <v>15188168</v>
      </c>
      <c r="MQ18" s="129">
        <v>0</v>
      </c>
      <c r="MR18" s="109">
        <v>0</v>
      </c>
      <c r="MS18" s="110">
        <v>0</v>
      </c>
      <c r="MT18" s="132"/>
      <c r="MU18" s="109">
        <v>0</v>
      </c>
      <c r="MV18" s="109">
        <v>0</v>
      </c>
      <c r="MW18" s="109">
        <v>1712498</v>
      </c>
      <c r="MX18" s="109">
        <v>4005853</v>
      </c>
      <c r="MY18" s="109">
        <v>1798022</v>
      </c>
      <c r="MZ18" s="110">
        <v>7516373</v>
      </c>
      <c r="NA18" s="130">
        <v>7516373</v>
      </c>
      <c r="NB18" s="129">
        <v>0</v>
      </c>
      <c r="NC18" s="109">
        <v>0</v>
      </c>
      <c r="ND18" s="110">
        <v>0</v>
      </c>
      <c r="NE18" s="132"/>
      <c r="NF18" s="109">
        <v>490045</v>
      </c>
      <c r="NG18" s="109">
        <v>958321</v>
      </c>
      <c r="NH18" s="109">
        <v>1220346</v>
      </c>
      <c r="NI18" s="109">
        <v>3221235</v>
      </c>
      <c r="NJ18" s="109">
        <v>1034016</v>
      </c>
      <c r="NK18" s="110">
        <v>6923963</v>
      </c>
      <c r="NL18" s="298">
        <v>6923963</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354180</v>
      </c>
      <c r="OF18" s="109">
        <v>393652</v>
      </c>
      <c r="OG18" s="110">
        <v>747832</v>
      </c>
      <c r="OH18" s="111">
        <v>747832</v>
      </c>
      <c r="OI18" s="129">
        <v>694590</v>
      </c>
      <c r="OJ18" s="109">
        <v>2270730</v>
      </c>
      <c r="OK18" s="128">
        <v>2965320</v>
      </c>
      <c r="OL18" s="108">
        <v>0</v>
      </c>
      <c r="OM18" s="109">
        <v>9333528</v>
      </c>
      <c r="ON18" s="109">
        <v>12483828</v>
      </c>
      <c r="OO18" s="109">
        <v>14214468</v>
      </c>
      <c r="OP18" s="109">
        <v>21308569</v>
      </c>
      <c r="OQ18" s="109">
        <v>8289601</v>
      </c>
      <c r="OR18" s="110">
        <v>65629994</v>
      </c>
      <c r="OS18" s="130">
        <v>68595314</v>
      </c>
    </row>
    <row r="19" spans="2:409" ht="21" customHeight="1" x14ac:dyDescent="0.2">
      <c r="B19" s="472" t="s">
        <v>13</v>
      </c>
      <c r="C19" s="100">
        <v>126594</v>
      </c>
      <c r="D19" s="104">
        <v>410065</v>
      </c>
      <c r="E19" s="103">
        <v>536659</v>
      </c>
      <c r="F19" s="100">
        <v>0</v>
      </c>
      <c r="G19" s="157">
        <v>3470173</v>
      </c>
      <c r="H19" s="104">
        <v>4778738</v>
      </c>
      <c r="I19" s="104">
        <v>4487423</v>
      </c>
      <c r="J19" s="104">
        <v>4337124</v>
      </c>
      <c r="K19" s="104">
        <v>3697085</v>
      </c>
      <c r="L19" s="102">
        <v>20770543</v>
      </c>
      <c r="M19" s="106">
        <v>21307202</v>
      </c>
      <c r="N19" s="100">
        <v>43045</v>
      </c>
      <c r="O19" s="104">
        <v>112350</v>
      </c>
      <c r="P19" s="103">
        <v>155395</v>
      </c>
      <c r="Q19" s="100">
        <v>0</v>
      </c>
      <c r="R19" s="104">
        <v>844455</v>
      </c>
      <c r="S19" s="104">
        <v>1621230</v>
      </c>
      <c r="T19" s="104">
        <v>1629521</v>
      </c>
      <c r="U19" s="104">
        <v>2295505</v>
      </c>
      <c r="V19" s="104">
        <v>2014170</v>
      </c>
      <c r="W19" s="103">
        <v>8404881</v>
      </c>
      <c r="X19" s="106">
        <v>8560276</v>
      </c>
      <c r="Y19" s="100">
        <v>0</v>
      </c>
      <c r="Z19" s="104">
        <v>0</v>
      </c>
      <c r="AA19" s="103">
        <v>0</v>
      </c>
      <c r="AB19" s="100">
        <v>0</v>
      </c>
      <c r="AC19" s="104">
        <v>391028</v>
      </c>
      <c r="AD19" s="104">
        <v>607561</v>
      </c>
      <c r="AE19" s="104">
        <v>967913</v>
      </c>
      <c r="AF19" s="104">
        <v>1444660</v>
      </c>
      <c r="AG19" s="104">
        <v>945285</v>
      </c>
      <c r="AH19" s="103">
        <v>4356447</v>
      </c>
      <c r="AI19" s="106">
        <v>4356447</v>
      </c>
      <c r="AJ19" s="100">
        <v>0</v>
      </c>
      <c r="AK19" s="104">
        <v>0</v>
      </c>
      <c r="AL19" s="103">
        <v>0</v>
      </c>
      <c r="AM19" s="100">
        <v>0</v>
      </c>
      <c r="AN19" s="104">
        <v>0</v>
      </c>
      <c r="AO19" s="104">
        <v>38144</v>
      </c>
      <c r="AP19" s="104">
        <v>0</v>
      </c>
      <c r="AQ19" s="104">
        <v>155423</v>
      </c>
      <c r="AR19" s="104">
        <v>405553</v>
      </c>
      <c r="AS19" s="103">
        <v>599120</v>
      </c>
      <c r="AT19" s="106">
        <v>599120</v>
      </c>
      <c r="AU19" s="100">
        <v>20013</v>
      </c>
      <c r="AV19" s="104">
        <v>61917</v>
      </c>
      <c r="AW19" s="103">
        <v>81930</v>
      </c>
      <c r="AX19" s="100">
        <v>0</v>
      </c>
      <c r="AY19" s="104">
        <v>220036</v>
      </c>
      <c r="AZ19" s="104">
        <v>679213</v>
      </c>
      <c r="BA19" s="104">
        <v>416576</v>
      </c>
      <c r="BB19" s="104">
        <v>424408</v>
      </c>
      <c r="BC19" s="104">
        <v>474282</v>
      </c>
      <c r="BD19" s="103">
        <v>2214515</v>
      </c>
      <c r="BE19" s="106">
        <v>2296445</v>
      </c>
      <c r="BF19" s="100">
        <v>0</v>
      </c>
      <c r="BG19" s="104">
        <v>16345</v>
      </c>
      <c r="BH19" s="102">
        <v>16345</v>
      </c>
      <c r="BI19" s="101">
        <v>0</v>
      </c>
      <c r="BJ19" s="104">
        <v>42527</v>
      </c>
      <c r="BK19" s="104">
        <v>0</v>
      </c>
      <c r="BL19" s="104">
        <v>0</v>
      </c>
      <c r="BM19" s="104">
        <v>23118</v>
      </c>
      <c r="BN19" s="104">
        <v>16450</v>
      </c>
      <c r="BO19" s="103">
        <v>82095</v>
      </c>
      <c r="BP19" s="106">
        <v>98440</v>
      </c>
      <c r="BQ19" s="100">
        <v>23032</v>
      </c>
      <c r="BR19" s="104">
        <v>34088</v>
      </c>
      <c r="BS19" s="103">
        <v>57120</v>
      </c>
      <c r="BT19" s="100">
        <v>0</v>
      </c>
      <c r="BU19" s="104">
        <v>190864</v>
      </c>
      <c r="BV19" s="104">
        <v>296312</v>
      </c>
      <c r="BW19" s="104">
        <v>245032</v>
      </c>
      <c r="BX19" s="104">
        <v>247896</v>
      </c>
      <c r="BY19" s="104">
        <v>172600</v>
      </c>
      <c r="BZ19" s="103">
        <v>1152704</v>
      </c>
      <c r="CA19" s="106">
        <v>1209824</v>
      </c>
      <c r="CB19" s="100">
        <v>0</v>
      </c>
      <c r="CC19" s="104">
        <v>40115</v>
      </c>
      <c r="CD19" s="103">
        <v>40115</v>
      </c>
      <c r="CE19" s="100">
        <v>0</v>
      </c>
      <c r="CF19" s="104">
        <v>578136</v>
      </c>
      <c r="CG19" s="104">
        <v>863025</v>
      </c>
      <c r="CH19" s="104">
        <v>1067636</v>
      </c>
      <c r="CI19" s="104">
        <v>570806</v>
      </c>
      <c r="CJ19" s="104">
        <v>617955</v>
      </c>
      <c r="CK19" s="103">
        <v>3697558</v>
      </c>
      <c r="CL19" s="106">
        <v>3737673</v>
      </c>
      <c r="CM19" s="100">
        <v>0</v>
      </c>
      <c r="CN19" s="104">
        <v>0</v>
      </c>
      <c r="CO19" s="103">
        <v>0</v>
      </c>
      <c r="CP19" s="101">
        <v>0</v>
      </c>
      <c r="CQ19" s="104">
        <v>521473</v>
      </c>
      <c r="CR19" s="104">
        <v>716429</v>
      </c>
      <c r="CS19" s="104">
        <v>972882</v>
      </c>
      <c r="CT19" s="104">
        <v>296550</v>
      </c>
      <c r="CU19" s="104">
        <v>359573</v>
      </c>
      <c r="CV19" s="103">
        <v>2866907</v>
      </c>
      <c r="CW19" s="106">
        <v>2866907</v>
      </c>
      <c r="CX19" s="100">
        <v>0</v>
      </c>
      <c r="CY19" s="104">
        <v>40115</v>
      </c>
      <c r="CZ19" s="103">
        <v>40115</v>
      </c>
      <c r="DA19" s="100">
        <v>0</v>
      </c>
      <c r="DB19" s="104">
        <v>56663</v>
      </c>
      <c r="DC19" s="104">
        <v>146596</v>
      </c>
      <c r="DD19" s="104">
        <v>94754</v>
      </c>
      <c r="DE19" s="104">
        <v>274256</v>
      </c>
      <c r="DF19" s="104">
        <v>258382</v>
      </c>
      <c r="DG19" s="103">
        <v>830651</v>
      </c>
      <c r="DH19" s="106">
        <v>870766</v>
      </c>
      <c r="DI19" s="100">
        <v>0</v>
      </c>
      <c r="DJ19" s="104">
        <v>0</v>
      </c>
      <c r="DK19" s="102">
        <v>0</v>
      </c>
      <c r="DL19" s="101">
        <v>0</v>
      </c>
      <c r="DM19" s="104">
        <v>161536</v>
      </c>
      <c r="DN19" s="104">
        <v>34424</v>
      </c>
      <c r="DO19" s="104">
        <v>115817</v>
      </c>
      <c r="DP19" s="104">
        <v>157687</v>
      </c>
      <c r="DQ19" s="104">
        <v>29651</v>
      </c>
      <c r="DR19" s="103">
        <v>499115</v>
      </c>
      <c r="DS19" s="106">
        <v>499115</v>
      </c>
      <c r="DT19" s="100">
        <v>0</v>
      </c>
      <c r="DU19" s="104">
        <v>0</v>
      </c>
      <c r="DV19" s="103">
        <v>0</v>
      </c>
      <c r="DW19" s="100">
        <v>0</v>
      </c>
      <c r="DX19" s="104">
        <v>161536</v>
      </c>
      <c r="DY19" s="104">
        <v>0</v>
      </c>
      <c r="DZ19" s="104">
        <v>115817</v>
      </c>
      <c r="EA19" s="104">
        <v>157687</v>
      </c>
      <c r="EB19" s="104">
        <v>29651</v>
      </c>
      <c r="EC19" s="103">
        <v>464691</v>
      </c>
      <c r="ED19" s="106">
        <v>464691</v>
      </c>
      <c r="EE19" s="100">
        <v>0</v>
      </c>
      <c r="EF19" s="102">
        <v>0</v>
      </c>
      <c r="EG19" s="103">
        <v>0</v>
      </c>
      <c r="EH19" s="100">
        <v>0</v>
      </c>
      <c r="EI19" s="104">
        <v>0</v>
      </c>
      <c r="EJ19" s="104">
        <v>34424</v>
      </c>
      <c r="EK19" s="104">
        <v>0</v>
      </c>
      <c r="EL19" s="104">
        <v>0</v>
      </c>
      <c r="EM19" s="104">
        <v>0</v>
      </c>
      <c r="EN19" s="102">
        <v>34424</v>
      </c>
      <c r="EO19" s="106">
        <v>34424</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v>0</v>
      </c>
      <c r="FE19" s="104">
        <v>0</v>
      </c>
      <c r="FF19" s="104">
        <v>0</v>
      </c>
      <c r="FG19" s="104">
        <v>0</v>
      </c>
      <c r="FH19" s="104">
        <v>0</v>
      </c>
      <c r="FI19" s="104">
        <v>0</v>
      </c>
      <c r="FJ19" s="103">
        <v>0</v>
      </c>
      <c r="FK19" s="106">
        <v>0</v>
      </c>
      <c r="FL19" s="100">
        <v>32720</v>
      </c>
      <c r="FM19" s="104">
        <v>257600</v>
      </c>
      <c r="FN19" s="103">
        <v>290320</v>
      </c>
      <c r="FO19" s="100">
        <v>0</v>
      </c>
      <c r="FP19" s="104">
        <v>265336</v>
      </c>
      <c r="FQ19" s="104">
        <v>371936</v>
      </c>
      <c r="FR19" s="104">
        <v>264808</v>
      </c>
      <c r="FS19" s="104">
        <v>428888</v>
      </c>
      <c r="FT19" s="104">
        <v>235192</v>
      </c>
      <c r="FU19" s="103">
        <v>1566160</v>
      </c>
      <c r="FV19" s="106">
        <v>1856480</v>
      </c>
      <c r="FW19" s="105">
        <v>8720</v>
      </c>
      <c r="FX19" s="104">
        <v>39168</v>
      </c>
      <c r="FY19" s="102">
        <v>47888</v>
      </c>
      <c r="FZ19" s="101">
        <v>0</v>
      </c>
      <c r="GA19" s="104">
        <v>115056</v>
      </c>
      <c r="GB19" s="104">
        <v>371936</v>
      </c>
      <c r="GC19" s="104">
        <v>237088</v>
      </c>
      <c r="GD19" s="104">
        <v>413688</v>
      </c>
      <c r="GE19" s="104">
        <v>235192</v>
      </c>
      <c r="GF19" s="103">
        <v>1372960</v>
      </c>
      <c r="GG19" s="296">
        <v>1420848</v>
      </c>
      <c r="GH19" s="105">
        <v>0</v>
      </c>
      <c r="GI19" s="104">
        <v>61472</v>
      </c>
      <c r="GJ19" s="102">
        <v>61472</v>
      </c>
      <c r="GK19" s="101">
        <v>0</v>
      </c>
      <c r="GL19" s="104">
        <v>46464</v>
      </c>
      <c r="GM19" s="104">
        <v>0</v>
      </c>
      <c r="GN19" s="104">
        <v>27720</v>
      </c>
      <c r="GO19" s="104">
        <v>15200</v>
      </c>
      <c r="GP19" s="104">
        <v>0</v>
      </c>
      <c r="GQ19" s="103">
        <v>89384</v>
      </c>
      <c r="GR19" s="106">
        <v>150856</v>
      </c>
      <c r="GS19" s="100">
        <v>24000</v>
      </c>
      <c r="GT19" s="104">
        <v>156960</v>
      </c>
      <c r="GU19" s="103">
        <v>180960</v>
      </c>
      <c r="GV19" s="100">
        <v>0</v>
      </c>
      <c r="GW19" s="104">
        <v>103816</v>
      </c>
      <c r="GX19" s="104">
        <v>0</v>
      </c>
      <c r="GY19" s="104">
        <v>0</v>
      </c>
      <c r="GZ19" s="104">
        <v>0</v>
      </c>
      <c r="HA19" s="104">
        <v>0</v>
      </c>
      <c r="HB19" s="102">
        <v>103816</v>
      </c>
      <c r="HC19" s="106">
        <v>284776</v>
      </c>
      <c r="HD19" s="100">
        <v>50829</v>
      </c>
      <c r="HE19" s="104">
        <v>0</v>
      </c>
      <c r="HF19" s="102">
        <v>50829</v>
      </c>
      <c r="HG19" s="101">
        <v>0</v>
      </c>
      <c r="HH19" s="104">
        <v>1620710</v>
      </c>
      <c r="HI19" s="104">
        <v>1888123</v>
      </c>
      <c r="HJ19" s="104">
        <v>1409641</v>
      </c>
      <c r="HK19" s="104">
        <v>884238</v>
      </c>
      <c r="HL19" s="104">
        <v>800117</v>
      </c>
      <c r="HM19" s="103">
        <v>6602829</v>
      </c>
      <c r="HN19" s="99">
        <v>6653658</v>
      </c>
      <c r="HO19" s="306"/>
      <c r="HP19" s="307"/>
      <c r="HQ19" s="308"/>
      <c r="HR19" s="309"/>
      <c r="HS19" s="307"/>
      <c r="HT19" s="307"/>
      <c r="HU19" s="307"/>
      <c r="HV19" s="307"/>
      <c r="HW19" s="307"/>
      <c r="HX19" s="310"/>
      <c r="HY19" s="311"/>
      <c r="HZ19" s="118">
        <v>0</v>
      </c>
      <c r="IA19" s="119">
        <v>0</v>
      </c>
      <c r="IB19" s="120">
        <v>0</v>
      </c>
      <c r="IC19" s="133">
        <v>0</v>
      </c>
      <c r="ID19" s="119">
        <v>515772</v>
      </c>
      <c r="IE19" s="134">
        <v>1499871</v>
      </c>
      <c r="IF19" s="120">
        <v>1207380</v>
      </c>
      <c r="IG19" s="119">
        <v>808743</v>
      </c>
      <c r="IH19" s="120">
        <v>234045</v>
      </c>
      <c r="II19" s="135">
        <v>4265811</v>
      </c>
      <c r="IJ19" s="126">
        <v>4265811</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515772</v>
      </c>
      <c r="JL19" s="109">
        <v>473450</v>
      </c>
      <c r="JM19" s="109">
        <v>551392</v>
      </c>
      <c r="JN19" s="109">
        <v>55456</v>
      </c>
      <c r="JO19" s="109">
        <v>192113</v>
      </c>
      <c r="JP19" s="110">
        <v>1788183</v>
      </c>
      <c r="JQ19" s="298">
        <v>1788183</v>
      </c>
      <c r="JR19" s="129">
        <v>0</v>
      </c>
      <c r="JS19" s="109">
        <v>0</v>
      </c>
      <c r="JT19" s="128">
        <v>0</v>
      </c>
      <c r="JU19" s="108">
        <v>0</v>
      </c>
      <c r="JV19" s="109">
        <v>0</v>
      </c>
      <c r="JW19" s="109">
        <v>163523</v>
      </c>
      <c r="JX19" s="109">
        <v>169502</v>
      </c>
      <c r="JY19" s="109">
        <v>53240</v>
      </c>
      <c r="JZ19" s="109">
        <v>41932</v>
      </c>
      <c r="KA19" s="110">
        <v>428197</v>
      </c>
      <c r="KB19" s="298">
        <v>428197</v>
      </c>
      <c r="KC19" s="221">
        <v>0</v>
      </c>
      <c r="KD19" s="217">
        <v>0</v>
      </c>
      <c r="KE19" s="110">
        <v>0</v>
      </c>
      <c r="KF19" s="108">
        <v>0</v>
      </c>
      <c r="KG19" s="109">
        <v>0</v>
      </c>
      <c r="KH19" s="109">
        <v>371187</v>
      </c>
      <c r="KI19" s="109">
        <v>486486</v>
      </c>
      <c r="KJ19" s="109">
        <v>0</v>
      </c>
      <c r="KK19" s="109">
        <v>0</v>
      </c>
      <c r="KL19" s="110">
        <v>857673</v>
      </c>
      <c r="KM19" s="130">
        <v>857673</v>
      </c>
      <c r="KN19" s="219">
        <v>0</v>
      </c>
      <c r="KO19" s="223">
        <v>0</v>
      </c>
      <c r="KP19" s="224">
        <v>0</v>
      </c>
      <c r="KQ19" s="127"/>
      <c r="KR19" s="109">
        <v>0</v>
      </c>
      <c r="KS19" s="109">
        <v>491711</v>
      </c>
      <c r="KT19" s="109">
        <v>0</v>
      </c>
      <c r="KU19" s="109">
        <v>263727</v>
      </c>
      <c r="KV19" s="109">
        <v>0</v>
      </c>
      <c r="KW19" s="110">
        <v>755438</v>
      </c>
      <c r="KX19" s="298">
        <v>755438</v>
      </c>
      <c r="KY19" s="129">
        <v>0</v>
      </c>
      <c r="KZ19" s="109">
        <v>0</v>
      </c>
      <c r="LA19" s="110">
        <v>0</v>
      </c>
      <c r="LB19" s="132"/>
      <c r="LC19" s="109">
        <v>0</v>
      </c>
      <c r="LD19" s="109">
        <v>0</v>
      </c>
      <c r="LE19" s="109">
        <v>0</v>
      </c>
      <c r="LF19" s="109">
        <v>436320</v>
      </c>
      <c r="LG19" s="109">
        <v>0</v>
      </c>
      <c r="LH19" s="110">
        <v>436320</v>
      </c>
      <c r="LI19" s="111">
        <v>436320</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251920</v>
      </c>
      <c r="MK19" s="109">
        <v>568977</v>
      </c>
      <c r="ML19" s="109">
        <v>1394165</v>
      </c>
      <c r="MM19" s="109">
        <v>3150441</v>
      </c>
      <c r="MN19" s="109">
        <v>2063646</v>
      </c>
      <c r="MO19" s="110">
        <v>7429149</v>
      </c>
      <c r="MP19" s="130">
        <v>7429149</v>
      </c>
      <c r="MQ19" s="129">
        <v>0</v>
      </c>
      <c r="MR19" s="109">
        <v>0</v>
      </c>
      <c r="MS19" s="110">
        <v>0</v>
      </c>
      <c r="MT19" s="132"/>
      <c r="MU19" s="109">
        <v>0</v>
      </c>
      <c r="MV19" s="109">
        <v>0</v>
      </c>
      <c r="MW19" s="109">
        <v>499148</v>
      </c>
      <c r="MX19" s="109">
        <v>2833001</v>
      </c>
      <c r="MY19" s="109">
        <v>1694482</v>
      </c>
      <c r="MZ19" s="110">
        <v>5026631</v>
      </c>
      <c r="NA19" s="130">
        <v>5026631</v>
      </c>
      <c r="NB19" s="129">
        <v>0</v>
      </c>
      <c r="NC19" s="109">
        <v>0</v>
      </c>
      <c r="ND19" s="110">
        <v>0</v>
      </c>
      <c r="NE19" s="132"/>
      <c r="NF19" s="109">
        <v>251920</v>
      </c>
      <c r="NG19" s="109">
        <v>568977</v>
      </c>
      <c r="NH19" s="109">
        <v>895017</v>
      </c>
      <c r="NI19" s="109">
        <v>317440</v>
      </c>
      <c r="NJ19" s="109">
        <v>369164</v>
      </c>
      <c r="NK19" s="110">
        <v>2402518</v>
      </c>
      <c r="NL19" s="298">
        <v>2402518</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126594</v>
      </c>
      <c r="OJ19" s="109">
        <v>410065</v>
      </c>
      <c r="OK19" s="128">
        <v>536659</v>
      </c>
      <c r="OL19" s="108">
        <v>0</v>
      </c>
      <c r="OM19" s="109">
        <v>4237865</v>
      </c>
      <c r="ON19" s="109">
        <v>6847586</v>
      </c>
      <c r="OO19" s="109">
        <v>7088968</v>
      </c>
      <c r="OP19" s="109">
        <v>8296308</v>
      </c>
      <c r="OQ19" s="109">
        <v>5994776</v>
      </c>
      <c r="OR19" s="110">
        <v>32465503</v>
      </c>
      <c r="OS19" s="130">
        <v>33002162</v>
      </c>
    </row>
    <row r="20" spans="2:409" ht="21" customHeight="1" x14ac:dyDescent="0.2">
      <c r="B20" s="472" t="s">
        <v>15</v>
      </c>
      <c r="C20" s="100">
        <v>123170</v>
      </c>
      <c r="D20" s="104">
        <v>431954</v>
      </c>
      <c r="E20" s="103">
        <v>555124</v>
      </c>
      <c r="F20" s="99">
        <v>0</v>
      </c>
      <c r="G20" s="104">
        <v>1967698</v>
      </c>
      <c r="H20" s="104">
        <v>2020386</v>
      </c>
      <c r="I20" s="104">
        <v>2984489</v>
      </c>
      <c r="J20" s="104">
        <v>1434789</v>
      </c>
      <c r="K20" s="104">
        <v>1459600</v>
      </c>
      <c r="L20" s="99">
        <v>9866962</v>
      </c>
      <c r="M20" s="106">
        <v>10422086</v>
      </c>
      <c r="N20" s="100">
        <v>0</v>
      </c>
      <c r="O20" s="104">
        <v>33800</v>
      </c>
      <c r="P20" s="103">
        <v>33800</v>
      </c>
      <c r="Q20" s="100">
        <v>0</v>
      </c>
      <c r="R20" s="104">
        <v>509590</v>
      </c>
      <c r="S20" s="104">
        <v>668901</v>
      </c>
      <c r="T20" s="104">
        <v>819486</v>
      </c>
      <c r="U20" s="104">
        <v>872080</v>
      </c>
      <c r="V20" s="104">
        <v>412482</v>
      </c>
      <c r="W20" s="103">
        <v>3282539</v>
      </c>
      <c r="X20" s="106">
        <v>3316339</v>
      </c>
      <c r="Y20" s="100">
        <v>0</v>
      </c>
      <c r="Z20" s="104">
        <v>0</v>
      </c>
      <c r="AA20" s="103">
        <v>0</v>
      </c>
      <c r="AB20" s="100">
        <v>0</v>
      </c>
      <c r="AC20" s="104">
        <v>178560</v>
      </c>
      <c r="AD20" s="104">
        <v>362123</v>
      </c>
      <c r="AE20" s="104">
        <v>494972</v>
      </c>
      <c r="AF20" s="104">
        <v>661635</v>
      </c>
      <c r="AG20" s="104">
        <v>284208</v>
      </c>
      <c r="AH20" s="103">
        <v>1981498</v>
      </c>
      <c r="AI20" s="106">
        <v>1981498</v>
      </c>
      <c r="AJ20" s="100">
        <v>0</v>
      </c>
      <c r="AK20" s="104">
        <v>0</v>
      </c>
      <c r="AL20" s="103">
        <v>0</v>
      </c>
      <c r="AM20" s="100">
        <v>0</v>
      </c>
      <c r="AN20" s="104">
        <v>0</v>
      </c>
      <c r="AO20" s="104">
        <v>0</v>
      </c>
      <c r="AP20" s="104">
        <v>0</v>
      </c>
      <c r="AQ20" s="104">
        <v>0</v>
      </c>
      <c r="AR20" s="104">
        <v>0</v>
      </c>
      <c r="AS20" s="103">
        <v>0</v>
      </c>
      <c r="AT20" s="106">
        <v>0</v>
      </c>
      <c r="AU20" s="100">
        <v>0</v>
      </c>
      <c r="AV20" s="104">
        <v>22888</v>
      </c>
      <c r="AW20" s="103">
        <v>22888</v>
      </c>
      <c r="AX20" s="100">
        <v>0</v>
      </c>
      <c r="AY20" s="104">
        <v>185379</v>
      </c>
      <c r="AZ20" s="104">
        <v>181860</v>
      </c>
      <c r="BA20" s="104">
        <v>205802</v>
      </c>
      <c r="BB20" s="104">
        <v>145069</v>
      </c>
      <c r="BC20" s="104">
        <v>66171</v>
      </c>
      <c r="BD20" s="103">
        <v>784281</v>
      </c>
      <c r="BE20" s="106">
        <v>807169</v>
      </c>
      <c r="BF20" s="100">
        <v>0</v>
      </c>
      <c r="BG20" s="104">
        <v>0</v>
      </c>
      <c r="BH20" s="102">
        <v>0</v>
      </c>
      <c r="BI20" s="101">
        <v>0</v>
      </c>
      <c r="BJ20" s="104">
        <v>21707</v>
      </c>
      <c r="BK20" s="104">
        <v>62078</v>
      </c>
      <c r="BL20" s="104">
        <v>0</v>
      </c>
      <c r="BM20" s="104">
        <v>0</v>
      </c>
      <c r="BN20" s="104">
        <v>31039</v>
      </c>
      <c r="BO20" s="103">
        <v>114824</v>
      </c>
      <c r="BP20" s="106">
        <v>114824</v>
      </c>
      <c r="BQ20" s="100">
        <v>0</v>
      </c>
      <c r="BR20" s="104">
        <v>10912</v>
      </c>
      <c r="BS20" s="103">
        <v>10912</v>
      </c>
      <c r="BT20" s="100">
        <v>0</v>
      </c>
      <c r="BU20" s="104">
        <v>123944</v>
      </c>
      <c r="BV20" s="104">
        <v>62840</v>
      </c>
      <c r="BW20" s="104">
        <v>118712</v>
      </c>
      <c r="BX20" s="104">
        <v>65376</v>
      </c>
      <c r="BY20" s="104">
        <v>31064</v>
      </c>
      <c r="BZ20" s="103">
        <v>401936</v>
      </c>
      <c r="CA20" s="106">
        <v>412848</v>
      </c>
      <c r="CB20" s="100">
        <v>0</v>
      </c>
      <c r="CC20" s="104">
        <v>0</v>
      </c>
      <c r="CD20" s="103">
        <v>0</v>
      </c>
      <c r="CE20" s="100">
        <v>0</v>
      </c>
      <c r="CF20" s="104">
        <v>296116</v>
      </c>
      <c r="CG20" s="104">
        <v>530173</v>
      </c>
      <c r="CH20" s="104">
        <v>765755</v>
      </c>
      <c r="CI20" s="104">
        <v>198025</v>
      </c>
      <c r="CJ20" s="104">
        <v>125680</v>
      </c>
      <c r="CK20" s="103">
        <v>1915749</v>
      </c>
      <c r="CL20" s="106">
        <v>1915749</v>
      </c>
      <c r="CM20" s="100">
        <v>0</v>
      </c>
      <c r="CN20" s="104">
        <v>0</v>
      </c>
      <c r="CO20" s="103">
        <v>0</v>
      </c>
      <c r="CP20" s="101">
        <v>0</v>
      </c>
      <c r="CQ20" s="104">
        <v>270400</v>
      </c>
      <c r="CR20" s="104">
        <v>303543</v>
      </c>
      <c r="CS20" s="104">
        <v>372978</v>
      </c>
      <c r="CT20" s="104">
        <v>92668</v>
      </c>
      <c r="CU20" s="104">
        <v>125680</v>
      </c>
      <c r="CV20" s="103">
        <v>1165269</v>
      </c>
      <c r="CW20" s="106">
        <v>1165269</v>
      </c>
      <c r="CX20" s="100">
        <v>0</v>
      </c>
      <c r="CY20" s="104">
        <v>0</v>
      </c>
      <c r="CZ20" s="103">
        <v>0</v>
      </c>
      <c r="DA20" s="100">
        <v>0</v>
      </c>
      <c r="DB20" s="104">
        <v>25716</v>
      </c>
      <c r="DC20" s="104">
        <v>226630</v>
      </c>
      <c r="DD20" s="104">
        <v>392777</v>
      </c>
      <c r="DE20" s="104">
        <v>105357</v>
      </c>
      <c r="DF20" s="104">
        <v>0</v>
      </c>
      <c r="DG20" s="103">
        <v>750480</v>
      </c>
      <c r="DH20" s="106">
        <v>750480</v>
      </c>
      <c r="DI20" s="100">
        <v>0</v>
      </c>
      <c r="DJ20" s="104">
        <v>67624</v>
      </c>
      <c r="DK20" s="102">
        <v>67624</v>
      </c>
      <c r="DL20" s="101">
        <v>0</v>
      </c>
      <c r="DM20" s="104">
        <v>22767</v>
      </c>
      <c r="DN20" s="104">
        <v>66996</v>
      </c>
      <c r="DO20" s="104">
        <v>378823</v>
      </c>
      <c r="DP20" s="104">
        <v>232572</v>
      </c>
      <c r="DQ20" s="104">
        <v>589788</v>
      </c>
      <c r="DR20" s="103">
        <v>1290946</v>
      </c>
      <c r="DS20" s="106">
        <v>1358570</v>
      </c>
      <c r="DT20" s="100">
        <v>0</v>
      </c>
      <c r="DU20" s="104">
        <v>67624</v>
      </c>
      <c r="DV20" s="103">
        <v>67624</v>
      </c>
      <c r="DW20" s="100">
        <v>0</v>
      </c>
      <c r="DX20" s="104">
        <v>22767</v>
      </c>
      <c r="DY20" s="104">
        <v>66996</v>
      </c>
      <c r="DZ20" s="104">
        <v>301856</v>
      </c>
      <c r="EA20" s="104">
        <v>232572</v>
      </c>
      <c r="EB20" s="104">
        <v>589788</v>
      </c>
      <c r="EC20" s="103">
        <v>1213979</v>
      </c>
      <c r="ED20" s="106">
        <v>1281603</v>
      </c>
      <c r="EE20" s="100">
        <v>0</v>
      </c>
      <c r="EF20" s="102">
        <v>0</v>
      </c>
      <c r="EG20" s="103">
        <v>0</v>
      </c>
      <c r="EH20" s="100">
        <v>0</v>
      </c>
      <c r="EI20" s="104">
        <v>0</v>
      </c>
      <c r="EJ20" s="104">
        <v>0</v>
      </c>
      <c r="EK20" s="104">
        <v>76967</v>
      </c>
      <c r="EL20" s="104">
        <v>0</v>
      </c>
      <c r="EM20" s="104">
        <v>0</v>
      </c>
      <c r="EN20" s="102">
        <v>76967</v>
      </c>
      <c r="EO20" s="106">
        <v>76967</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v>0</v>
      </c>
      <c r="FE20" s="104">
        <v>0</v>
      </c>
      <c r="FF20" s="104">
        <v>0</v>
      </c>
      <c r="FG20" s="104">
        <v>0</v>
      </c>
      <c r="FH20" s="104">
        <v>0</v>
      </c>
      <c r="FI20" s="104">
        <v>0</v>
      </c>
      <c r="FJ20" s="103">
        <v>0</v>
      </c>
      <c r="FK20" s="106">
        <v>0</v>
      </c>
      <c r="FL20" s="100">
        <v>1600</v>
      </c>
      <c r="FM20" s="104">
        <v>32320</v>
      </c>
      <c r="FN20" s="103">
        <v>33920</v>
      </c>
      <c r="FO20" s="100">
        <v>0</v>
      </c>
      <c r="FP20" s="104">
        <v>31760</v>
      </c>
      <c r="FQ20" s="104">
        <v>199352</v>
      </c>
      <c r="FR20" s="104">
        <v>153360</v>
      </c>
      <c r="FS20" s="104">
        <v>132112</v>
      </c>
      <c r="FT20" s="104">
        <v>87504</v>
      </c>
      <c r="FU20" s="103">
        <v>604088</v>
      </c>
      <c r="FV20" s="106">
        <v>638008</v>
      </c>
      <c r="FW20" s="105">
        <v>1600</v>
      </c>
      <c r="FX20" s="104">
        <v>32320</v>
      </c>
      <c r="FY20" s="102">
        <v>33920</v>
      </c>
      <c r="FZ20" s="101">
        <v>0</v>
      </c>
      <c r="GA20" s="104">
        <v>31760</v>
      </c>
      <c r="GB20" s="104">
        <v>134552</v>
      </c>
      <c r="GC20" s="104">
        <v>153360</v>
      </c>
      <c r="GD20" s="104">
        <v>132112</v>
      </c>
      <c r="GE20" s="104">
        <v>69200</v>
      </c>
      <c r="GF20" s="103">
        <v>520984</v>
      </c>
      <c r="GG20" s="296">
        <v>554904</v>
      </c>
      <c r="GH20" s="105">
        <v>0</v>
      </c>
      <c r="GI20" s="104">
        <v>0</v>
      </c>
      <c r="GJ20" s="102">
        <v>0</v>
      </c>
      <c r="GK20" s="101">
        <v>0</v>
      </c>
      <c r="GL20" s="104">
        <v>0</v>
      </c>
      <c r="GM20" s="104">
        <v>0</v>
      </c>
      <c r="GN20" s="104">
        <v>0</v>
      </c>
      <c r="GO20" s="104">
        <v>0</v>
      </c>
      <c r="GP20" s="104">
        <v>18304</v>
      </c>
      <c r="GQ20" s="103">
        <v>18304</v>
      </c>
      <c r="GR20" s="106">
        <v>18304</v>
      </c>
      <c r="GS20" s="100">
        <v>0</v>
      </c>
      <c r="GT20" s="104">
        <v>0</v>
      </c>
      <c r="GU20" s="103">
        <v>0</v>
      </c>
      <c r="GV20" s="100">
        <v>0</v>
      </c>
      <c r="GW20" s="104">
        <v>0</v>
      </c>
      <c r="GX20" s="104">
        <v>64800</v>
      </c>
      <c r="GY20" s="104">
        <v>0</v>
      </c>
      <c r="GZ20" s="104">
        <v>0</v>
      </c>
      <c r="HA20" s="104">
        <v>0</v>
      </c>
      <c r="HB20" s="102">
        <v>64800</v>
      </c>
      <c r="HC20" s="106">
        <v>64800</v>
      </c>
      <c r="HD20" s="100">
        <v>121570</v>
      </c>
      <c r="HE20" s="104">
        <v>298210</v>
      </c>
      <c r="HF20" s="102">
        <v>419780</v>
      </c>
      <c r="HG20" s="101">
        <v>0</v>
      </c>
      <c r="HH20" s="104">
        <v>1107465</v>
      </c>
      <c r="HI20" s="104">
        <v>554964</v>
      </c>
      <c r="HJ20" s="104">
        <v>867065</v>
      </c>
      <c r="HK20" s="104">
        <v>0</v>
      </c>
      <c r="HL20" s="104">
        <v>244146</v>
      </c>
      <c r="HM20" s="103">
        <v>2773640</v>
      </c>
      <c r="HN20" s="99">
        <v>3193420</v>
      </c>
      <c r="HO20" s="306"/>
      <c r="HP20" s="307"/>
      <c r="HQ20" s="308"/>
      <c r="HR20" s="309"/>
      <c r="HS20" s="307"/>
      <c r="HT20" s="307"/>
      <c r="HU20" s="307"/>
      <c r="HV20" s="307"/>
      <c r="HW20" s="307"/>
      <c r="HX20" s="310"/>
      <c r="HY20" s="311"/>
      <c r="HZ20" s="137">
        <v>0</v>
      </c>
      <c r="IA20" s="122">
        <v>0</v>
      </c>
      <c r="IB20" s="137">
        <v>0</v>
      </c>
      <c r="IC20" s="121">
        <v>0</v>
      </c>
      <c r="ID20" s="122">
        <v>1100728</v>
      </c>
      <c r="IE20" s="123">
        <v>666120</v>
      </c>
      <c r="IF20" s="124">
        <v>587433</v>
      </c>
      <c r="IG20" s="122">
        <v>660597</v>
      </c>
      <c r="IH20" s="124">
        <v>341399</v>
      </c>
      <c r="II20" s="125">
        <v>3356277</v>
      </c>
      <c r="IJ20" s="137">
        <v>3356277</v>
      </c>
      <c r="IK20" s="219">
        <v>0</v>
      </c>
      <c r="IL20" s="223">
        <v>0</v>
      </c>
      <c r="IM20" s="224">
        <v>0</v>
      </c>
      <c r="IN20" s="127"/>
      <c r="IO20" s="109">
        <v>96405</v>
      </c>
      <c r="IP20" s="109">
        <v>0</v>
      </c>
      <c r="IQ20" s="109">
        <v>0</v>
      </c>
      <c r="IR20" s="109">
        <v>0</v>
      </c>
      <c r="IS20" s="109">
        <v>0</v>
      </c>
      <c r="IT20" s="128">
        <v>96405</v>
      </c>
      <c r="IU20" s="298">
        <v>96405</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261674</v>
      </c>
      <c r="JL20" s="109">
        <v>335832</v>
      </c>
      <c r="JM20" s="109">
        <v>332113</v>
      </c>
      <c r="JN20" s="109">
        <v>86284</v>
      </c>
      <c r="JO20" s="109">
        <v>147163</v>
      </c>
      <c r="JP20" s="110">
        <v>1163066</v>
      </c>
      <c r="JQ20" s="298">
        <v>1163066</v>
      </c>
      <c r="JR20" s="129">
        <v>0</v>
      </c>
      <c r="JS20" s="109">
        <v>0</v>
      </c>
      <c r="JT20" s="128">
        <v>0</v>
      </c>
      <c r="JU20" s="108">
        <v>0</v>
      </c>
      <c r="JV20" s="109">
        <v>20238</v>
      </c>
      <c r="JW20" s="109">
        <v>0</v>
      </c>
      <c r="JX20" s="109">
        <v>0</v>
      </c>
      <c r="JY20" s="109">
        <v>53203</v>
      </c>
      <c r="JZ20" s="109">
        <v>0</v>
      </c>
      <c r="KA20" s="110">
        <v>73441</v>
      </c>
      <c r="KB20" s="298">
        <v>73441</v>
      </c>
      <c r="KC20" s="221">
        <v>0</v>
      </c>
      <c r="KD20" s="217">
        <v>0</v>
      </c>
      <c r="KE20" s="110">
        <v>0</v>
      </c>
      <c r="KF20" s="108">
        <v>0</v>
      </c>
      <c r="KG20" s="109">
        <v>118447</v>
      </c>
      <c r="KH20" s="109">
        <v>150892</v>
      </c>
      <c r="KI20" s="109">
        <v>0</v>
      </c>
      <c r="KJ20" s="109">
        <v>250886</v>
      </c>
      <c r="KK20" s="109">
        <v>194236</v>
      </c>
      <c r="KL20" s="110">
        <v>714461</v>
      </c>
      <c r="KM20" s="130">
        <v>714461</v>
      </c>
      <c r="KN20" s="219">
        <v>0</v>
      </c>
      <c r="KO20" s="223">
        <v>0</v>
      </c>
      <c r="KP20" s="224">
        <v>0</v>
      </c>
      <c r="KQ20" s="127"/>
      <c r="KR20" s="109">
        <v>603964</v>
      </c>
      <c r="KS20" s="109">
        <v>179396</v>
      </c>
      <c r="KT20" s="109">
        <v>255320</v>
      </c>
      <c r="KU20" s="109">
        <v>0</v>
      </c>
      <c r="KV20" s="109">
        <v>0</v>
      </c>
      <c r="KW20" s="110">
        <v>1038680</v>
      </c>
      <c r="KX20" s="298">
        <v>1038680</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70224</v>
      </c>
      <c r="LR20" s="109">
        <v>0</v>
      </c>
      <c r="LS20" s="110">
        <v>270224</v>
      </c>
      <c r="LT20" s="298">
        <v>270224</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0</v>
      </c>
      <c r="MK20" s="109">
        <v>390579</v>
      </c>
      <c r="ML20" s="109">
        <v>543541</v>
      </c>
      <c r="MM20" s="109">
        <v>3300753</v>
      </c>
      <c r="MN20" s="109">
        <v>1007693</v>
      </c>
      <c r="MO20" s="110">
        <v>5242566</v>
      </c>
      <c r="MP20" s="130">
        <v>5242566</v>
      </c>
      <c r="MQ20" s="129">
        <v>0</v>
      </c>
      <c r="MR20" s="109">
        <v>0</v>
      </c>
      <c r="MS20" s="110">
        <v>0</v>
      </c>
      <c r="MT20" s="132"/>
      <c r="MU20" s="109">
        <v>0</v>
      </c>
      <c r="MV20" s="109">
        <v>0</v>
      </c>
      <c r="MW20" s="109">
        <v>259017</v>
      </c>
      <c r="MX20" s="109">
        <v>1804746</v>
      </c>
      <c r="MY20" s="109">
        <v>655557</v>
      </c>
      <c r="MZ20" s="110">
        <v>2719320</v>
      </c>
      <c r="NA20" s="130">
        <v>2719320</v>
      </c>
      <c r="NB20" s="129">
        <v>0</v>
      </c>
      <c r="NC20" s="109">
        <v>0</v>
      </c>
      <c r="ND20" s="110">
        <v>0</v>
      </c>
      <c r="NE20" s="132"/>
      <c r="NF20" s="109">
        <v>0</v>
      </c>
      <c r="NG20" s="109">
        <v>390579</v>
      </c>
      <c r="NH20" s="109">
        <v>284524</v>
      </c>
      <c r="NI20" s="109">
        <v>1496007</v>
      </c>
      <c r="NJ20" s="109">
        <v>352136</v>
      </c>
      <c r="NK20" s="110">
        <v>2523246</v>
      </c>
      <c r="NL20" s="298">
        <v>2523246</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123170</v>
      </c>
      <c r="OJ20" s="109">
        <v>431954</v>
      </c>
      <c r="OK20" s="128">
        <v>555124</v>
      </c>
      <c r="OL20" s="108">
        <v>0</v>
      </c>
      <c r="OM20" s="109">
        <v>3068426</v>
      </c>
      <c r="ON20" s="109">
        <v>3077085</v>
      </c>
      <c r="OO20" s="109">
        <v>4115463</v>
      </c>
      <c r="OP20" s="109">
        <v>5396139</v>
      </c>
      <c r="OQ20" s="109">
        <v>2808692</v>
      </c>
      <c r="OR20" s="110">
        <v>18465805</v>
      </c>
      <c r="OS20" s="130">
        <v>19020929</v>
      </c>
    </row>
    <row r="21" spans="2:409" ht="21" customHeight="1" x14ac:dyDescent="0.2">
      <c r="B21" s="472" t="s">
        <v>16</v>
      </c>
      <c r="C21" s="100">
        <v>394851</v>
      </c>
      <c r="D21" s="104">
        <v>551834</v>
      </c>
      <c r="E21" s="103">
        <v>946685</v>
      </c>
      <c r="F21" s="99">
        <v>0</v>
      </c>
      <c r="G21" s="104">
        <v>4765558</v>
      </c>
      <c r="H21" s="104">
        <v>7941922</v>
      </c>
      <c r="I21" s="104">
        <v>4316829</v>
      </c>
      <c r="J21" s="104">
        <v>5567887</v>
      </c>
      <c r="K21" s="104">
        <v>2388316</v>
      </c>
      <c r="L21" s="99">
        <v>24980512</v>
      </c>
      <c r="M21" s="106">
        <v>25927197</v>
      </c>
      <c r="N21" s="100">
        <v>103406</v>
      </c>
      <c r="O21" s="104">
        <v>186432</v>
      </c>
      <c r="P21" s="103">
        <v>289838</v>
      </c>
      <c r="Q21" s="100">
        <v>0</v>
      </c>
      <c r="R21" s="104">
        <v>1157908</v>
      </c>
      <c r="S21" s="104">
        <v>1154953</v>
      </c>
      <c r="T21" s="104">
        <v>1126207</v>
      </c>
      <c r="U21" s="104">
        <v>1368897</v>
      </c>
      <c r="V21" s="104">
        <v>997416</v>
      </c>
      <c r="W21" s="103">
        <v>5805381</v>
      </c>
      <c r="X21" s="106">
        <v>6095219</v>
      </c>
      <c r="Y21" s="100">
        <v>0</v>
      </c>
      <c r="Z21" s="104">
        <v>0</v>
      </c>
      <c r="AA21" s="103">
        <v>0</v>
      </c>
      <c r="AB21" s="100">
        <v>0</v>
      </c>
      <c r="AC21" s="104">
        <v>403562</v>
      </c>
      <c r="AD21" s="104">
        <v>209670</v>
      </c>
      <c r="AE21" s="104">
        <v>352562</v>
      </c>
      <c r="AF21" s="104">
        <v>149477</v>
      </c>
      <c r="AG21" s="104">
        <v>310581</v>
      </c>
      <c r="AH21" s="103">
        <v>1425852</v>
      </c>
      <c r="AI21" s="106">
        <v>1425852</v>
      </c>
      <c r="AJ21" s="100">
        <v>0</v>
      </c>
      <c r="AK21" s="104">
        <v>0</v>
      </c>
      <c r="AL21" s="103">
        <v>0</v>
      </c>
      <c r="AM21" s="100">
        <v>0</v>
      </c>
      <c r="AN21" s="104">
        <v>0</v>
      </c>
      <c r="AO21" s="104">
        <v>0</v>
      </c>
      <c r="AP21" s="104">
        <v>56926</v>
      </c>
      <c r="AQ21" s="104">
        <v>70121</v>
      </c>
      <c r="AR21" s="104">
        <v>197029</v>
      </c>
      <c r="AS21" s="103">
        <v>324076</v>
      </c>
      <c r="AT21" s="106">
        <v>324076</v>
      </c>
      <c r="AU21" s="100">
        <v>60166</v>
      </c>
      <c r="AV21" s="104">
        <v>100880</v>
      </c>
      <c r="AW21" s="103">
        <v>161046</v>
      </c>
      <c r="AX21" s="100">
        <v>0</v>
      </c>
      <c r="AY21" s="104">
        <v>556282</v>
      </c>
      <c r="AZ21" s="104">
        <v>584149</v>
      </c>
      <c r="BA21" s="104">
        <v>471413</v>
      </c>
      <c r="BB21" s="104">
        <v>900019</v>
      </c>
      <c r="BC21" s="104">
        <v>308254</v>
      </c>
      <c r="BD21" s="103">
        <v>2820117</v>
      </c>
      <c r="BE21" s="106">
        <v>2981163</v>
      </c>
      <c r="BF21" s="100">
        <v>0</v>
      </c>
      <c r="BG21" s="104">
        <v>40592</v>
      </c>
      <c r="BH21" s="102">
        <v>40592</v>
      </c>
      <c r="BI21" s="101">
        <v>0</v>
      </c>
      <c r="BJ21" s="104">
        <v>0</v>
      </c>
      <c r="BK21" s="104">
        <v>86622</v>
      </c>
      <c r="BL21" s="104">
        <v>85978</v>
      </c>
      <c r="BM21" s="104">
        <v>0</v>
      </c>
      <c r="BN21" s="104">
        <v>0</v>
      </c>
      <c r="BO21" s="103">
        <v>172600</v>
      </c>
      <c r="BP21" s="106">
        <v>213192</v>
      </c>
      <c r="BQ21" s="100">
        <v>43240</v>
      </c>
      <c r="BR21" s="104">
        <v>44960</v>
      </c>
      <c r="BS21" s="103">
        <v>88200</v>
      </c>
      <c r="BT21" s="100">
        <v>0</v>
      </c>
      <c r="BU21" s="104">
        <v>198064</v>
      </c>
      <c r="BV21" s="104">
        <v>274512</v>
      </c>
      <c r="BW21" s="104">
        <v>159328</v>
      </c>
      <c r="BX21" s="104">
        <v>249280</v>
      </c>
      <c r="BY21" s="104">
        <v>181552</v>
      </c>
      <c r="BZ21" s="103">
        <v>1062736</v>
      </c>
      <c r="CA21" s="106">
        <v>1150936</v>
      </c>
      <c r="CB21" s="100">
        <v>63201</v>
      </c>
      <c r="CC21" s="104">
        <v>153120</v>
      </c>
      <c r="CD21" s="103">
        <v>216321</v>
      </c>
      <c r="CE21" s="100">
        <v>0</v>
      </c>
      <c r="CF21" s="104">
        <v>1972754</v>
      </c>
      <c r="CG21" s="104">
        <v>3177060</v>
      </c>
      <c r="CH21" s="104">
        <v>849365</v>
      </c>
      <c r="CI21" s="104">
        <v>949499</v>
      </c>
      <c r="CJ21" s="104">
        <v>110545</v>
      </c>
      <c r="CK21" s="103">
        <v>7059223</v>
      </c>
      <c r="CL21" s="106">
        <v>7275544</v>
      </c>
      <c r="CM21" s="100">
        <v>0</v>
      </c>
      <c r="CN21" s="104">
        <v>0</v>
      </c>
      <c r="CO21" s="103">
        <v>0</v>
      </c>
      <c r="CP21" s="101">
        <v>0</v>
      </c>
      <c r="CQ21" s="104">
        <v>1080248</v>
      </c>
      <c r="CR21" s="104">
        <v>1646341</v>
      </c>
      <c r="CS21" s="104">
        <v>426436</v>
      </c>
      <c r="CT21" s="104">
        <v>692067</v>
      </c>
      <c r="CU21" s="104">
        <v>110545</v>
      </c>
      <c r="CV21" s="103">
        <v>3955637</v>
      </c>
      <c r="CW21" s="106">
        <v>3955637</v>
      </c>
      <c r="CX21" s="100">
        <v>63201</v>
      </c>
      <c r="CY21" s="104">
        <v>153120</v>
      </c>
      <c r="CZ21" s="103">
        <v>216321</v>
      </c>
      <c r="DA21" s="100">
        <v>0</v>
      </c>
      <c r="DB21" s="104">
        <v>892506</v>
      </c>
      <c r="DC21" s="104">
        <v>1530719</v>
      </c>
      <c r="DD21" s="104">
        <v>422929</v>
      </c>
      <c r="DE21" s="104">
        <v>257432</v>
      </c>
      <c r="DF21" s="104">
        <v>0</v>
      </c>
      <c r="DG21" s="103">
        <v>3103586</v>
      </c>
      <c r="DH21" s="106">
        <v>3319907</v>
      </c>
      <c r="DI21" s="100">
        <v>0</v>
      </c>
      <c r="DJ21" s="104">
        <v>0</v>
      </c>
      <c r="DK21" s="102">
        <v>0</v>
      </c>
      <c r="DL21" s="101">
        <v>0</v>
      </c>
      <c r="DM21" s="104">
        <v>31791</v>
      </c>
      <c r="DN21" s="104">
        <v>331762</v>
      </c>
      <c r="DO21" s="104">
        <v>205530</v>
      </c>
      <c r="DP21" s="104">
        <v>310327</v>
      </c>
      <c r="DQ21" s="104">
        <v>130925</v>
      </c>
      <c r="DR21" s="103">
        <v>1010335</v>
      </c>
      <c r="DS21" s="106">
        <v>1010335</v>
      </c>
      <c r="DT21" s="100">
        <v>0</v>
      </c>
      <c r="DU21" s="104">
        <v>0</v>
      </c>
      <c r="DV21" s="103">
        <v>0</v>
      </c>
      <c r="DW21" s="100">
        <v>0</v>
      </c>
      <c r="DX21" s="104">
        <v>31791</v>
      </c>
      <c r="DY21" s="104">
        <v>117229</v>
      </c>
      <c r="DZ21" s="104">
        <v>205530</v>
      </c>
      <c r="EA21" s="104">
        <v>231449</v>
      </c>
      <c r="EB21" s="104">
        <v>0</v>
      </c>
      <c r="EC21" s="103">
        <v>585999</v>
      </c>
      <c r="ED21" s="106">
        <v>585999</v>
      </c>
      <c r="EE21" s="100">
        <v>0</v>
      </c>
      <c r="EF21" s="102">
        <v>0</v>
      </c>
      <c r="EG21" s="103">
        <v>0</v>
      </c>
      <c r="EH21" s="100">
        <v>0</v>
      </c>
      <c r="EI21" s="104">
        <v>0</v>
      </c>
      <c r="EJ21" s="104">
        <v>214533</v>
      </c>
      <c r="EK21" s="104">
        <v>0</v>
      </c>
      <c r="EL21" s="104">
        <v>78878</v>
      </c>
      <c r="EM21" s="104">
        <v>130925</v>
      </c>
      <c r="EN21" s="102">
        <v>424336</v>
      </c>
      <c r="EO21" s="106">
        <v>424336</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v>0</v>
      </c>
      <c r="FE21" s="104">
        <v>0</v>
      </c>
      <c r="FF21" s="104">
        <v>0</v>
      </c>
      <c r="FG21" s="104">
        <v>0</v>
      </c>
      <c r="FH21" s="104">
        <v>0</v>
      </c>
      <c r="FI21" s="104">
        <v>0</v>
      </c>
      <c r="FJ21" s="103">
        <v>0</v>
      </c>
      <c r="FK21" s="106">
        <v>0</v>
      </c>
      <c r="FL21" s="100">
        <v>41352</v>
      </c>
      <c r="FM21" s="104">
        <v>116336</v>
      </c>
      <c r="FN21" s="103">
        <v>157688</v>
      </c>
      <c r="FO21" s="100">
        <v>0</v>
      </c>
      <c r="FP21" s="104">
        <v>155200</v>
      </c>
      <c r="FQ21" s="104">
        <v>510536</v>
      </c>
      <c r="FR21" s="104">
        <v>328544</v>
      </c>
      <c r="FS21" s="104">
        <v>443336</v>
      </c>
      <c r="FT21" s="104">
        <v>208520</v>
      </c>
      <c r="FU21" s="103">
        <v>1646136</v>
      </c>
      <c r="FV21" s="106">
        <v>1803824</v>
      </c>
      <c r="FW21" s="105">
        <v>41352</v>
      </c>
      <c r="FX21" s="104">
        <v>91936</v>
      </c>
      <c r="FY21" s="102">
        <v>133288</v>
      </c>
      <c r="FZ21" s="101">
        <v>0</v>
      </c>
      <c r="GA21" s="104">
        <v>155200</v>
      </c>
      <c r="GB21" s="104">
        <v>487656</v>
      </c>
      <c r="GC21" s="104">
        <v>286144</v>
      </c>
      <c r="GD21" s="104">
        <v>443336</v>
      </c>
      <c r="GE21" s="104">
        <v>151320</v>
      </c>
      <c r="GF21" s="103">
        <v>1523656</v>
      </c>
      <c r="GG21" s="296">
        <v>1656944</v>
      </c>
      <c r="GH21" s="105">
        <v>0</v>
      </c>
      <c r="GI21" s="104">
        <v>24400</v>
      </c>
      <c r="GJ21" s="102">
        <v>24400</v>
      </c>
      <c r="GK21" s="101">
        <v>0</v>
      </c>
      <c r="GL21" s="104">
        <v>0</v>
      </c>
      <c r="GM21" s="104">
        <v>22880</v>
      </c>
      <c r="GN21" s="104">
        <v>14400</v>
      </c>
      <c r="GO21" s="104">
        <v>0</v>
      </c>
      <c r="GP21" s="104">
        <v>24400</v>
      </c>
      <c r="GQ21" s="103">
        <v>61680</v>
      </c>
      <c r="GR21" s="106">
        <v>86080</v>
      </c>
      <c r="GS21" s="100">
        <v>0</v>
      </c>
      <c r="GT21" s="104">
        <v>0</v>
      </c>
      <c r="GU21" s="103">
        <v>0</v>
      </c>
      <c r="GV21" s="100">
        <v>0</v>
      </c>
      <c r="GW21" s="104">
        <v>0</v>
      </c>
      <c r="GX21" s="104">
        <v>0</v>
      </c>
      <c r="GY21" s="104">
        <v>28000</v>
      </c>
      <c r="GZ21" s="104">
        <v>0</v>
      </c>
      <c r="HA21" s="104">
        <v>32800</v>
      </c>
      <c r="HB21" s="102">
        <v>60800</v>
      </c>
      <c r="HC21" s="106">
        <v>60800</v>
      </c>
      <c r="HD21" s="100">
        <v>186892</v>
      </c>
      <c r="HE21" s="104">
        <v>95946</v>
      </c>
      <c r="HF21" s="102">
        <v>282838</v>
      </c>
      <c r="HG21" s="101">
        <v>0</v>
      </c>
      <c r="HH21" s="104">
        <v>1447905</v>
      </c>
      <c r="HI21" s="104">
        <v>2767611</v>
      </c>
      <c r="HJ21" s="104">
        <v>1807183</v>
      </c>
      <c r="HK21" s="104">
        <v>2495828</v>
      </c>
      <c r="HL21" s="104">
        <v>940910</v>
      </c>
      <c r="HM21" s="103">
        <v>9459437</v>
      </c>
      <c r="HN21" s="99">
        <v>9742275</v>
      </c>
      <c r="HO21" s="306"/>
      <c r="HP21" s="307"/>
      <c r="HQ21" s="308"/>
      <c r="HR21" s="309"/>
      <c r="HS21" s="307"/>
      <c r="HT21" s="307"/>
      <c r="HU21" s="307"/>
      <c r="HV21" s="307"/>
      <c r="HW21" s="307"/>
      <c r="HX21" s="310"/>
      <c r="HY21" s="311"/>
      <c r="HZ21" s="118">
        <v>0</v>
      </c>
      <c r="IA21" s="119">
        <v>0</v>
      </c>
      <c r="IB21" s="120">
        <v>0</v>
      </c>
      <c r="IC21" s="133">
        <v>0</v>
      </c>
      <c r="ID21" s="119">
        <v>432717</v>
      </c>
      <c r="IE21" s="134">
        <v>1162503</v>
      </c>
      <c r="IF21" s="120">
        <v>1370849</v>
      </c>
      <c r="IG21" s="119">
        <v>611216</v>
      </c>
      <c r="IH21" s="120">
        <v>848618</v>
      </c>
      <c r="II21" s="135">
        <v>4425903</v>
      </c>
      <c r="IJ21" s="126">
        <v>4425903</v>
      </c>
      <c r="IK21" s="219">
        <v>0</v>
      </c>
      <c r="IL21" s="223">
        <v>0</v>
      </c>
      <c r="IM21" s="224">
        <v>0</v>
      </c>
      <c r="IN21" s="127"/>
      <c r="IO21" s="109">
        <v>0</v>
      </c>
      <c r="IP21" s="109">
        <v>0</v>
      </c>
      <c r="IQ21" s="109">
        <v>152080</v>
      </c>
      <c r="IR21" s="109">
        <v>0</v>
      </c>
      <c r="IS21" s="109">
        <v>62752</v>
      </c>
      <c r="IT21" s="128">
        <v>214832</v>
      </c>
      <c r="IU21" s="298">
        <v>214832</v>
      </c>
      <c r="IV21" s="129">
        <v>0</v>
      </c>
      <c r="IW21" s="109">
        <v>0</v>
      </c>
      <c r="IX21" s="110">
        <v>0</v>
      </c>
      <c r="IY21" s="131"/>
      <c r="IZ21" s="109">
        <v>0</v>
      </c>
      <c r="JA21" s="109">
        <v>0</v>
      </c>
      <c r="JB21" s="109">
        <v>22348</v>
      </c>
      <c r="JC21" s="109">
        <v>0</v>
      </c>
      <c r="JD21" s="109">
        <v>0</v>
      </c>
      <c r="JE21" s="110">
        <v>22348</v>
      </c>
      <c r="JF21" s="111">
        <v>22348</v>
      </c>
      <c r="JG21" s="129">
        <v>0</v>
      </c>
      <c r="JH21" s="109">
        <v>0</v>
      </c>
      <c r="JI21" s="128">
        <v>0</v>
      </c>
      <c r="JJ21" s="108">
        <v>0</v>
      </c>
      <c r="JK21" s="109">
        <v>432717</v>
      </c>
      <c r="JL21" s="109">
        <v>504673</v>
      </c>
      <c r="JM21" s="109">
        <v>381709</v>
      </c>
      <c r="JN21" s="109">
        <v>99649</v>
      </c>
      <c r="JO21" s="109">
        <v>0</v>
      </c>
      <c r="JP21" s="110">
        <v>1418748</v>
      </c>
      <c r="JQ21" s="298">
        <v>1418748</v>
      </c>
      <c r="JR21" s="129">
        <v>0</v>
      </c>
      <c r="JS21" s="109">
        <v>0</v>
      </c>
      <c r="JT21" s="128">
        <v>0</v>
      </c>
      <c r="JU21" s="108">
        <v>0</v>
      </c>
      <c r="JV21" s="109">
        <v>0</v>
      </c>
      <c r="JW21" s="109">
        <v>0</v>
      </c>
      <c r="JX21" s="109">
        <v>82011</v>
      </c>
      <c r="JY21" s="109">
        <v>0</v>
      </c>
      <c r="JZ21" s="109">
        <v>0</v>
      </c>
      <c r="KA21" s="110">
        <v>82011</v>
      </c>
      <c r="KB21" s="298">
        <v>82011</v>
      </c>
      <c r="KC21" s="221">
        <v>0</v>
      </c>
      <c r="KD21" s="217">
        <v>0</v>
      </c>
      <c r="KE21" s="110">
        <v>0</v>
      </c>
      <c r="KF21" s="108">
        <v>0</v>
      </c>
      <c r="KG21" s="109">
        <v>0</v>
      </c>
      <c r="KH21" s="109">
        <v>0</v>
      </c>
      <c r="KI21" s="109">
        <v>472485</v>
      </c>
      <c r="KJ21" s="109">
        <v>251745</v>
      </c>
      <c r="KK21" s="109">
        <v>0</v>
      </c>
      <c r="KL21" s="110">
        <v>724230</v>
      </c>
      <c r="KM21" s="130">
        <v>724230</v>
      </c>
      <c r="KN21" s="219">
        <v>0</v>
      </c>
      <c r="KO21" s="223">
        <v>0</v>
      </c>
      <c r="KP21" s="224">
        <v>0</v>
      </c>
      <c r="KQ21" s="127"/>
      <c r="KR21" s="109">
        <v>0</v>
      </c>
      <c r="KS21" s="109">
        <v>489072</v>
      </c>
      <c r="KT21" s="109">
        <v>260216</v>
      </c>
      <c r="KU21" s="109">
        <v>259822</v>
      </c>
      <c r="KV21" s="109">
        <v>785866</v>
      </c>
      <c r="KW21" s="110">
        <v>1794976</v>
      </c>
      <c r="KX21" s="298">
        <v>1794976</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168758</v>
      </c>
      <c r="MA21" s="109">
        <v>0</v>
      </c>
      <c r="MB21" s="109">
        <v>0</v>
      </c>
      <c r="MC21" s="109">
        <v>0</v>
      </c>
      <c r="MD21" s="110">
        <v>168758</v>
      </c>
      <c r="ME21" s="111">
        <v>168758</v>
      </c>
      <c r="MF21" s="129">
        <v>0</v>
      </c>
      <c r="MG21" s="109">
        <v>0</v>
      </c>
      <c r="MH21" s="110">
        <v>0</v>
      </c>
      <c r="MI21" s="132"/>
      <c r="MJ21" s="109">
        <v>0</v>
      </c>
      <c r="MK21" s="109">
        <v>930559</v>
      </c>
      <c r="ML21" s="109">
        <v>2950877</v>
      </c>
      <c r="MM21" s="109">
        <v>4814592</v>
      </c>
      <c r="MN21" s="109">
        <v>1902061</v>
      </c>
      <c r="MO21" s="110">
        <v>10598089</v>
      </c>
      <c r="MP21" s="130">
        <v>10598089</v>
      </c>
      <c r="MQ21" s="129">
        <v>0</v>
      </c>
      <c r="MR21" s="109">
        <v>0</v>
      </c>
      <c r="MS21" s="110">
        <v>0</v>
      </c>
      <c r="MT21" s="132"/>
      <c r="MU21" s="109">
        <v>0</v>
      </c>
      <c r="MV21" s="109">
        <v>212013</v>
      </c>
      <c r="MW21" s="109">
        <v>1425803</v>
      </c>
      <c r="MX21" s="109">
        <v>2775927</v>
      </c>
      <c r="MY21" s="109">
        <v>1119621</v>
      </c>
      <c r="MZ21" s="110">
        <v>5533364</v>
      </c>
      <c r="NA21" s="130">
        <v>5533364</v>
      </c>
      <c r="NB21" s="129">
        <v>0</v>
      </c>
      <c r="NC21" s="109">
        <v>0</v>
      </c>
      <c r="ND21" s="110">
        <v>0</v>
      </c>
      <c r="NE21" s="132"/>
      <c r="NF21" s="109">
        <v>0</v>
      </c>
      <c r="NG21" s="109">
        <v>718546</v>
      </c>
      <c r="NH21" s="109">
        <v>1525074</v>
      </c>
      <c r="NI21" s="109">
        <v>2038665</v>
      </c>
      <c r="NJ21" s="109">
        <v>382486</v>
      </c>
      <c r="NK21" s="110">
        <v>4664771</v>
      </c>
      <c r="NL21" s="298">
        <v>4664771</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399954</v>
      </c>
      <c r="OG21" s="110">
        <v>399954</v>
      </c>
      <c r="OH21" s="111">
        <v>399954</v>
      </c>
      <c r="OI21" s="129">
        <v>394851</v>
      </c>
      <c r="OJ21" s="109">
        <v>551834</v>
      </c>
      <c r="OK21" s="128">
        <v>946685</v>
      </c>
      <c r="OL21" s="108">
        <v>0</v>
      </c>
      <c r="OM21" s="109">
        <v>5198275</v>
      </c>
      <c r="ON21" s="109">
        <v>10034984</v>
      </c>
      <c r="OO21" s="109">
        <v>8638555</v>
      </c>
      <c r="OP21" s="109">
        <v>10993695</v>
      </c>
      <c r="OQ21" s="109">
        <v>5138995</v>
      </c>
      <c r="OR21" s="110">
        <v>40004504</v>
      </c>
      <c r="OS21" s="130">
        <v>40951189</v>
      </c>
    </row>
    <row r="22" spans="2:409" ht="21" customHeight="1" x14ac:dyDescent="0.2">
      <c r="B22" s="472" t="s">
        <v>17</v>
      </c>
      <c r="C22" s="100">
        <v>526149</v>
      </c>
      <c r="D22" s="104">
        <v>533578</v>
      </c>
      <c r="E22" s="103">
        <v>1059727</v>
      </c>
      <c r="F22" s="99">
        <v>0</v>
      </c>
      <c r="G22" s="104">
        <v>3186768</v>
      </c>
      <c r="H22" s="104">
        <v>6766514</v>
      </c>
      <c r="I22" s="104">
        <v>6739226</v>
      </c>
      <c r="J22" s="104">
        <v>4219945</v>
      </c>
      <c r="K22" s="104">
        <v>3867477</v>
      </c>
      <c r="L22" s="99">
        <v>24779930</v>
      </c>
      <c r="M22" s="106">
        <v>25839657</v>
      </c>
      <c r="N22" s="100">
        <v>80057</v>
      </c>
      <c r="O22" s="104">
        <v>180422</v>
      </c>
      <c r="P22" s="103">
        <v>260479</v>
      </c>
      <c r="Q22" s="100">
        <v>0</v>
      </c>
      <c r="R22" s="104">
        <v>695578</v>
      </c>
      <c r="S22" s="104">
        <v>1290840</v>
      </c>
      <c r="T22" s="104">
        <v>2792013</v>
      </c>
      <c r="U22" s="104">
        <v>882192</v>
      </c>
      <c r="V22" s="104">
        <v>2007974</v>
      </c>
      <c r="W22" s="103">
        <v>7668597</v>
      </c>
      <c r="X22" s="106">
        <v>7929076</v>
      </c>
      <c r="Y22" s="100">
        <v>0</v>
      </c>
      <c r="Z22" s="104">
        <v>0</v>
      </c>
      <c r="AA22" s="103">
        <v>0</v>
      </c>
      <c r="AB22" s="100">
        <v>0</v>
      </c>
      <c r="AC22" s="104">
        <v>225788</v>
      </c>
      <c r="AD22" s="104">
        <v>745439</v>
      </c>
      <c r="AE22" s="104">
        <v>1832655</v>
      </c>
      <c r="AF22" s="104">
        <v>420875</v>
      </c>
      <c r="AG22" s="104">
        <v>1217005</v>
      </c>
      <c r="AH22" s="103">
        <v>4441762</v>
      </c>
      <c r="AI22" s="106">
        <v>4441762</v>
      </c>
      <c r="AJ22" s="100">
        <v>0</v>
      </c>
      <c r="AK22" s="104">
        <v>0</v>
      </c>
      <c r="AL22" s="103">
        <v>0</v>
      </c>
      <c r="AM22" s="100">
        <v>0</v>
      </c>
      <c r="AN22" s="104">
        <v>0</v>
      </c>
      <c r="AO22" s="104">
        <v>0</v>
      </c>
      <c r="AP22" s="104">
        <v>0</v>
      </c>
      <c r="AQ22" s="104">
        <v>95296</v>
      </c>
      <c r="AR22" s="104">
        <v>153716</v>
      </c>
      <c r="AS22" s="103">
        <v>249012</v>
      </c>
      <c r="AT22" s="106">
        <v>249012</v>
      </c>
      <c r="AU22" s="100">
        <v>15817</v>
      </c>
      <c r="AV22" s="104">
        <v>77256</v>
      </c>
      <c r="AW22" s="103">
        <v>93073</v>
      </c>
      <c r="AX22" s="100">
        <v>0</v>
      </c>
      <c r="AY22" s="104">
        <v>323502</v>
      </c>
      <c r="AZ22" s="104">
        <v>256908</v>
      </c>
      <c r="BA22" s="104">
        <v>513703</v>
      </c>
      <c r="BB22" s="104">
        <v>172661</v>
      </c>
      <c r="BC22" s="104">
        <v>407653</v>
      </c>
      <c r="BD22" s="103">
        <v>1674427</v>
      </c>
      <c r="BE22" s="106">
        <v>1767500</v>
      </c>
      <c r="BF22" s="100">
        <v>0</v>
      </c>
      <c r="BG22" s="104">
        <v>63038</v>
      </c>
      <c r="BH22" s="102">
        <v>63038</v>
      </c>
      <c r="BI22" s="101">
        <v>0</v>
      </c>
      <c r="BJ22" s="104">
        <v>0</v>
      </c>
      <c r="BK22" s="104">
        <v>15085</v>
      </c>
      <c r="BL22" s="104">
        <v>66671</v>
      </c>
      <c r="BM22" s="104">
        <v>0</v>
      </c>
      <c r="BN22" s="104">
        <v>0</v>
      </c>
      <c r="BO22" s="103">
        <v>81756</v>
      </c>
      <c r="BP22" s="106">
        <v>144794</v>
      </c>
      <c r="BQ22" s="100">
        <v>64240</v>
      </c>
      <c r="BR22" s="104">
        <v>40128</v>
      </c>
      <c r="BS22" s="103">
        <v>104368</v>
      </c>
      <c r="BT22" s="100">
        <v>0</v>
      </c>
      <c r="BU22" s="104">
        <v>146288</v>
      </c>
      <c r="BV22" s="104">
        <v>273408</v>
      </c>
      <c r="BW22" s="104">
        <v>378984</v>
      </c>
      <c r="BX22" s="104">
        <v>193360</v>
      </c>
      <c r="BY22" s="104">
        <v>229600</v>
      </c>
      <c r="BZ22" s="103">
        <v>1221640</v>
      </c>
      <c r="CA22" s="106">
        <v>1326008</v>
      </c>
      <c r="CB22" s="100">
        <v>89388</v>
      </c>
      <c r="CC22" s="104">
        <v>149408</v>
      </c>
      <c r="CD22" s="103">
        <v>238796</v>
      </c>
      <c r="CE22" s="100">
        <v>0</v>
      </c>
      <c r="CF22" s="104">
        <v>1154730</v>
      </c>
      <c r="CG22" s="104">
        <v>2869183</v>
      </c>
      <c r="CH22" s="104">
        <v>988013</v>
      </c>
      <c r="CI22" s="104">
        <v>703815</v>
      </c>
      <c r="CJ22" s="104">
        <v>408941</v>
      </c>
      <c r="CK22" s="103">
        <v>6124682</v>
      </c>
      <c r="CL22" s="106">
        <v>6363478</v>
      </c>
      <c r="CM22" s="100">
        <v>0</v>
      </c>
      <c r="CN22" s="104">
        <v>0</v>
      </c>
      <c r="CO22" s="103">
        <v>0</v>
      </c>
      <c r="CP22" s="101">
        <v>0</v>
      </c>
      <c r="CQ22" s="104">
        <v>1154730</v>
      </c>
      <c r="CR22" s="104">
        <v>1917431</v>
      </c>
      <c r="CS22" s="104">
        <v>682417</v>
      </c>
      <c r="CT22" s="104">
        <v>558285</v>
      </c>
      <c r="CU22" s="104">
        <v>289866</v>
      </c>
      <c r="CV22" s="103">
        <v>4602729</v>
      </c>
      <c r="CW22" s="106">
        <v>4602729</v>
      </c>
      <c r="CX22" s="100">
        <v>89388</v>
      </c>
      <c r="CY22" s="104">
        <v>149408</v>
      </c>
      <c r="CZ22" s="103">
        <v>238796</v>
      </c>
      <c r="DA22" s="100">
        <v>0</v>
      </c>
      <c r="DB22" s="104">
        <v>0</v>
      </c>
      <c r="DC22" s="104">
        <v>951752</v>
      </c>
      <c r="DD22" s="104">
        <v>305596</v>
      </c>
      <c r="DE22" s="104">
        <v>145530</v>
      </c>
      <c r="DF22" s="104">
        <v>119075</v>
      </c>
      <c r="DG22" s="103">
        <v>1521953</v>
      </c>
      <c r="DH22" s="106">
        <v>1760749</v>
      </c>
      <c r="DI22" s="100">
        <v>0</v>
      </c>
      <c r="DJ22" s="104">
        <v>0</v>
      </c>
      <c r="DK22" s="102">
        <v>0</v>
      </c>
      <c r="DL22" s="101">
        <v>0</v>
      </c>
      <c r="DM22" s="104">
        <v>138440</v>
      </c>
      <c r="DN22" s="104">
        <v>625123</v>
      </c>
      <c r="DO22" s="104">
        <v>875828</v>
      </c>
      <c r="DP22" s="104">
        <v>760855</v>
      </c>
      <c r="DQ22" s="104">
        <v>251882</v>
      </c>
      <c r="DR22" s="103">
        <v>2652128</v>
      </c>
      <c r="DS22" s="106">
        <v>2652128</v>
      </c>
      <c r="DT22" s="100">
        <v>0</v>
      </c>
      <c r="DU22" s="104">
        <v>0</v>
      </c>
      <c r="DV22" s="103">
        <v>0</v>
      </c>
      <c r="DW22" s="100">
        <v>0</v>
      </c>
      <c r="DX22" s="104">
        <v>138440</v>
      </c>
      <c r="DY22" s="104">
        <v>550337</v>
      </c>
      <c r="DZ22" s="104">
        <v>507308</v>
      </c>
      <c r="EA22" s="104">
        <v>726605</v>
      </c>
      <c r="EB22" s="104">
        <v>251882</v>
      </c>
      <c r="EC22" s="103">
        <v>2174572</v>
      </c>
      <c r="ED22" s="106">
        <v>2174572</v>
      </c>
      <c r="EE22" s="100">
        <v>0</v>
      </c>
      <c r="EF22" s="102">
        <v>0</v>
      </c>
      <c r="EG22" s="103">
        <v>0</v>
      </c>
      <c r="EH22" s="100">
        <v>0</v>
      </c>
      <c r="EI22" s="104">
        <v>0</v>
      </c>
      <c r="EJ22" s="104">
        <v>74786</v>
      </c>
      <c r="EK22" s="104">
        <v>368520</v>
      </c>
      <c r="EL22" s="104">
        <v>34250</v>
      </c>
      <c r="EM22" s="104">
        <v>0</v>
      </c>
      <c r="EN22" s="102">
        <v>477556</v>
      </c>
      <c r="EO22" s="106">
        <v>477556</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v>0</v>
      </c>
      <c r="FE22" s="104">
        <v>0</v>
      </c>
      <c r="FF22" s="104">
        <v>0</v>
      </c>
      <c r="FG22" s="104">
        <v>0</v>
      </c>
      <c r="FH22" s="104">
        <v>0</v>
      </c>
      <c r="FI22" s="104">
        <v>0</v>
      </c>
      <c r="FJ22" s="103">
        <v>0</v>
      </c>
      <c r="FK22" s="106">
        <v>0</v>
      </c>
      <c r="FL22" s="100">
        <v>71080</v>
      </c>
      <c r="FM22" s="104">
        <v>105280</v>
      </c>
      <c r="FN22" s="103">
        <v>176360</v>
      </c>
      <c r="FO22" s="100">
        <v>0</v>
      </c>
      <c r="FP22" s="104">
        <v>215960</v>
      </c>
      <c r="FQ22" s="104">
        <v>761552</v>
      </c>
      <c r="FR22" s="104">
        <v>681160</v>
      </c>
      <c r="FS22" s="104">
        <v>356168</v>
      </c>
      <c r="FT22" s="104">
        <v>347960</v>
      </c>
      <c r="FU22" s="103">
        <v>2362800</v>
      </c>
      <c r="FV22" s="106">
        <v>2539160</v>
      </c>
      <c r="FW22" s="105">
        <v>50280</v>
      </c>
      <c r="FX22" s="104">
        <v>105280</v>
      </c>
      <c r="FY22" s="102">
        <v>155560</v>
      </c>
      <c r="FZ22" s="101">
        <v>0</v>
      </c>
      <c r="GA22" s="104">
        <v>201560</v>
      </c>
      <c r="GB22" s="104">
        <v>663952</v>
      </c>
      <c r="GC22" s="104">
        <v>681160</v>
      </c>
      <c r="GD22" s="104">
        <v>356168</v>
      </c>
      <c r="GE22" s="104">
        <v>347960</v>
      </c>
      <c r="GF22" s="103">
        <v>2250800</v>
      </c>
      <c r="GG22" s="296">
        <v>2406360</v>
      </c>
      <c r="GH22" s="105">
        <v>0</v>
      </c>
      <c r="GI22" s="104">
        <v>0</v>
      </c>
      <c r="GJ22" s="102">
        <v>0</v>
      </c>
      <c r="GK22" s="101">
        <v>0</v>
      </c>
      <c r="GL22" s="104">
        <v>14400</v>
      </c>
      <c r="GM22" s="104">
        <v>0</v>
      </c>
      <c r="GN22" s="104">
        <v>0</v>
      </c>
      <c r="GO22" s="104">
        <v>0</v>
      </c>
      <c r="GP22" s="104">
        <v>0</v>
      </c>
      <c r="GQ22" s="103">
        <v>14400</v>
      </c>
      <c r="GR22" s="106">
        <v>14400</v>
      </c>
      <c r="GS22" s="100">
        <v>20800</v>
      </c>
      <c r="GT22" s="104">
        <v>0</v>
      </c>
      <c r="GU22" s="103">
        <v>20800</v>
      </c>
      <c r="GV22" s="100">
        <v>0</v>
      </c>
      <c r="GW22" s="104">
        <v>0</v>
      </c>
      <c r="GX22" s="104">
        <v>97600</v>
      </c>
      <c r="GY22" s="104">
        <v>0</v>
      </c>
      <c r="GZ22" s="104">
        <v>0</v>
      </c>
      <c r="HA22" s="104">
        <v>0</v>
      </c>
      <c r="HB22" s="102">
        <v>97600</v>
      </c>
      <c r="HC22" s="106">
        <v>118400</v>
      </c>
      <c r="HD22" s="100">
        <v>285624</v>
      </c>
      <c r="HE22" s="104">
        <v>98468</v>
      </c>
      <c r="HF22" s="102">
        <v>384092</v>
      </c>
      <c r="HG22" s="101">
        <v>0</v>
      </c>
      <c r="HH22" s="104">
        <v>982060</v>
      </c>
      <c r="HI22" s="104">
        <v>1219816</v>
      </c>
      <c r="HJ22" s="104">
        <v>1402212</v>
      </c>
      <c r="HK22" s="104">
        <v>1516915</v>
      </c>
      <c r="HL22" s="104">
        <v>850720</v>
      </c>
      <c r="HM22" s="103">
        <v>5971723</v>
      </c>
      <c r="HN22" s="99">
        <v>6355815</v>
      </c>
      <c r="HO22" s="306"/>
      <c r="HP22" s="307"/>
      <c r="HQ22" s="308"/>
      <c r="HR22" s="309"/>
      <c r="HS22" s="307"/>
      <c r="HT22" s="307"/>
      <c r="HU22" s="307"/>
      <c r="HV22" s="307"/>
      <c r="HW22" s="307"/>
      <c r="HX22" s="310"/>
      <c r="HY22" s="311"/>
      <c r="HZ22" s="137">
        <v>0</v>
      </c>
      <c r="IA22" s="122">
        <v>0</v>
      </c>
      <c r="IB22" s="137">
        <v>0</v>
      </c>
      <c r="IC22" s="121">
        <v>0</v>
      </c>
      <c r="ID22" s="122">
        <v>2440859</v>
      </c>
      <c r="IE22" s="123">
        <v>2422678</v>
      </c>
      <c r="IF22" s="124">
        <v>3047009</v>
      </c>
      <c r="IG22" s="122">
        <v>1595323</v>
      </c>
      <c r="IH22" s="124">
        <v>1260702</v>
      </c>
      <c r="II22" s="125">
        <v>10766571</v>
      </c>
      <c r="IJ22" s="137">
        <v>10766571</v>
      </c>
      <c r="IK22" s="219">
        <v>0</v>
      </c>
      <c r="IL22" s="223">
        <v>0</v>
      </c>
      <c r="IM22" s="224">
        <v>0</v>
      </c>
      <c r="IN22" s="127"/>
      <c r="IO22" s="109">
        <v>0</v>
      </c>
      <c r="IP22" s="109">
        <v>0</v>
      </c>
      <c r="IQ22" s="109">
        <v>0</v>
      </c>
      <c r="IR22" s="109">
        <v>0</v>
      </c>
      <c r="IS22" s="109">
        <v>242829</v>
      </c>
      <c r="IT22" s="128">
        <v>242829</v>
      </c>
      <c r="IU22" s="298">
        <v>242829</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812934</v>
      </c>
      <c r="JL22" s="109">
        <v>914063</v>
      </c>
      <c r="JM22" s="109">
        <v>830081</v>
      </c>
      <c r="JN22" s="109">
        <v>136227</v>
      </c>
      <c r="JO22" s="109">
        <v>382304</v>
      </c>
      <c r="JP22" s="110">
        <v>3075609</v>
      </c>
      <c r="JQ22" s="298">
        <v>3075609</v>
      </c>
      <c r="JR22" s="129">
        <v>0</v>
      </c>
      <c r="JS22" s="109">
        <v>0</v>
      </c>
      <c r="JT22" s="128">
        <v>0</v>
      </c>
      <c r="JU22" s="108">
        <v>0</v>
      </c>
      <c r="JV22" s="109">
        <v>267162</v>
      </c>
      <c r="JW22" s="109">
        <v>66782</v>
      </c>
      <c r="JX22" s="109">
        <v>109874</v>
      </c>
      <c r="JY22" s="109">
        <v>0</v>
      </c>
      <c r="JZ22" s="109">
        <v>0</v>
      </c>
      <c r="KA22" s="110">
        <v>443818</v>
      </c>
      <c r="KB22" s="298">
        <v>443818</v>
      </c>
      <c r="KC22" s="221">
        <v>0</v>
      </c>
      <c r="KD22" s="217">
        <v>0</v>
      </c>
      <c r="KE22" s="110">
        <v>0</v>
      </c>
      <c r="KF22" s="108">
        <v>0</v>
      </c>
      <c r="KG22" s="109">
        <v>400166</v>
      </c>
      <c r="KH22" s="109">
        <v>180537</v>
      </c>
      <c r="KI22" s="109">
        <v>396140</v>
      </c>
      <c r="KJ22" s="109">
        <v>809801</v>
      </c>
      <c r="KK22" s="109">
        <v>0</v>
      </c>
      <c r="KL22" s="110">
        <v>1786644</v>
      </c>
      <c r="KM22" s="130">
        <v>1786644</v>
      </c>
      <c r="KN22" s="219">
        <v>0</v>
      </c>
      <c r="KO22" s="223">
        <v>0</v>
      </c>
      <c r="KP22" s="224">
        <v>0</v>
      </c>
      <c r="KQ22" s="127"/>
      <c r="KR22" s="109">
        <v>960597</v>
      </c>
      <c r="KS22" s="109">
        <v>1261296</v>
      </c>
      <c r="KT22" s="109">
        <v>1044477</v>
      </c>
      <c r="KU22" s="109">
        <v>119514</v>
      </c>
      <c r="KV22" s="109">
        <v>273693</v>
      </c>
      <c r="KW22" s="110">
        <v>3659577</v>
      </c>
      <c r="KX22" s="298">
        <v>3659577</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369953</v>
      </c>
      <c r="LQ22" s="109">
        <v>529781</v>
      </c>
      <c r="LR22" s="109">
        <v>0</v>
      </c>
      <c r="LS22" s="110">
        <v>899734</v>
      </c>
      <c r="LT22" s="298">
        <v>899734</v>
      </c>
      <c r="LU22" s="129">
        <v>0</v>
      </c>
      <c r="LV22" s="109">
        <v>0</v>
      </c>
      <c r="LW22" s="110">
        <v>0</v>
      </c>
      <c r="LX22" s="132"/>
      <c r="LY22" s="109">
        <v>0</v>
      </c>
      <c r="LZ22" s="109">
        <v>0</v>
      </c>
      <c r="MA22" s="109">
        <v>296484</v>
      </c>
      <c r="MB22" s="109">
        <v>0</v>
      </c>
      <c r="MC22" s="109">
        <v>361876</v>
      </c>
      <c r="MD22" s="110">
        <v>658360</v>
      </c>
      <c r="ME22" s="111">
        <v>658360</v>
      </c>
      <c r="MF22" s="129">
        <v>0</v>
      </c>
      <c r="MG22" s="109">
        <v>0</v>
      </c>
      <c r="MH22" s="110">
        <v>0</v>
      </c>
      <c r="MI22" s="132"/>
      <c r="MJ22" s="109">
        <v>762739</v>
      </c>
      <c r="MK22" s="109">
        <v>601925</v>
      </c>
      <c r="ML22" s="109">
        <v>5114211</v>
      </c>
      <c r="MM22" s="109">
        <v>5015064</v>
      </c>
      <c r="MN22" s="109">
        <v>4969475</v>
      </c>
      <c r="MO22" s="110">
        <v>16463414</v>
      </c>
      <c r="MP22" s="130">
        <v>16463414</v>
      </c>
      <c r="MQ22" s="129">
        <v>0</v>
      </c>
      <c r="MR22" s="109">
        <v>0</v>
      </c>
      <c r="MS22" s="110">
        <v>0</v>
      </c>
      <c r="MT22" s="132"/>
      <c r="MU22" s="109">
        <v>0</v>
      </c>
      <c r="MV22" s="109">
        <v>0</v>
      </c>
      <c r="MW22" s="109">
        <v>2233858</v>
      </c>
      <c r="MX22" s="109">
        <v>4125853</v>
      </c>
      <c r="MY22" s="109">
        <v>2851808</v>
      </c>
      <c r="MZ22" s="110">
        <v>9211519</v>
      </c>
      <c r="NA22" s="130">
        <v>9211519</v>
      </c>
      <c r="NB22" s="129">
        <v>0</v>
      </c>
      <c r="NC22" s="109">
        <v>0</v>
      </c>
      <c r="ND22" s="110">
        <v>0</v>
      </c>
      <c r="NE22" s="132"/>
      <c r="NF22" s="109">
        <v>762739</v>
      </c>
      <c r="NG22" s="109">
        <v>601925</v>
      </c>
      <c r="NH22" s="109">
        <v>2880353</v>
      </c>
      <c r="NI22" s="109">
        <v>889211</v>
      </c>
      <c r="NJ22" s="109">
        <v>2117667</v>
      </c>
      <c r="NK22" s="110">
        <v>7251895</v>
      </c>
      <c r="NL22" s="298">
        <v>7251895</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0</v>
      </c>
      <c r="OG22" s="110">
        <v>0</v>
      </c>
      <c r="OH22" s="111">
        <v>0</v>
      </c>
      <c r="OI22" s="129">
        <v>526149</v>
      </c>
      <c r="OJ22" s="109">
        <v>533578</v>
      </c>
      <c r="OK22" s="128">
        <v>1059727</v>
      </c>
      <c r="OL22" s="108">
        <v>0</v>
      </c>
      <c r="OM22" s="109">
        <v>6390366</v>
      </c>
      <c r="ON22" s="109">
        <v>9791117</v>
      </c>
      <c r="OO22" s="109">
        <v>14900446</v>
      </c>
      <c r="OP22" s="109">
        <v>10830332</v>
      </c>
      <c r="OQ22" s="109">
        <v>10097654</v>
      </c>
      <c r="OR22" s="110">
        <v>52009915</v>
      </c>
      <c r="OS22" s="130">
        <v>53069642</v>
      </c>
    </row>
    <row r="23" spans="2:409" ht="21" customHeight="1" x14ac:dyDescent="0.2">
      <c r="B23" s="472" t="s">
        <v>18</v>
      </c>
      <c r="C23" s="100">
        <v>320283</v>
      </c>
      <c r="D23" s="104">
        <v>831294</v>
      </c>
      <c r="E23" s="103">
        <v>1151577</v>
      </c>
      <c r="F23" s="99">
        <v>0</v>
      </c>
      <c r="G23" s="104">
        <v>6560634</v>
      </c>
      <c r="H23" s="104">
        <v>8311648</v>
      </c>
      <c r="I23" s="104">
        <v>10050107</v>
      </c>
      <c r="J23" s="104">
        <v>5937474</v>
      </c>
      <c r="K23" s="104">
        <v>3299062</v>
      </c>
      <c r="L23" s="99">
        <v>34158925</v>
      </c>
      <c r="M23" s="106">
        <v>35310502</v>
      </c>
      <c r="N23" s="100">
        <v>124697</v>
      </c>
      <c r="O23" s="104">
        <v>314408</v>
      </c>
      <c r="P23" s="103">
        <v>439105</v>
      </c>
      <c r="Q23" s="100">
        <v>0</v>
      </c>
      <c r="R23" s="104">
        <v>1883643</v>
      </c>
      <c r="S23" s="104">
        <v>2081489</v>
      </c>
      <c r="T23" s="104">
        <v>2031386</v>
      </c>
      <c r="U23" s="104">
        <v>1631634</v>
      </c>
      <c r="V23" s="104">
        <v>1592553</v>
      </c>
      <c r="W23" s="103">
        <v>9220705</v>
      </c>
      <c r="X23" s="106">
        <v>9659810</v>
      </c>
      <c r="Y23" s="100">
        <v>0</v>
      </c>
      <c r="Z23" s="104">
        <v>0</v>
      </c>
      <c r="AA23" s="103">
        <v>0</v>
      </c>
      <c r="AB23" s="100">
        <v>0</v>
      </c>
      <c r="AC23" s="104">
        <v>816349</v>
      </c>
      <c r="AD23" s="104">
        <v>829436</v>
      </c>
      <c r="AE23" s="104">
        <v>1111844</v>
      </c>
      <c r="AF23" s="104">
        <v>768922</v>
      </c>
      <c r="AG23" s="104">
        <v>1083345</v>
      </c>
      <c r="AH23" s="103">
        <v>4609896</v>
      </c>
      <c r="AI23" s="106">
        <v>4609896</v>
      </c>
      <c r="AJ23" s="100">
        <v>0</v>
      </c>
      <c r="AK23" s="104">
        <v>0</v>
      </c>
      <c r="AL23" s="103">
        <v>0</v>
      </c>
      <c r="AM23" s="100">
        <v>0</v>
      </c>
      <c r="AN23" s="104">
        <v>0</v>
      </c>
      <c r="AO23" s="104">
        <v>0</v>
      </c>
      <c r="AP23" s="104">
        <v>23060</v>
      </c>
      <c r="AQ23" s="104">
        <v>106604</v>
      </c>
      <c r="AR23" s="104">
        <v>153346</v>
      </c>
      <c r="AS23" s="103">
        <v>283010</v>
      </c>
      <c r="AT23" s="106">
        <v>283010</v>
      </c>
      <c r="AU23" s="100">
        <v>85665</v>
      </c>
      <c r="AV23" s="104">
        <v>237888</v>
      </c>
      <c r="AW23" s="103">
        <v>323553</v>
      </c>
      <c r="AX23" s="100">
        <v>0</v>
      </c>
      <c r="AY23" s="104">
        <v>656448</v>
      </c>
      <c r="AZ23" s="104">
        <v>569308</v>
      </c>
      <c r="BA23" s="104">
        <v>448986</v>
      </c>
      <c r="BB23" s="104">
        <v>187845</v>
      </c>
      <c r="BC23" s="104">
        <v>167678</v>
      </c>
      <c r="BD23" s="103">
        <v>2030265</v>
      </c>
      <c r="BE23" s="106">
        <v>2353818</v>
      </c>
      <c r="BF23" s="100">
        <v>0</v>
      </c>
      <c r="BG23" s="104">
        <v>43280</v>
      </c>
      <c r="BH23" s="102">
        <v>43280</v>
      </c>
      <c r="BI23" s="101">
        <v>0</v>
      </c>
      <c r="BJ23" s="104">
        <v>36350</v>
      </c>
      <c r="BK23" s="104">
        <v>211089</v>
      </c>
      <c r="BL23" s="104">
        <v>0</v>
      </c>
      <c r="BM23" s="104">
        <v>235263</v>
      </c>
      <c r="BN23" s="104">
        <v>0</v>
      </c>
      <c r="BO23" s="103">
        <v>482702</v>
      </c>
      <c r="BP23" s="106">
        <v>525982</v>
      </c>
      <c r="BQ23" s="100">
        <v>39032</v>
      </c>
      <c r="BR23" s="104">
        <v>33240</v>
      </c>
      <c r="BS23" s="103">
        <v>72272</v>
      </c>
      <c r="BT23" s="100">
        <v>0</v>
      </c>
      <c r="BU23" s="104">
        <v>374496</v>
      </c>
      <c r="BV23" s="104">
        <v>471656</v>
      </c>
      <c r="BW23" s="104">
        <v>447496</v>
      </c>
      <c r="BX23" s="104">
        <v>333000</v>
      </c>
      <c r="BY23" s="104">
        <v>188184</v>
      </c>
      <c r="BZ23" s="103">
        <v>1814832</v>
      </c>
      <c r="CA23" s="106">
        <v>1887104</v>
      </c>
      <c r="CB23" s="100">
        <v>40443</v>
      </c>
      <c r="CC23" s="104">
        <v>309782</v>
      </c>
      <c r="CD23" s="103">
        <v>350225</v>
      </c>
      <c r="CE23" s="100">
        <v>0</v>
      </c>
      <c r="CF23" s="104">
        <v>2293167</v>
      </c>
      <c r="CG23" s="104">
        <v>3097712</v>
      </c>
      <c r="CH23" s="104">
        <v>3189034</v>
      </c>
      <c r="CI23" s="104">
        <v>1293763</v>
      </c>
      <c r="CJ23" s="104">
        <v>424798</v>
      </c>
      <c r="CK23" s="103">
        <v>10298474</v>
      </c>
      <c r="CL23" s="106">
        <v>10648699</v>
      </c>
      <c r="CM23" s="100">
        <v>0</v>
      </c>
      <c r="CN23" s="104">
        <v>0</v>
      </c>
      <c r="CO23" s="103">
        <v>0</v>
      </c>
      <c r="CP23" s="101">
        <v>0</v>
      </c>
      <c r="CQ23" s="104">
        <v>1833960</v>
      </c>
      <c r="CR23" s="104">
        <v>2243426</v>
      </c>
      <c r="CS23" s="104">
        <v>2601954</v>
      </c>
      <c r="CT23" s="104">
        <v>1163636</v>
      </c>
      <c r="CU23" s="104">
        <v>327241</v>
      </c>
      <c r="CV23" s="103">
        <v>8170217</v>
      </c>
      <c r="CW23" s="106">
        <v>8170217</v>
      </c>
      <c r="CX23" s="100">
        <v>40443</v>
      </c>
      <c r="CY23" s="104">
        <v>309782</v>
      </c>
      <c r="CZ23" s="103">
        <v>350225</v>
      </c>
      <c r="DA23" s="100">
        <v>0</v>
      </c>
      <c r="DB23" s="104">
        <v>459207</v>
      </c>
      <c r="DC23" s="104">
        <v>854286</v>
      </c>
      <c r="DD23" s="104">
        <v>587080</v>
      </c>
      <c r="DE23" s="104">
        <v>130127</v>
      </c>
      <c r="DF23" s="104">
        <v>97557</v>
      </c>
      <c r="DG23" s="103">
        <v>2128257</v>
      </c>
      <c r="DH23" s="106">
        <v>2478482</v>
      </c>
      <c r="DI23" s="100">
        <v>0</v>
      </c>
      <c r="DJ23" s="104">
        <v>0</v>
      </c>
      <c r="DK23" s="102">
        <v>0</v>
      </c>
      <c r="DL23" s="101">
        <v>0</v>
      </c>
      <c r="DM23" s="104">
        <v>0</v>
      </c>
      <c r="DN23" s="104">
        <v>304299</v>
      </c>
      <c r="DO23" s="104">
        <v>1659728</v>
      </c>
      <c r="DP23" s="104">
        <v>534113</v>
      </c>
      <c r="DQ23" s="104">
        <v>307721</v>
      </c>
      <c r="DR23" s="103">
        <v>2805861</v>
      </c>
      <c r="DS23" s="106">
        <v>2805861</v>
      </c>
      <c r="DT23" s="100">
        <v>0</v>
      </c>
      <c r="DU23" s="104">
        <v>0</v>
      </c>
      <c r="DV23" s="103">
        <v>0</v>
      </c>
      <c r="DW23" s="100">
        <v>0</v>
      </c>
      <c r="DX23" s="104">
        <v>0</v>
      </c>
      <c r="DY23" s="104">
        <v>304299</v>
      </c>
      <c r="DZ23" s="104">
        <v>1659728</v>
      </c>
      <c r="EA23" s="104">
        <v>534113</v>
      </c>
      <c r="EB23" s="104">
        <v>307721</v>
      </c>
      <c r="EC23" s="103">
        <v>2805861</v>
      </c>
      <c r="ED23" s="106">
        <v>2805861</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v>0</v>
      </c>
      <c r="FE23" s="104">
        <v>0</v>
      </c>
      <c r="FF23" s="104">
        <v>0</v>
      </c>
      <c r="FG23" s="104">
        <v>0</v>
      </c>
      <c r="FH23" s="104">
        <v>0</v>
      </c>
      <c r="FI23" s="104">
        <v>0</v>
      </c>
      <c r="FJ23" s="103">
        <v>0</v>
      </c>
      <c r="FK23" s="106">
        <v>0</v>
      </c>
      <c r="FL23" s="100">
        <v>43832</v>
      </c>
      <c r="FM23" s="104">
        <v>207104</v>
      </c>
      <c r="FN23" s="103">
        <v>250936</v>
      </c>
      <c r="FO23" s="100">
        <v>0</v>
      </c>
      <c r="FP23" s="104">
        <v>503112</v>
      </c>
      <c r="FQ23" s="104">
        <v>709696</v>
      </c>
      <c r="FR23" s="104">
        <v>657688</v>
      </c>
      <c r="FS23" s="104">
        <v>366088</v>
      </c>
      <c r="FT23" s="104">
        <v>308704</v>
      </c>
      <c r="FU23" s="103">
        <v>2545288</v>
      </c>
      <c r="FV23" s="106">
        <v>2796224</v>
      </c>
      <c r="FW23" s="105">
        <v>43832</v>
      </c>
      <c r="FX23" s="104">
        <v>183872</v>
      </c>
      <c r="FY23" s="102">
        <v>227704</v>
      </c>
      <c r="FZ23" s="101">
        <v>0</v>
      </c>
      <c r="GA23" s="104">
        <v>238632</v>
      </c>
      <c r="GB23" s="104">
        <v>636096</v>
      </c>
      <c r="GC23" s="104">
        <v>586464</v>
      </c>
      <c r="GD23" s="104">
        <v>339688</v>
      </c>
      <c r="GE23" s="104">
        <v>228704</v>
      </c>
      <c r="GF23" s="103">
        <v>2029584</v>
      </c>
      <c r="GG23" s="296">
        <v>2257288</v>
      </c>
      <c r="GH23" s="105">
        <v>0</v>
      </c>
      <c r="GI23" s="104">
        <v>23232</v>
      </c>
      <c r="GJ23" s="102">
        <v>23232</v>
      </c>
      <c r="GK23" s="101">
        <v>0</v>
      </c>
      <c r="GL23" s="104">
        <v>22880</v>
      </c>
      <c r="GM23" s="104">
        <v>0</v>
      </c>
      <c r="GN23" s="104">
        <v>32824</v>
      </c>
      <c r="GO23" s="104">
        <v>26400</v>
      </c>
      <c r="GP23" s="104">
        <v>80000</v>
      </c>
      <c r="GQ23" s="103">
        <v>162104</v>
      </c>
      <c r="GR23" s="106">
        <v>185336</v>
      </c>
      <c r="GS23" s="100">
        <v>0</v>
      </c>
      <c r="GT23" s="104">
        <v>0</v>
      </c>
      <c r="GU23" s="103">
        <v>0</v>
      </c>
      <c r="GV23" s="100">
        <v>0</v>
      </c>
      <c r="GW23" s="104">
        <v>241600</v>
      </c>
      <c r="GX23" s="104">
        <v>73600</v>
      </c>
      <c r="GY23" s="104">
        <v>38400</v>
      </c>
      <c r="GZ23" s="104">
        <v>0</v>
      </c>
      <c r="HA23" s="104">
        <v>0</v>
      </c>
      <c r="HB23" s="102">
        <v>353600</v>
      </c>
      <c r="HC23" s="106">
        <v>353600</v>
      </c>
      <c r="HD23" s="100">
        <v>111311</v>
      </c>
      <c r="HE23" s="104">
        <v>0</v>
      </c>
      <c r="HF23" s="102">
        <v>111311</v>
      </c>
      <c r="HG23" s="101">
        <v>0</v>
      </c>
      <c r="HH23" s="104">
        <v>1880712</v>
      </c>
      <c r="HI23" s="104">
        <v>2118452</v>
      </c>
      <c r="HJ23" s="104">
        <v>2512271</v>
      </c>
      <c r="HK23" s="104">
        <v>2111876</v>
      </c>
      <c r="HL23" s="104">
        <v>665286</v>
      </c>
      <c r="HM23" s="103">
        <v>9288597</v>
      </c>
      <c r="HN23" s="99">
        <v>9399908</v>
      </c>
      <c r="HO23" s="306"/>
      <c r="HP23" s="307"/>
      <c r="HQ23" s="308"/>
      <c r="HR23" s="309"/>
      <c r="HS23" s="307"/>
      <c r="HT23" s="307"/>
      <c r="HU23" s="307"/>
      <c r="HV23" s="307"/>
      <c r="HW23" s="307"/>
      <c r="HX23" s="310"/>
      <c r="HY23" s="311"/>
      <c r="HZ23" s="118">
        <v>46082</v>
      </c>
      <c r="IA23" s="119">
        <v>0</v>
      </c>
      <c r="IB23" s="120">
        <v>46082</v>
      </c>
      <c r="IC23" s="133">
        <v>0</v>
      </c>
      <c r="ID23" s="119">
        <v>1332441</v>
      </c>
      <c r="IE23" s="134">
        <v>2128701</v>
      </c>
      <c r="IF23" s="120">
        <v>4293073</v>
      </c>
      <c r="IG23" s="119">
        <v>2120895</v>
      </c>
      <c r="IH23" s="120">
        <v>1166103</v>
      </c>
      <c r="II23" s="135">
        <v>11041213</v>
      </c>
      <c r="IJ23" s="126">
        <v>11087295</v>
      </c>
      <c r="IK23" s="219">
        <v>0</v>
      </c>
      <c r="IL23" s="223">
        <v>0</v>
      </c>
      <c r="IM23" s="224">
        <v>0</v>
      </c>
      <c r="IN23" s="127"/>
      <c r="IO23" s="109">
        <v>0</v>
      </c>
      <c r="IP23" s="109">
        <v>0</v>
      </c>
      <c r="IQ23" s="109">
        <v>0</v>
      </c>
      <c r="IR23" s="109">
        <v>0</v>
      </c>
      <c r="IS23" s="109">
        <v>0</v>
      </c>
      <c r="IT23" s="128">
        <v>0</v>
      </c>
      <c r="IU23" s="298">
        <v>0</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817965</v>
      </c>
      <c r="JL23" s="109">
        <v>606215</v>
      </c>
      <c r="JM23" s="109">
        <v>805883</v>
      </c>
      <c r="JN23" s="109">
        <v>0</v>
      </c>
      <c r="JO23" s="109">
        <v>0</v>
      </c>
      <c r="JP23" s="110">
        <v>2230063</v>
      </c>
      <c r="JQ23" s="298">
        <v>2230063</v>
      </c>
      <c r="JR23" s="129">
        <v>0</v>
      </c>
      <c r="JS23" s="109">
        <v>0</v>
      </c>
      <c r="JT23" s="128">
        <v>0</v>
      </c>
      <c r="JU23" s="108">
        <v>0</v>
      </c>
      <c r="JV23" s="109">
        <v>0</v>
      </c>
      <c r="JW23" s="109">
        <v>0</v>
      </c>
      <c r="JX23" s="109">
        <v>508338</v>
      </c>
      <c r="JY23" s="109">
        <v>469981</v>
      </c>
      <c r="JZ23" s="109">
        <v>0</v>
      </c>
      <c r="KA23" s="110">
        <v>978319</v>
      </c>
      <c r="KB23" s="298">
        <v>978319</v>
      </c>
      <c r="KC23" s="221">
        <v>46082</v>
      </c>
      <c r="KD23" s="217">
        <v>0</v>
      </c>
      <c r="KE23" s="110">
        <v>46082</v>
      </c>
      <c r="KF23" s="108">
        <v>0</v>
      </c>
      <c r="KG23" s="109">
        <v>504928</v>
      </c>
      <c r="KH23" s="109">
        <v>359070</v>
      </c>
      <c r="KI23" s="109">
        <v>1416235</v>
      </c>
      <c r="KJ23" s="109">
        <v>515150</v>
      </c>
      <c r="KK23" s="109">
        <v>0</v>
      </c>
      <c r="KL23" s="110">
        <v>2795383</v>
      </c>
      <c r="KM23" s="130">
        <v>2841465</v>
      </c>
      <c r="KN23" s="219">
        <v>0</v>
      </c>
      <c r="KO23" s="223">
        <v>0</v>
      </c>
      <c r="KP23" s="224">
        <v>0</v>
      </c>
      <c r="KQ23" s="127"/>
      <c r="KR23" s="109">
        <v>9548</v>
      </c>
      <c r="KS23" s="109">
        <v>1163416</v>
      </c>
      <c r="KT23" s="109">
        <v>1027775</v>
      </c>
      <c r="KU23" s="109">
        <v>528760</v>
      </c>
      <c r="KV23" s="109">
        <v>537462</v>
      </c>
      <c r="KW23" s="110">
        <v>3266961</v>
      </c>
      <c r="KX23" s="298">
        <v>3266961</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85694</v>
      </c>
      <c r="LR23" s="109">
        <v>275453</v>
      </c>
      <c r="LS23" s="110">
        <v>561147</v>
      </c>
      <c r="LT23" s="298">
        <v>561147</v>
      </c>
      <c r="LU23" s="129">
        <v>0</v>
      </c>
      <c r="LV23" s="109">
        <v>0</v>
      </c>
      <c r="LW23" s="110">
        <v>0</v>
      </c>
      <c r="LX23" s="132"/>
      <c r="LY23" s="109">
        <v>0</v>
      </c>
      <c r="LZ23" s="109">
        <v>0</v>
      </c>
      <c r="MA23" s="109">
        <v>534842</v>
      </c>
      <c r="MB23" s="109">
        <v>321310</v>
      </c>
      <c r="MC23" s="109">
        <v>353188</v>
      </c>
      <c r="MD23" s="110">
        <v>1209340</v>
      </c>
      <c r="ME23" s="111">
        <v>1209340</v>
      </c>
      <c r="MF23" s="129">
        <v>0</v>
      </c>
      <c r="MG23" s="109">
        <v>0</v>
      </c>
      <c r="MH23" s="110">
        <v>0</v>
      </c>
      <c r="MI23" s="132"/>
      <c r="MJ23" s="109">
        <v>495296</v>
      </c>
      <c r="MK23" s="109">
        <v>1387955</v>
      </c>
      <c r="ML23" s="109">
        <v>2149515</v>
      </c>
      <c r="MM23" s="109">
        <v>8528683</v>
      </c>
      <c r="MN23" s="109">
        <v>1999581</v>
      </c>
      <c r="MO23" s="110">
        <v>14561030</v>
      </c>
      <c r="MP23" s="130">
        <v>14561030</v>
      </c>
      <c r="MQ23" s="129">
        <v>0</v>
      </c>
      <c r="MR23" s="109">
        <v>0</v>
      </c>
      <c r="MS23" s="110">
        <v>0</v>
      </c>
      <c r="MT23" s="132"/>
      <c r="MU23" s="109">
        <v>0</v>
      </c>
      <c r="MV23" s="109">
        <v>0</v>
      </c>
      <c r="MW23" s="109">
        <v>1191401</v>
      </c>
      <c r="MX23" s="109">
        <v>6160771</v>
      </c>
      <c r="MY23" s="109">
        <v>1478897</v>
      </c>
      <c r="MZ23" s="110">
        <v>8831069</v>
      </c>
      <c r="NA23" s="130">
        <v>8831069</v>
      </c>
      <c r="NB23" s="129">
        <v>0</v>
      </c>
      <c r="NC23" s="109">
        <v>0</v>
      </c>
      <c r="ND23" s="110">
        <v>0</v>
      </c>
      <c r="NE23" s="132"/>
      <c r="NF23" s="109">
        <v>495296</v>
      </c>
      <c r="NG23" s="109">
        <v>1387955</v>
      </c>
      <c r="NH23" s="109">
        <v>958114</v>
      </c>
      <c r="NI23" s="109">
        <v>2223715</v>
      </c>
      <c r="NJ23" s="109">
        <v>520684</v>
      </c>
      <c r="NK23" s="110">
        <v>5585764</v>
      </c>
      <c r="NL23" s="298">
        <v>5585764</v>
      </c>
      <c r="NM23" s="129">
        <v>0</v>
      </c>
      <c r="NN23" s="109">
        <v>0</v>
      </c>
      <c r="NO23" s="110">
        <v>0</v>
      </c>
      <c r="NP23" s="132"/>
      <c r="NQ23" s="109">
        <v>0</v>
      </c>
      <c r="NR23" s="109">
        <v>0</v>
      </c>
      <c r="NS23" s="109">
        <v>0</v>
      </c>
      <c r="NT23" s="109">
        <v>0</v>
      </c>
      <c r="NU23" s="109">
        <v>0</v>
      </c>
      <c r="NV23" s="110">
        <v>0</v>
      </c>
      <c r="NW23" s="111">
        <v>0</v>
      </c>
      <c r="NX23" s="129">
        <v>0</v>
      </c>
      <c r="NY23" s="109">
        <v>0</v>
      </c>
      <c r="NZ23" s="110">
        <v>0</v>
      </c>
      <c r="OA23" s="132"/>
      <c r="OB23" s="109">
        <v>0</v>
      </c>
      <c r="OC23" s="109">
        <v>0</v>
      </c>
      <c r="OD23" s="109">
        <v>0</v>
      </c>
      <c r="OE23" s="109">
        <v>144197</v>
      </c>
      <c r="OF23" s="109">
        <v>0</v>
      </c>
      <c r="OG23" s="110">
        <v>144197</v>
      </c>
      <c r="OH23" s="111">
        <v>144197</v>
      </c>
      <c r="OI23" s="129">
        <v>366365</v>
      </c>
      <c r="OJ23" s="109">
        <v>831294</v>
      </c>
      <c r="OK23" s="128">
        <v>1197659</v>
      </c>
      <c r="OL23" s="108">
        <v>0</v>
      </c>
      <c r="OM23" s="109">
        <v>8388371</v>
      </c>
      <c r="ON23" s="109">
        <v>11828304</v>
      </c>
      <c r="OO23" s="109">
        <v>16492695</v>
      </c>
      <c r="OP23" s="109">
        <v>16587052</v>
      </c>
      <c r="OQ23" s="109">
        <v>6464746</v>
      </c>
      <c r="OR23" s="110">
        <v>59761168</v>
      </c>
      <c r="OS23" s="130">
        <v>60958827</v>
      </c>
    </row>
    <row r="24" spans="2:409" ht="21" customHeight="1" x14ac:dyDescent="0.2">
      <c r="B24" s="472" t="s">
        <v>19</v>
      </c>
      <c r="C24" s="100">
        <v>212360</v>
      </c>
      <c r="D24" s="104">
        <v>419433</v>
      </c>
      <c r="E24" s="103">
        <v>631793</v>
      </c>
      <c r="F24" s="99">
        <v>0</v>
      </c>
      <c r="G24" s="104">
        <v>3753879</v>
      </c>
      <c r="H24" s="104">
        <v>4322617</v>
      </c>
      <c r="I24" s="104">
        <v>2585135</v>
      </c>
      <c r="J24" s="104">
        <v>1500290</v>
      </c>
      <c r="K24" s="104">
        <v>1581816</v>
      </c>
      <c r="L24" s="99">
        <v>13743737</v>
      </c>
      <c r="M24" s="106">
        <v>14375530</v>
      </c>
      <c r="N24" s="100">
        <v>93123</v>
      </c>
      <c r="O24" s="104">
        <v>23968</v>
      </c>
      <c r="P24" s="103">
        <v>117091</v>
      </c>
      <c r="Q24" s="100">
        <v>0</v>
      </c>
      <c r="R24" s="104">
        <v>968241</v>
      </c>
      <c r="S24" s="104">
        <v>1271863</v>
      </c>
      <c r="T24" s="104">
        <v>1018962</v>
      </c>
      <c r="U24" s="104">
        <v>788467</v>
      </c>
      <c r="V24" s="104">
        <v>1106931</v>
      </c>
      <c r="W24" s="103">
        <v>5154464</v>
      </c>
      <c r="X24" s="106">
        <v>5271555</v>
      </c>
      <c r="Y24" s="100">
        <v>0</v>
      </c>
      <c r="Z24" s="104">
        <v>0</v>
      </c>
      <c r="AA24" s="103">
        <v>0</v>
      </c>
      <c r="AB24" s="100">
        <v>0</v>
      </c>
      <c r="AC24" s="104">
        <v>375517</v>
      </c>
      <c r="AD24" s="104">
        <v>561829</v>
      </c>
      <c r="AE24" s="104">
        <v>302045</v>
      </c>
      <c r="AF24" s="104">
        <v>402138</v>
      </c>
      <c r="AG24" s="104">
        <v>670976</v>
      </c>
      <c r="AH24" s="103">
        <v>2312505</v>
      </c>
      <c r="AI24" s="106">
        <v>2312505</v>
      </c>
      <c r="AJ24" s="100">
        <v>0</v>
      </c>
      <c r="AK24" s="104">
        <v>0</v>
      </c>
      <c r="AL24" s="103">
        <v>0</v>
      </c>
      <c r="AM24" s="100">
        <v>0</v>
      </c>
      <c r="AN24" s="104">
        <v>0</v>
      </c>
      <c r="AO24" s="104">
        <v>0</v>
      </c>
      <c r="AP24" s="104">
        <v>236546</v>
      </c>
      <c r="AQ24" s="104">
        <v>11680</v>
      </c>
      <c r="AR24" s="104">
        <v>106229</v>
      </c>
      <c r="AS24" s="103">
        <v>354455</v>
      </c>
      <c r="AT24" s="106">
        <v>354455</v>
      </c>
      <c r="AU24" s="100">
        <v>58171</v>
      </c>
      <c r="AV24" s="104">
        <v>0</v>
      </c>
      <c r="AW24" s="103">
        <v>58171</v>
      </c>
      <c r="AX24" s="100">
        <v>0</v>
      </c>
      <c r="AY24" s="104">
        <v>318721</v>
      </c>
      <c r="AZ24" s="104">
        <v>325529</v>
      </c>
      <c r="BA24" s="104">
        <v>321523</v>
      </c>
      <c r="BB24" s="104">
        <v>211451</v>
      </c>
      <c r="BC24" s="104">
        <v>219022</v>
      </c>
      <c r="BD24" s="103">
        <v>1396246</v>
      </c>
      <c r="BE24" s="106">
        <v>1454417</v>
      </c>
      <c r="BF24" s="100">
        <v>0</v>
      </c>
      <c r="BG24" s="104">
        <v>0</v>
      </c>
      <c r="BH24" s="102">
        <v>0</v>
      </c>
      <c r="BI24" s="101">
        <v>0</v>
      </c>
      <c r="BJ24" s="104">
        <v>33219</v>
      </c>
      <c r="BK24" s="104">
        <v>104425</v>
      </c>
      <c r="BL24" s="104">
        <v>0</v>
      </c>
      <c r="BM24" s="104">
        <v>26590</v>
      </c>
      <c r="BN24" s="104">
        <v>0</v>
      </c>
      <c r="BO24" s="103">
        <v>164234</v>
      </c>
      <c r="BP24" s="106">
        <v>164234</v>
      </c>
      <c r="BQ24" s="100">
        <v>34952</v>
      </c>
      <c r="BR24" s="104">
        <v>23968</v>
      </c>
      <c r="BS24" s="103">
        <v>58920</v>
      </c>
      <c r="BT24" s="100">
        <v>0</v>
      </c>
      <c r="BU24" s="104">
        <v>240784</v>
      </c>
      <c r="BV24" s="104">
        <v>280080</v>
      </c>
      <c r="BW24" s="104">
        <v>158848</v>
      </c>
      <c r="BX24" s="104">
        <v>136608</v>
      </c>
      <c r="BY24" s="104">
        <v>110704</v>
      </c>
      <c r="BZ24" s="103">
        <v>927024</v>
      </c>
      <c r="CA24" s="106">
        <v>985944</v>
      </c>
      <c r="CB24" s="100">
        <v>21504</v>
      </c>
      <c r="CC24" s="104">
        <v>116879</v>
      </c>
      <c r="CD24" s="103">
        <v>138383</v>
      </c>
      <c r="CE24" s="100">
        <v>0</v>
      </c>
      <c r="CF24" s="104">
        <v>1628139</v>
      </c>
      <c r="CG24" s="104">
        <v>1352002</v>
      </c>
      <c r="CH24" s="104">
        <v>601487</v>
      </c>
      <c r="CI24" s="104">
        <v>258391</v>
      </c>
      <c r="CJ24" s="104">
        <v>0</v>
      </c>
      <c r="CK24" s="103">
        <v>3840019</v>
      </c>
      <c r="CL24" s="106">
        <v>3978402</v>
      </c>
      <c r="CM24" s="100">
        <v>0</v>
      </c>
      <c r="CN24" s="104">
        <v>0</v>
      </c>
      <c r="CO24" s="103">
        <v>0</v>
      </c>
      <c r="CP24" s="101">
        <v>0</v>
      </c>
      <c r="CQ24" s="104">
        <v>1110900</v>
      </c>
      <c r="CR24" s="104">
        <v>845014</v>
      </c>
      <c r="CS24" s="104">
        <v>412063</v>
      </c>
      <c r="CT24" s="104">
        <v>114438</v>
      </c>
      <c r="CU24" s="104">
        <v>0</v>
      </c>
      <c r="CV24" s="103">
        <v>2482415</v>
      </c>
      <c r="CW24" s="106">
        <v>2482415</v>
      </c>
      <c r="CX24" s="100">
        <v>21504</v>
      </c>
      <c r="CY24" s="104">
        <v>116879</v>
      </c>
      <c r="CZ24" s="103">
        <v>138383</v>
      </c>
      <c r="DA24" s="100">
        <v>0</v>
      </c>
      <c r="DB24" s="104">
        <v>517239</v>
      </c>
      <c r="DC24" s="104">
        <v>506988</v>
      </c>
      <c r="DD24" s="104">
        <v>189424</v>
      </c>
      <c r="DE24" s="104">
        <v>143953</v>
      </c>
      <c r="DF24" s="104">
        <v>0</v>
      </c>
      <c r="DG24" s="103">
        <v>1357604</v>
      </c>
      <c r="DH24" s="106">
        <v>1495987</v>
      </c>
      <c r="DI24" s="100">
        <v>13689</v>
      </c>
      <c r="DJ24" s="104">
        <v>0</v>
      </c>
      <c r="DK24" s="102">
        <v>13689</v>
      </c>
      <c r="DL24" s="101">
        <v>0</v>
      </c>
      <c r="DM24" s="104">
        <v>120820</v>
      </c>
      <c r="DN24" s="104">
        <v>24509</v>
      </c>
      <c r="DO24" s="104">
        <v>76991</v>
      </c>
      <c r="DP24" s="104">
        <v>79628</v>
      </c>
      <c r="DQ24" s="104">
        <v>331997</v>
      </c>
      <c r="DR24" s="103">
        <v>633945</v>
      </c>
      <c r="DS24" s="106">
        <v>647634</v>
      </c>
      <c r="DT24" s="100">
        <v>13689</v>
      </c>
      <c r="DU24" s="104">
        <v>0</v>
      </c>
      <c r="DV24" s="103">
        <v>13689</v>
      </c>
      <c r="DW24" s="100">
        <v>0</v>
      </c>
      <c r="DX24" s="104">
        <v>64776</v>
      </c>
      <c r="DY24" s="104">
        <v>24509</v>
      </c>
      <c r="DZ24" s="104">
        <v>76991</v>
      </c>
      <c r="EA24" s="104">
        <v>0</v>
      </c>
      <c r="EB24" s="104">
        <v>273202</v>
      </c>
      <c r="EC24" s="103">
        <v>439478</v>
      </c>
      <c r="ED24" s="106">
        <v>453167</v>
      </c>
      <c r="EE24" s="100">
        <v>0</v>
      </c>
      <c r="EF24" s="102">
        <v>0</v>
      </c>
      <c r="EG24" s="103">
        <v>0</v>
      </c>
      <c r="EH24" s="100">
        <v>0</v>
      </c>
      <c r="EI24" s="104">
        <v>56044</v>
      </c>
      <c r="EJ24" s="104">
        <v>0</v>
      </c>
      <c r="EK24" s="104">
        <v>0</v>
      </c>
      <c r="EL24" s="104">
        <v>79628</v>
      </c>
      <c r="EM24" s="104">
        <v>58795</v>
      </c>
      <c r="EN24" s="102">
        <v>194467</v>
      </c>
      <c r="EO24" s="106">
        <v>194467</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v>0</v>
      </c>
      <c r="FE24" s="104">
        <v>0</v>
      </c>
      <c r="FF24" s="104">
        <v>0</v>
      </c>
      <c r="FG24" s="104">
        <v>0</v>
      </c>
      <c r="FH24" s="104">
        <v>0</v>
      </c>
      <c r="FI24" s="104">
        <v>0</v>
      </c>
      <c r="FJ24" s="103">
        <v>0</v>
      </c>
      <c r="FK24" s="106">
        <v>0</v>
      </c>
      <c r="FL24" s="100">
        <v>20240</v>
      </c>
      <c r="FM24" s="104">
        <v>91440</v>
      </c>
      <c r="FN24" s="103">
        <v>111680</v>
      </c>
      <c r="FO24" s="100">
        <v>0</v>
      </c>
      <c r="FP24" s="104">
        <v>198584</v>
      </c>
      <c r="FQ24" s="104">
        <v>399608</v>
      </c>
      <c r="FR24" s="104">
        <v>186896</v>
      </c>
      <c r="FS24" s="104">
        <v>236400</v>
      </c>
      <c r="FT24" s="104">
        <v>142888</v>
      </c>
      <c r="FU24" s="103">
        <v>1164376</v>
      </c>
      <c r="FV24" s="106">
        <v>1276056</v>
      </c>
      <c r="FW24" s="105">
        <v>20240</v>
      </c>
      <c r="FX24" s="104">
        <v>63280</v>
      </c>
      <c r="FY24" s="102">
        <v>83520</v>
      </c>
      <c r="FZ24" s="101">
        <v>0</v>
      </c>
      <c r="GA24" s="104">
        <v>198584</v>
      </c>
      <c r="GB24" s="104">
        <v>399608</v>
      </c>
      <c r="GC24" s="104">
        <v>186896</v>
      </c>
      <c r="GD24" s="104">
        <v>236400</v>
      </c>
      <c r="GE24" s="104">
        <v>142888</v>
      </c>
      <c r="GF24" s="103">
        <v>1164376</v>
      </c>
      <c r="GG24" s="296">
        <v>1247896</v>
      </c>
      <c r="GH24" s="105">
        <v>0</v>
      </c>
      <c r="GI24" s="104">
        <v>28160</v>
      </c>
      <c r="GJ24" s="102">
        <v>28160</v>
      </c>
      <c r="GK24" s="101">
        <v>0</v>
      </c>
      <c r="GL24" s="104">
        <v>0</v>
      </c>
      <c r="GM24" s="104">
        <v>0</v>
      </c>
      <c r="GN24" s="104">
        <v>0</v>
      </c>
      <c r="GO24" s="104">
        <v>0</v>
      </c>
      <c r="GP24" s="104">
        <v>0</v>
      </c>
      <c r="GQ24" s="103">
        <v>0</v>
      </c>
      <c r="GR24" s="106">
        <v>28160</v>
      </c>
      <c r="GS24" s="100">
        <v>0</v>
      </c>
      <c r="GT24" s="104">
        <v>0</v>
      </c>
      <c r="GU24" s="103">
        <v>0</v>
      </c>
      <c r="GV24" s="100">
        <v>0</v>
      </c>
      <c r="GW24" s="104">
        <v>0</v>
      </c>
      <c r="GX24" s="104">
        <v>0</v>
      </c>
      <c r="GY24" s="104">
        <v>0</v>
      </c>
      <c r="GZ24" s="104">
        <v>0</v>
      </c>
      <c r="HA24" s="104">
        <v>0</v>
      </c>
      <c r="HB24" s="102">
        <v>0</v>
      </c>
      <c r="HC24" s="106">
        <v>0</v>
      </c>
      <c r="HD24" s="100">
        <v>63804</v>
      </c>
      <c r="HE24" s="104">
        <v>187146</v>
      </c>
      <c r="HF24" s="102">
        <v>250950</v>
      </c>
      <c r="HG24" s="101">
        <v>0</v>
      </c>
      <c r="HH24" s="104">
        <v>838095</v>
      </c>
      <c r="HI24" s="104">
        <v>1274635</v>
      </c>
      <c r="HJ24" s="104">
        <v>700799</v>
      </c>
      <c r="HK24" s="104">
        <v>137404</v>
      </c>
      <c r="HL24" s="104">
        <v>0</v>
      </c>
      <c r="HM24" s="103">
        <v>2950933</v>
      </c>
      <c r="HN24" s="99">
        <v>3201883</v>
      </c>
      <c r="HO24" s="306"/>
      <c r="HP24" s="307"/>
      <c r="HQ24" s="308"/>
      <c r="HR24" s="309"/>
      <c r="HS24" s="307"/>
      <c r="HT24" s="307"/>
      <c r="HU24" s="307"/>
      <c r="HV24" s="307"/>
      <c r="HW24" s="307"/>
      <c r="HX24" s="310"/>
      <c r="HY24" s="311"/>
      <c r="HZ24" s="137">
        <v>0</v>
      </c>
      <c r="IA24" s="122">
        <v>0</v>
      </c>
      <c r="IB24" s="137">
        <v>0</v>
      </c>
      <c r="IC24" s="121">
        <v>0</v>
      </c>
      <c r="ID24" s="122">
        <v>1136037</v>
      </c>
      <c r="IE24" s="123">
        <v>1565526</v>
      </c>
      <c r="IF24" s="124">
        <v>847802</v>
      </c>
      <c r="IG24" s="122">
        <v>805366</v>
      </c>
      <c r="IH24" s="124">
        <v>369080</v>
      </c>
      <c r="II24" s="125">
        <v>4723811</v>
      </c>
      <c r="IJ24" s="137">
        <v>4723811</v>
      </c>
      <c r="IK24" s="219">
        <v>0</v>
      </c>
      <c r="IL24" s="223">
        <v>0</v>
      </c>
      <c r="IM24" s="224">
        <v>0</v>
      </c>
      <c r="IN24" s="127"/>
      <c r="IO24" s="109">
        <v>53559</v>
      </c>
      <c r="IP24" s="109">
        <v>0</v>
      </c>
      <c r="IQ24" s="109">
        <v>0</v>
      </c>
      <c r="IR24" s="109">
        <v>265992</v>
      </c>
      <c r="IS24" s="109">
        <v>0</v>
      </c>
      <c r="IT24" s="128">
        <v>319551</v>
      </c>
      <c r="IU24" s="298">
        <v>319551</v>
      </c>
      <c r="IV24" s="129">
        <v>0</v>
      </c>
      <c r="IW24" s="109">
        <v>0</v>
      </c>
      <c r="IX24" s="110">
        <v>0</v>
      </c>
      <c r="IY24" s="131"/>
      <c r="IZ24" s="109">
        <v>0</v>
      </c>
      <c r="JA24" s="109">
        <v>0</v>
      </c>
      <c r="JB24" s="109">
        <v>0</v>
      </c>
      <c r="JC24" s="109">
        <v>0</v>
      </c>
      <c r="JD24" s="109">
        <v>0</v>
      </c>
      <c r="JE24" s="110">
        <v>0</v>
      </c>
      <c r="JF24" s="111">
        <v>0</v>
      </c>
      <c r="JG24" s="129">
        <v>0</v>
      </c>
      <c r="JH24" s="109">
        <v>0</v>
      </c>
      <c r="JI24" s="128">
        <v>0</v>
      </c>
      <c r="JJ24" s="108">
        <v>0</v>
      </c>
      <c r="JK24" s="109">
        <v>8133</v>
      </c>
      <c r="JL24" s="109">
        <v>385213</v>
      </c>
      <c r="JM24" s="109">
        <v>4973</v>
      </c>
      <c r="JN24" s="109">
        <v>0</v>
      </c>
      <c r="JO24" s="109">
        <v>0</v>
      </c>
      <c r="JP24" s="110">
        <v>398319</v>
      </c>
      <c r="JQ24" s="298">
        <v>398319</v>
      </c>
      <c r="JR24" s="129">
        <v>0</v>
      </c>
      <c r="JS24" s="109">
        <v>0</v>
      </c>
      <c r="JT24" s="128">
        <v>0</v>
      </c>
      <c r="JU24" s="108">
        <v>0</v>
      </c>
      <c r="JV24" s="109">
        <v>41760</v>
      </c>
      <c r="JW24" s="109">
        <v>270085</v>
      </c>
      <c r="JX24" s="109">
        <v>161937</v>
      </c>
      <c r="JY24" s="109">
        <v>0</v>
      </c>
      <c r="JZ24" s="109">
        <v>0</v>
      </c>
      <c r="KA24" s="110">
        <v>473782</v>
      </c>
      <c r="KB24" s="298">
        <v>473782</v>
      </c>
      <c r="KC24" s="221">
        <v>0</v>
      </c>
      <c r="KD24" s="217">
        <v>0</v>
      </c>
      <c r="KE24" s="110">
        <v>0</v>
      </c>
      <c r="KF24" s="108">
        <v>0</v>
      </c>
      <c r="KG24" s="109">
        <v>554260</v>
      </c>
      <c r="KH24" s="109">
        <v>179898</v>
      </c>
      <c r="KI24" s="109">
        <v>421323</v>
      </c>
      <c r="KJ24" s="109">
        <v>226554</v>
      </c>
      <c r="KK24" s="109">
        <v>0</v>
      </c>
      <c r="KL24" s="110">
        <v>1382035</v>
      </c>
      <c r="KM24" s="130">
        <v>1382035</v>
      </c>
      <c r="KN24" s="219">
        <v>0</v>
      </c>
      <c r="KO24" s="223">
        <v>0</v>
      </c>
      <c r="KP24" s="224">
        <v>0</v>
      </c>
      <c r="KQ24" s="127"/>
      <c r="KR24" s="109">
        <v>478325</v>
      </c>
      <c r="KS24" s="109">
        <v>496130</v>
      </c>
      <c r="KT24" s="109">
        <v>259569</v>
      </c>
      <c r="KU24" s="109">
        <v>0</v>
      </c>
      <c r="KV24" s="109">
        <v>0</v>
      </c>
      <c r="KW24" s="110">
        <v>1234024</v>
      </c>
      <c r="KX24" s="298">
        <v>1234024</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234200</v>
      </c>
      <c r="MA24" s="109">
        <v>0</v>
      </c>
      <c r="MB24" s="109">
        <v>312820</v>
      </c>
      <c r="MC24" s="109">
        <v>369080</v>
      </c>
      <c r="MD24" s="110">
        <v>916100</v>
      </c>
      <c r="ME24" s="111">
        <v>916100</v>
      </c>
      <c r="MF24" s="129">
        <v>0</v>
      </c>
      <c r="MG24" s="109">
        <v>0</v>
      </c>
      <c r="MH24" s="110">
        <v>0</v>
      </c>
      <c r="MI24" s="132"/>
      <c r="MJ24" s="109">
        <v>244328</v>
      </c>
      <c r="MK24" s="109">
        <v>0</v>
      </c>
      <c r="ML24" s="109">
        <v>1838203</v>
      </c>
      <c r="MM24" s="109">
        <v>2395839</v>
      </c>
      <c r="MN24" s="109">
        <v>1441847</v>
      </c>
      <c r="MO24" s="110">
        <v>5920217</v>
      </c>
      <c r="MP24" s="130">
        <v>5920217</v>
      </c>
      <c r="MQ24" s="129">
        <v>0</v>
      </c>
      <c r="MR24" s="109">
        <v>0</v>
      </c>
      <c r="MS24" s="110">
        <v>0</v>
      </c>
      <c r="MT24" s="132"/>
      <c r="MU24" s="109">
        <v>0</v>
      </c>
      <c r="MV24" s="109">
        <v>0</v>
      </c>
      <c r="MW24" s="109">
        <v>1236809</v>
      </c>
      <c r="MX24" s="109">
        <v>809454</v>
      </c>
      <c r="MY24" s="109">
        <v>1441847</v>
      </c>
      <c r="MZ24" s="110">
        <v>3488110</v>
      </c>
      <c r="NA24" s="130">
        <v>3488110</v>
      </c>
      <c r="NB24" s="129">
        <v>0</v>
      </c>
      <c r="NC24" s="109">
        <v>0</v>
      </c>
      <c r="ND24" s="110">
        <v>0</v>
      </c>
      <c r="NE24" s="132"/>
      <c r="NF24" s="109">
        <v>244328</v>
      </c>
      <c r="NG24" s="109">
        <v>0</v>
      </c>
      <c r="NH24" s="109">
        <v>601394</v>
      </c>
      <c r="NI24" s="109">
        <v>1586385</v>
      </c>
      <c r="NJ24" s="109">
        <v>0</v>
      </c>
      <c r="NK24" s="110">
        <v>2432107</v>
      </c>
      <c r="NL24" s="298">
        <v>2432107</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212360</v>
      </c>
      <c r="OJ24" s="109">
        <v>419433</v>
      </c>
      <c r="OK24" s="128">
        <v>631793</v>
      </c>
      <c r="OL24" s="108">
        <v>0</v>
      </c>
      <c r="OM24" s="109">
        <v>5134244</v>
      </c>
      <c r="ON24" s="109">
        <v>5888143</v>
      </c>
      <c r="OO24" s="109">
        <v>5271140</v>
      </c>
      <c r="OP24" s="109">
        <v>4701495</v>
      </c>
      <c r="OQ24" s="109">
        <v>3392743</v>
      </c>
      <c r="OR24" s="110">
        <v>24387765</v>
      </c>
      <c r="OS24" s="130">
        <v>25019558</v>
      </c>
    </row>
    <row r="25" spans="2:409" ht="21" customHeight="1" x14ac:dyDescent="0.2">
      <c r="B25" s="472" t="s">
        <v>20</v>
      </c>
      <c r="C25" s="100">
        <v>291475</v>
      </c>
      <c r="D25" s="104">
        <v>599180</v>
      </c>
      <c r="E25" s="103">
        <v>890655</v>
      </c>
      <c r="F25" s="100">
        <v>0</v>
      </c>
      <c r="G25" s="104">
        <v>4950349</v>
      </c>
      <c r="H25" s="104">
        <v>5296489</v>
      </c>
      <c r="I25" s="104">
        <v>5536109</v>
      </c>
      <c r="J25" s="104">
        <v>5107527</v>
      </c>
      <c r="K25" s="104">
        <v>3590117</v>
      </c>
      <c r="L25" s="160">
        <v>24480591</v>
      </c>
      <c r="M25" s="106">
        <v>25371246</v>
      </c>
      <c r="N25" s="100">
        <v>134904</v>
      </c>
      <c r="O25" s="104">
        <v>154459</v>
      </c>
      <c r="P25" s="103">
        <v>289363</v>
      </c>
      <c r="Q25" s="100">
        <v>0</v>
      </c>
      <c r="R25" s="104">
        <v>1976937</v>
      </c>
      <c r="S25" s="104">
        <v>2145176</v>
      </c>
      <c r="T25" s="104">
        <v>1640980</v>
      </c>
      <c r="U25" s="104">
        <v>1093144</v>
      </c>
      <c r="V25" s="104">
        <v>1789802</v>
      </c>
      <c r="W25" s="103">
        <v>8646039</v>
      </c>
      <c r="X25" s="106">
        <v>8935402</v>
      </c>
      <c r="Y25" s="100">
        <v>0</v>
      </c>
      <c r="Z25" s="104">
        <v>0</v>
      </c>
      <c r="AA25" s="103">
        <v>0</v>
      </c>
      <c r="AB25" s="100">
        <v>0</v>
      </c>
      <c r="AC25" s="104">
        <v>835818</v>
      </c>
      <c r="AD25" s="104">
        <v>889318</v>
      </c>
      <c r="AE25" s="104">
        <v>603575</v>
      </c>
      <c r="AF25" s="104">
        <v>291833</v>
      </c>
      <c r="AG25" s="104">
        <v>796434</v>
      </c>
      <c r="AH25" s="103">
        <v>3416978</v>
      </c>
      <c r="AI25" s="106">
        <v>3416978</v>
      </c>
      <c r="AJ25" s="100">
        <v>0</v>
      </c>
      <c r="AK25" s="104">
        <v>0</v>
      </c>
      <c r="AL25" s="103">
        <v>0</v>
      </c>
      <c r="AM25" s="100">
        <v>0</v>
      </c>
      <c r="AN25" s="104">
        <v>0</v>
      </c>
      <c r="AO25" s="104">
        <v>0</v>
      </c>
      <c r="AP25" s="104">
        <v>213208</v>
      </c>
      <c r="AQ25" s="104">
        <v>35537</v>
      </c>
      <c r="AR25" s="104">
        <v>296101</v>
      </c>
      <c r="AS25" s="103">
        <v>544846</v>
      </c>
      <c r="AT25" s="106">
        <v>544846</v>
      </c>
      <c r="AU25" s="100">
        <v>102928</v>
      </c>
      <c r="AV25" s="104">
        <v>39428</v>
      </c>
      <c r="AW25" s="103">
        <v>142356</v>
      </c>
      <c r="AX25" s="100">
        <v>0</v>
      </c>
      <c r="AY25" s="104">
        <v>819437</v>
      </c>
      <c r="AZ25" s="104">
        <v>766596</v>
      </c>
      <c r="BA25" s="104">
        <v>353700</v>
      </c>
      <c r="BB25" s="104">
        <v>311465</v>
      </c>
      <c r="BC25" s="104">
        <v>512299</v>
      </c>
      <c r="BD25" s="103">
        <v>2763497</v>
      </c>
      <c r="BE25" s="106">
        <v>2905853</v>
      </c>
      <c r="BF25" s="100">
        <v>22376</v>
      </c>
      <c r="BG25" s="104">
        <v>61791</v>
      </c>
      <c r="BH25" s="102">
        <v>84167</v>
      </c>
      <c r="BI25" s="101">
        <v>0</v>
      </c>
      <c r="BJ25" s="104">
        <v>148650</v>
      </c>
      <c r="BK25" s="104">
        <v>240118</v>
      </c>
      <c r="BL25" s="104">
        <v>138705</v>
      </c>
      <c r="BM25" s="104">
        <v>161213</v>
      </c>
      <c r="BN25" s="104">
        <v>0</v>
      </c>
      <c r="BO25" s="103">
        <v>688686</v>
      </c>
      <c r="BP25" s="106">
        <v>772853</v>
      </c>
      <c r="BQ25" s="100">
        <v>9600</v>
      </c>
      <c r="BR25" s="104">
        <v>53240</v>
      </c>
      <c r="BS25" s="103">
        <v>62840</v>
      </c>
      <c r="BT25" s="100">
        <v>0</v>
      </c>
      <c r="BU25" s="104">
        <v>173032</v>
      </c>
      <c r="BV25" s="104">
        <v>249144</v>
      </c>
      <c r="BW25" s="104">
        <v>331792</v>
      </c>
      <c r="BX25" s="104">
        <v>293096</v>
      </c>
      <c r="BY25" s="104">
        <v>184968</v>
      </c>
      <c r="BZ25" s="103">
        <v>1232032</v>
      </c>
      <c r="CA25" s="106">
        <v>1294872</v>
      </c>
      <c r="CB25" s="100">
        <v>62243</v>
      </c>
      <c r="CC25" s="104">
        <v>147529</v>
      </c>
      <c r="CD25" s="103">
        <v>209772</v>
      </c>
      <c r="CE25" s="100">
        <v>0</v>
      </c>
      <c r="CF25" s="104">
        <v>1562876</v>
      </c>
      <c r="CG25" s="104">
        <v>1916550</v>
      </c>
      <c r="CH25" s="104">
        <v>1381919</v>
      </c>
      <c r="CI25" s="104">
        <v>1110498</v>
      </c>
      <c r="CJ25" s="104">
        <v>247111</v>
      </c>
      <c r="CK25" s="103">
        <v>6218954</v>
      </c>
      <c r="CL25" s="106">
        <v>6428726</v>
      </c>
      <c r="CM25" s="100">
        <v>0</v>
      </c>
      <c r="CN25" s="104">
        <v>0</v>
      </c>
      <c r="CO25" s="103">
        <v>0</v>
      </c>
      <c r="CP25" s="101">
        <v>0</v>
      </c>
      <c r="CQ25" s="104">
        <v>1153155</v>
      </c>
      <c r="CR25" s="104">
        <v>1445736</v>
      </c>
      <c r="CS25" s="104">
        <v>894616</v>
      </c>
      <c r="CT25" s="104">
        <v>657772</v>
      </c>
      <c r="CU25" s="104">
        <v>247111</v>
      </c>
      <c r="CV25" s="103">
        <v>4398390</v>
      </c>
      <c r="CW25" s="106">
        <v>4398390</v>
      </c>
      <c r="CX25" s="100">
        <v>62243</v>
      </c>
      <c r="CY25" s="104">
        <v>147529</v>
      </c>
      <c r="CZ25" s="103">
        <v>209772</v>
      </c>
      <c r="DA25" s="100">
        <v>0</v>
      </c>
      <c r="DB25" s="104">
        <v>409721</v>
      </c>
      <c r="DC25" s="104">
        <v>470814</v>
      </c>
      <c r="DD25" s="104">
        <v>487303</v>
      </c>
      <c r="DE25" s="104">
        <v>452726</v>
      </c>
      <c r="DF25" s="104">
        <v>0</v>
      </c>
      <c r="DG25" s="103">
        <v>1820564</v>
      </c>
      <c r="DH25" s="106">
        <v>2030336</v>
      </c>
      <c r="DI25" s="100">
        <v>0</v>
      </c>
      <c r="DJ25" s="104">
        <v>0</v>
      </c>
      <c r="DK25" s="102">
        <v>0</v>
      </c>
      <c r="DL25" s="101">
        <v>0</v>
      </c>
      <c r="DM25" s="104">
        <v>100024</v>
      </c>
      <c r="DN25" s="104">
        <v>97823</v>
      </c>
      <c r="DO25" s="104">
        <v>310606</v>
      </c>
      <c r="DP25" s="104">
        <v>1414541</v>
      </c>
      <c r="DQ25" s="104">
        <v>125752</v>
      </c>
      <c r="DR25" s="103">
        <v>2048746</v>
      </c>
      <c r="DS25" s="106">
        <v>2048746</v>
      </c>
      <c r="DT25" s="100">
        <v>0</v>
      </c>
      <c r="DU25" s="104">
        <v>0</v>
      </c>
      <c r="DV25" s="103">
        <v>0</v>
      </c>
      <c r="DW25" s="100">
        <v>0</v>
      </c>
      <c r="DX25" s="104">
        <v>100024</v>
      </c>
      <c r="DY25" s="104">
        <v>97823</v>
      </c>
      <c r="DZ25" s="104">
        <v>131688</v>
      </c>
      <c r="EA25" s="104">
        <v>1240186</v>
      </c>
      <c r="EB25" s="104">
        <v>125752</v>
      </c>
      <c r="EC25" s="103">
        <v>1695473</v>
      </c>
      <c r="ED25" s="106">
        <v>1695473</v>
      </c>
      <c r="EE25" s="100">
        <v>0</v>
      </c>
      <c r="EF25" s="102">
        <v>0</v>
      </c>
      <c r="EG25" s="103">
        <v>0</v>
      </c>
      <c r="EH25" s="100">
        <v>0</v>
      </c>
      <c r="EI25" s="104">
        <v>0</v>
      </c>
      <c r="EJ25" s="104">
        <v>0</v>
      </c>
      <c r="EK25" s="104">
        <v>178918</v>
      </c>
      <c r="EL25" s="104">
        <v>174355</v>
      </c>
      <c r="EM25" s="104">
        <v>0</v>
      </c>
      <c r="EN25" s="102">
        <v>353273</v>
      </c>
      <c r="EO25" s="106">
        <v>353273</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v>0</v>
      </c>
      <c r="FE25" s="104">
        <v>0</v>
      </c>
      <c r="FF25" s="104">
        <v>0</v>
      </c>
      <c r="FG25" s="104">
        <v>0</v>
      </c>
      <c r="FH25" s="104">
        <v>0</v>
      </c>
      <c r="FI25" s="104">
        <v>0</v>
      </c>
      <c r="FJ25" s="103">
        <v>0</v>
      </c>
      <c r="FK25" s="106">
        <v>0</v>
      </c>
      <c r="FL25" s="100">
        <v>40624</v>
      </c>
      <c r="FM25" s="104">
        <v>110592</v>
      </c>
      <c r="FN25" s="103">
        <v>151216</v>
      </c>
      <c r="FO25" s="100">
        <v>0</v>
      </c>
      <c r="FP25" s="104">
        <v>528936</v>
      </c>
      <c r="FQ25" s="104">
        <v>497168</v>
      </c>
      <c r="FR25" s="104">
        <v>436936</v>
      </c>
      <c r="FS25" s="104">
        <v>382928</v>
      </c>
      <c r="FT25" s="104">
        <v>225872</v>
      </c>
      <c r="FU25" s="103">
        <v>2071840</v>
      </c>
      <c r="FV25" s="106">
        <v>2223056</v>
      </c>
      <c r="FW25" s="105">
        <v>40624</v>
      </c>
      <c r="FX25" s="104">
        <v>110592</v>
      </c>
      <c r="FY25" s="102">
        <v>151216</v>
      </c>
      <c r="FZ25" s="101">
        <v>0</v>
      </c>
      <c r="GA25" s="104">
        <v>283176</v>
      </c>
      <c r="GB25" s="104">
        <v>497168</v>
      </c>
      <c r="GC25" s="104">
        <v>436936</v>
      </c>
      <c r="GD25" s="104">
        <v>382928</v>
      </c>
      <c r="GE25" s="104">
        <v>225872</v>
      </c>
      <c r="GF25" s="103">
        <v>1826080</v>
      </c>
      <c r="GG25" s="296">
        <v>1977296</v>
      </c>
      <c r="GH25" s="105">
        <v>0</v>
      </c>
      <c r="GI25" s="104">
        <v>0</v>
      </c>
      <c r="GJ25" s="102">
        <v>0</v>
      </c>
      <c r="GK25" s="101">
        <v>0</v>
      </c>
      <c r="GL25" s="104">
        <v>40160</v>
      </c>
      <c r="GM25" s="104">
        <v>0</v>
      </c>
      <c r="GN25" s="104">
        <v>0</v>
      </c>
      <c r="GO25" s="104">
        <v>0</v>
      </c>
      <c r="GP25" s="104">
        <v>0</v>
      </c>
      <c r="GQ25" s="103">
        <v>40160</v>
      </c>
      <c r="GR25" s="106">
        <v>40160</v>
      </c>
      <c r="GS25" s="100">
        <v>0</v>
      </c>
      <c r="GT25" s="104">
        <v>0</v>
      </c>
      <c r="GU25" s="103">
        <v>0</v>
      </c>
      <c r="GV25" s="100">
        <v>0</v>
      </c>
      <c r="GW25" s="104">
        <v>205600</v>
      </c>
      <c r="GX25" s="104">
        <v>0</v>
      </c>
      <c r="GY25" s="104">
        <v>0</v>
      </c>
      <c r="GZ25" s="104">
        <v>0</v>
      </c>
      <c r="HA25" s="104">
        <v>0</v>
      </c>
      <c r="HB25" s="102">
        <v>205600</v>
      </c>
      <c r="HC25" s="106">
        <v>205600</v>
      </c>
      <c r="HD25" s="100">
        <v>53704</v>
      </c>
      <c r="HE25" s="104">
        <v>186600</v>
      </c>
      <c r="HF25" s="102">
        <v>240304</v>
      </c>
      <c r="HG25" s="101">
        <v>0</v>
      </c>
      <c r="HH25" s="104">
        <v>781576</v>
      </c>
      <c r="HI25" s="104">
        <v>639772</v>
      </c>
      <c r="HJ25" s="104">
        <v>1765668</v>
      </c>
      <c r="HK25" s="104">
        <v>1106416</v>
      </c>
      <c r="HL25" s="104">
        <v>1201580</v>
      </c>
      <c r="HM25" s="103">
        <v>5495012</v>
      </c>
      <c r="HN25" s="99">
        <v>5735316</v>
      </c>
      <c r="HO25" s="306"/>
      <c r="HP25" s="307"/>
      <c r="HQ25" s="308"/>
      <c r="HR25" s="309"/>
      <c r="HS25" s="307"/>
      <c r="HT25" s="307"/>
      <c r="HU25" s="307"/>
      <c r="HV25" s="307"/>
      <c r="HW25" s="307"/>
      <c r="HX25" s="310"/>
      <c r="HY25" s="311"/>
      <c r="HZ25" s="118">
        <v>0</v>
      </c>
      <c r="IA25" s="119">
        <v>0</v>
      </c>
      <c r="IB25" s="120">
        <v>0</v>
      </c>
      <c r="IC25" s="133">
        <v>0</v>
      </c>
      <c r="ID25" s="119">
        <v>617223</v>
      </c>
      <c r="IE25" s="134">
        <v>962189</v>
      </c>
      <c r="IF25" s="120">
        <v>1232356</v>
      </c>
      <c r="IG25" s="119">
        <v>327252</v>
      </c>
      <c r="IH25" s="120">
        <v>0</v>
      </c>
      <c r="II25" s="135">
        <v>3139020</v>
      </c>
      <c r="IJ25" s="126">
        <v>3139020</v>
      </c>
      <c r="IK25" s="219">
        <v>0</v>
      </c>
      <c r="IL25" s="223">
        <v>0</v>
      </c>
      <c r="IM25" s="224">
        <v>0</v>
      </c>
      <c r="IN25" s="127"/>
      <c r="IO25" s="109">
        <v>0</v>
      </c>
      <c r="IP25" s="109">
        <v>0</v>
      </c>
      <c r="IQ25" s="109">
        <v>0</v>
      </c>
      <c r="IR25" s="109">
        <v>0</v>
      </c>
      <c r="IS25" s="109">
        <v>0</v>
      </c>
      <c r="IT25" s="128">
        <v>0</v>
      </c>
      <c r="IU25" s="298">
        <v>0</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384231</v>
      </c>
      <c r="JL25" s="109">
        <v>250792</v>
      </c>
      <c r="JM25" s="109">
        <v>471830</v>
      </c>
      <c r="JN25" s="109">
        <v>64664</v>
      </c>
      <c r="JO25" s="109">
        <v>0</v>
      </c>
      <c r="JP25" s="110">
        <v>1171517</v>
      </c>
      <c r="JQ25" s="298">
        <v>1171517</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232992</v>
      </c>
      <c r="KH25" s="109">
        <v>0</v>
      </c>
      <c r="KI25" s="109">
        <v>229590</v>
      </c>
      <c r="KJ25" s="109">
        <v>0</v>
      </c>
      <c r="KK25" s="109">
        <v>0</v>
      </c>
      <c r="KL25" s="110">
        <v>462582</v>
      </c>
      <c r="KM25" s="130">
        <v>462582</v>
      </c>
      <c r="KN25" s="219">
        <v>0</v>
      </c>
      <c r="KO25" s="223">
        <v>0</v>
      </c>
      <c r="KP25" s="224">
        <v>0</v>
      </c>
      <c r="KQ25" s="127"/>
      <c r="KR25" s="109">
        <v>0</v>
      </c>
      <c r="KS25" s="109">
        <v>711397</v>
      </c>
      <c r="KT25" s="109">
        <v>530936</v>
      </c>
      <c r="KU25" s="109">
        <v>262588</v>
      </c>
      <c r="KV25" s="109">
        <v>0</v>
      </c>
      <c r="KW25" s="110">
        <v>1504921</v>
      </c>
      <c r="KX25" s="298">
        <v>1504921</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471695</v>
      </c>
      <c r="MK25" s="109">
        <v>480479</v>
      </c>
      <c r="ML25" s="109">
        <v>2433498</v>
      </c>
      <c r="MM25" s="109">
        <v>4095346</v>
      </c>
      <c r="MN25" s="109">
        <v>1475065</v>
      </c>
      <c r="MO25" s="110">
        <v>8956083</v>
      </c>
      <c r="MP25" s="130">
        <v>8956083</v>
      </c>
      <c r="MQ25" s="129">
        <v>0</v>
      </c>
      <c r="MR25" s="109">
        <v>0</v>
      </c>
      <c r="MS25" s="110">
        <v>0</v>
      </c>
      <c r="MT25" s="132"/>
      <c r="MU25" s="109">
        <v>0</v>
      </c>
      <c r="MV25" s="109">
        <v>251315</v>
      </c>
      <c r="MW25" s="109">
        <v>2156382</v>
      </c>
      <c r="MX25" s="109">
        <v>3432221</v>
      </c>
      <c r="MY25" s="109">
        <v>1272317</v>
      </c>
      <c r="MZ25" s="110">
        <v>7112235</v>
      </c>
      <c r="NA25" s="130">
        <v>7112235</v>
      </c>
      <c r="NB25" s="129">
        <v>0</v>
      </c>
      <c r="NC25" s="109">
        <v>0</v>
      </c>
      <c r="ND25" s="110">
        <v>0</v>
      </c>
      <c r="NE25" s="132"/>
      <c r="NF25" s="109">
        <v>471695</v>
      </c>
      <c r="NG25" s="109">
        <v>229164</v>
      </c>
      <c r="NH25" s="109">
        <v>277116</v>
      </c>
      <c r="NI25" s="109">
        <v>663125</v>
      </c>
      <c r="NJ25" s="109">
        <v>202748</v>
      </c>
      <c r="NK25" s="110">
        <v>1843848</v>
      </c>
      <c r="NL25" s="298">
        <v>1843848</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91475</v>
      </c>
      <c r="OJ25" s="109">
        <v>599180</v>
      </c>
      <c r="OK25" s="128">
        <v>890655</v>
      </c>
      <c r="OL25" s="108">
        <v>0</v>
      </c>
      <c r="OM25" s="109">
        <v>6039267</v>
      </c>
      <c r="ON25" s="109">
        <v>6739157</v>
      </c>
      <c r="OO25" s="109">
        <v>9201963</v>
      </c>
      <c r="OP25" s="109">
        <v>9530125</v>
      </c>
      <c r="OQ25" s="109">
        <v>5065182</v>
      </c>
      <c r="OR25" s="110">
        <v>36575694</v>
      </c>
      <c r="OS25" s="130">
        <v>37466349</v>
      </c>
    </row>
    <row r="26" spans="2:409" ht="21" customHeight="1" x14ac:dyDescent="0.2">
      <c r="B26" s="472" t="s">
        <v>21</v>
      </c>
      <c r="C26" s="100">
        <v>241051</v>
      </c>
      <c r="D26" s="104">
        <v>531736</v>
      </c>
      <c r="E26" s="103">
        <v>772787</v>
      </c>
      <c r="F26" s="99">
        <v>0</v>
      </c>
      <c r="G26" s="104">
        <v>2828253</v>
      </c>
      <c r="H26" s="104">
        <v>4869241</v>
      </c>
      <c r="I26" s="104">
        <v>3672304</v>
      </c>
      <c r="J26" s="104">
        <v>3087005</v>
      </c>
      <c r="K26" s="104">
        <v>3268589</v>
      </c>
      <c r="L26" s="160">
        <v>17725392</v>
      </c>
      <c r="M26" s="106">
        <v>18498179</v>
      </c>
      <c r="N26" s="100">
        <v>133639</v>
      </c>
      <c r="O26" s="104">
        <v>189726</v>
      </c>
      <c r="P26" s="103">
        <v>323365</v>
      </c>
      <c r="Q26" s="100">
        <v>0</v>
      </c>
      <c r="R26" s="104">
        <v>1066932</v>
      </c>
      <c r="S26" s="104">
        <v>1693092</v>
      </c>
      <c r="T26" s="104">
        <v>1170108</v>
      </c>
      <c r="U26" s="104">
        <v>1235158</v>
      </c>
      <c r="V26" s="104">
        <v>1659599</v>
      </c>
      <c r="W26" s="103">
        <v>6824889</v>
      </c>
      <c r="X26" s="106">
        <v>7148254</v>
      </c>
      <c r="Y26" s="100">
        <v>0</v>
      </c>
      <c r="Z26" s="104">
        <v>0</v>
      </c>
      <c r="AA26" s="103">
        <v>0</v>
      </c>
      <c r="AB26" s="100">
        <v>0</v>
      </c>
      <c r="AC26" s="104">
        <v>338560</v>
      </c>
      <c r="AD26" s="104">
        <v>479714</v>
      </c>
      <c r="AE26" s="104">
        <v>483191</v>
      </c>
      <c r="AF26" s="104">
        <v>664387</v>
      </c>
      <c r="AG26" s="104">
        <v>869529</v>
      </c>
      <c r="AH26" s="103">
        <v>2835381</v>
      </c>
      <c r="AI26" s="106">
        <v>2835381</v>
      </c>
      <c r="AJ26" s="100">
        <v>0</v>
      </c>
      <c r="AK26" s="104">
        <v>0</v>
      </c>
      <c r="AL26" s="103">
        <v>0</v>
      </c>
      <c r="AM26" s="100">
        <v>0</v>
      </c>
      <c r="AN26" s="104">
        <v>0</v>
      </c>
      <c r="AO26" s="104">
        <v>0</v>
      </c>
      <c r="AP26" s="104">
        <v>0</v>
      </c>
      <c r="AQ26" s="104">
        <v>11845</v>
      </c>
      <c r="AR26" s="104">
        <v>152593</v>
      </c>
      <c r="AS26" s="103">
        <v>164438</v>
      </c>
      <c r="AT26" s="106">
        <v>164438</v>
      </c>
      <c r="AU26" s="100">
        <v>92007</v>
      </c>
      <c r="AV26" s="104">
        <v>137558</v>
      </c>
      <c r="AW26" s="103">
        <v>229565</v>
      </c>
      <c r="AX26" s="100">
        <v>0</v>
      </c>
      <c r="AY26" s="104">
        <v>529179</v>
      </c>
      <c r="AZ26" s="104">
        <v>912775</v>
      </c>
      <c r="BA26" s="104">
        <v>493548</v>
      </c>
      <c r="BB26" s="104">
        <v>394278</v>
      </c>
      <c r="BC26" s="104">
        <v>465941</v>
      </c>
      <c r="BD26" s="103">
        <v>2795721</v>
      </c>
      <c r="BE26" s="106">
        <v>3025286</v>
      </c>
      <c r="BF26" s="100">
        <v>0</v>
      </c>
      <c r="BG26" s="104">
        <v>0</v>
      </c>
      <c r="BH26" s="102">
        <v>0</v>
      </c>
      <c r="BI26" s="101">
        <v>0</v>
      </c>
      <c r="BJ26" s="104">
        <v>48841</v>
      </c>
      <c r="BK26" s="104">
        <v>56715</v>
      </c>
      <c r="BL26" s="104">
        <v>68625</v>
      </c>
      <c r="BM26" s="104">
        <v>9456</v>
      </c>
      <c r="BN26" s="104">
        <v>0</v>
      </c>
      <c r="BO26" s="103">
        <v>183637</v>
      </c>
      <c r="BP26" s="106">
        <v>183637</v>
      </c>
      <c r="BQ26" s="100">
        <v>41632</v>
      </c>
      <c r="BR26" s="104">
        <v>52168</v>
      </c>
      <c r="BS26" s="103">
        <v>93800</v>
      </c>
      <c r="BT26" s="100">
        <v>0</v>
      </c>
      <c r="BU26" s="104">
        <v>150352</v>
      </c>
      <c r="BV26" s="104">
        <v>243888</v>
      </c>
      <c r="BW26" s="104">
        <v>124744</v>
      </c>
      <c r="BX26" s="104">
        <v>155192</v>
      </c>
      <c r="BY26" s="104">
        <v>171536</v>
      </c>
      <c r="BZ26" s="103">
        <v>845712</v>
      </c>
      <c r="CA26" s="106">
        <v>939512</v>
      </c>
      <c r="CB26" s="100">
        <v>60884</v>
      </c>
      <c r="CC26" s="104">
        <v>0</v>
      </c>
      <c r="CD26" s="103">
        <v>60884</v>
      </c>
      <c r="CE26" s="100">
        <v>0</v>
      </c>
      <c r="CF26" s="104">
        <v>1012271</v>
      </c>
      <c r="CG26" s="104">
        <v>1420115</v>
      </c>
      <c r="CH26" s="104">
        <v>1005031</v>
      </c>
      <c r="CI26" s="104">
        <v>283719</v>
      </c>
      <c r="CJ26" s="104">
        <v>388281</v>
      </c>
      <c r="CK26" s="103">
        <v>4109417</v>
      </c>
      <c r="CL26" s="106">
        <v>4170301</v>
      </c>
      <c r="CM26" s="100">
        <v>0</v>
      </c>
      <c r="CN26" s="104">
        <v>0</v>
      </c>
      <c r="CO26" s="103">
        <v>0</v>
      </c>
      <c r="CP26" s="101">
        <v>0</v>
      </c>
      <c r="CQ26" s="104">
        <v>763877</v>
      </c>
      <c r="CR26" s="104">
        <v>1099015</v>
      </c>
      <c r="CS26" s="104">
        <v>862776</v>
      </c>
      <c r="CT26" s="104">
        <v>283719</v>
      </c>
      <c r="CU26" s="104">
        <v>335953</v>
      </c>
      <c r="CV26" s="103">
        <v>3345340</v>
      </c>
      <c r="CW26" s="106">
        <v>3345340</v>
      </c>
      <c r="CX26" s="100">
        <v>60884</v>
      </c>
      <c r="CY26" s="104">
        <v>0</v>
      </c>
      <c r="CZ26" s="103">
        <v>60884</v>
      </c>
      <c r="DA26" s="100">
        <v>0</v>
      </c>
      <c r="DB26" s="104">
        <v>248394</v>
      </c>
      <c r="DC26" s="104">
        <v>321100</v>
      </c>
      <c r="DD26" s="104">
        <v>142255</v>
      </c>
      <c r="DE26" s="104">
        <v>0</v>
      </c>
      <c r="DF26" s="104">
        <v>52328</v>
      </c>
      <c r="DG26" s="103">
        <v>764077</v>
      </c>
      <c r="DH26" s="106">
        <v>824961</v>
      </c>
      <c r="DI26" s="100">
        <v>0</v>
      </c>
      <c r="DJ26" s="104">
        <v>0</v>
      </c>
      <c r="DK26" s="102">
        <v>0</v>
      </c>
      <c r="DL26" s="101">
        <v>0</v>
      </c>
      <c r="DM26" s="104">
        <v>28807</v>
      </c>
      <c r="DN26" s="104">
        <v>252113</v>
      </c>
      <c r="DO26" s="104">
        <v>570269</v>
      </c>
      <c r="DP26" s="104">
        <v>429721</v>
      </c>
      <c r="DQ26" s="104">
        <v>98798</v>
      </c>
      <c r="DR26" s="103">
        <v>1379708</v>
      </c>
      <c r="DS26" s="106">
        <v>1379708</v>
      </c>
      <c r="DT26" s="100">
        <v>0</v>
      </c>
      <c r="DU26" s="104">
        <v>0</v>
      </c>
      <c r="DV26" s="103">
        <v>0</v>
      </c>
      <c r="DW26" s="100">
        <v>0</v>
      </c>
      <c r="DX26" s="104">
        <v>28807</v>
      </c>
      <c r="DY26" s="104">
        <v>169609</v>
      </c>
      <c r="DZ26" s="104">
        <v>570269</v>
      </c>
      <c r="EA26" s="104">
        <v>429721</v>
      </c>
      <c r="EB26" s="104">
        <v>98798</v>
      </c>
      <c r="EC26" s="103">
        <v>1297204</v>
      </c>
      <c r="ED26" s="106">
        <v>1297204</v>
      </c>
      <c r="EE26" s="100">
        <v>0</v>
      </c>
      <c r="EF26" s="102">
        <v>0</v>
      </c>
      <c r="EG26" s="103">
        <v>0</v>
      </c>
      <c r="EH26" s="100">
        <v>0</v>
      </c>
      <c r="EI26" s="104">
        <v>0</v>
      </c>
      <c r="EJ26" s="104">
        <v>82504</v>
      </c>
      <c r="EK26" s="104">
        <v>0</v>
      </c>
      <c r="EL26" s="104">
        <v>0</v>
      </c>
      <c r="EM26" s="104">
        <v>0</v>
      </c>
      <c r="EN26" s="102">
        <v>82504</v>
      </c>
      <c r="EO26" s="106">
        <v>82504</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v>0</v>
      </c>
      <c r="FE26" s="104">
        <v>0</v>
      </c>
      <c r="FF26" s="104">
        <v>0</v>
      </c>
      <c r="FG26" s="104">
        <v>0</v>
      </c>
      <c r="FH26" s="104">
        <v>0</v>
      </c>
      <c r="FI26" s="104">
        <v>0</v>
      </c>
      <c r="FJ26" s="103">
        <v>0</v>
      </c>
      <c r="FK26" s="106">
        <v>0</v>
      </c>
      <c r="FL26" s="100">
        <v>46528</v>
      </c>
      <c r="FM26" s="104">
        <v>69720</v>
      </c>
      <c r="FN26" s="103">
        <v>116248</v>
      </c>
      <c r="FO26" s="100">
        <v>0</v>
      </c>
      <c r="FP26" s="104">
        <v>80152</v>
      </c>
      <c r="FQ26" s="104">
        <v>574672</v>
      </c>
      <c r="FR26" s="104">
        <v>410360</v>
      </c>
      <c r="FS26" s="104">
        <v>262672</v>
      </c>
      <c r="FT26" s="104">
        <v>188208</v>
      </c>
      <c r="FU26" s="103">
        <v>1516064</v>
      </c>
      <c r="FV26" s="106">
        <v>1632312</v>
      </c>
      <c r="FW26" s="105">
        <v>46528</v>
      </c>
      <c r="FX26" s="104">
        <v>69720</v>
      </c>
      <c r="FY26" s="102">
        <v>116248</v>
      </c>
      <c r="FZ26" s="101">
        <v>0</v>
      </c>
      <c r="GA26" s="104">
        <v>80152</v>
      </c>
      <c r="GB26" s="104">
        <v>497072</v>
      </c>
      <c r="GC26" s="104">
        <v>410360</v>
      </c>
      <c r="GD26" s="104">
        <v>262672</v>
      </c>
      <c r="GE26" s="104">
        <v>188208</v>
      </c>
      <c r="GF26" s="103">
        <v>1438464</v>
      </c>
      <c r="GG26" s="296">
        <v>1554712</v>
      </c>
      <c r="GH26" s="105">
        <v>0</v>
      </c>
      <c r="GI26" s="104">
        <v>0</v>
      </c>
      <c r="GJ26" s="102">
        <v>0</v>
      </c>
      <c r="GK26" s="101">
        <v>0</v>
      </c>
      <c r="GL26" s="104">
        <v>0</v>
      </c>
      <c r="GM26" s="104">
        <v>0</v>
      </c>
      <c r="GN26" s="104">
        <v>0</v>
      </c>
      <c r="GO26" s="104">
        <v>0</v>
      </c>
      <c r="GP26" s="104">
        <v>0</v>
      </c>
      <c r="GQ26" s="103">
        <v>0</v>
      </c>
      <c r="GR26" s="106">
        <v>0</v>
      </c>
      <c r="GS26" s="100">
        <v>0</v>
      </c>
      <c r="GT26" s="104">
        <v>0</v>
      </c>
      <c r="GU26" s="103">
        <v>0</v>
      </c>
      <c r="GV26" s="100">
        <v>0</v>
      </c>
      <c r="GW26" s="104">
        <v>0</v>
      </c>
      <c r="GX26" s="104">
        <v>77600</v>
      </c>
      <c r="GY26" s="104">
        <v>0</v>
      </c>
      <c r="GZ26" s="104">
        <v>0</v>
      </c>
      <c r="HA26" s="104">
        <v>0</v>
      </c>
      <c r="HB26" s="102">
        <v>77600</v>
      </c>
      <c r="HC26" s="106">
        <v>77600</v>
      </c>
      <c r="HD26" s="100">
        <v>0</v>
      </c>
      <c r="HE26" s="104">
        <v>272290</v>
      </c>
      <c r="HF26" s="102">
        <v>272290</v>
      </c>
      <c r="HG26" s="101">
        <v>0</v>
      </c>
      <c r="HH26" s="104">
        <v>640091</v>
      </c>
      <c r="HI26" s="104">
        <v>929249</v>
      </c>
      <c r="HJ26" s="104">
        <v>516536</v>
      </c>
      <c r="HK26" s="104">
        <v>875735</v>
      </c>
      <c r="HL26" s="104">
        <v>933703</v>
      </c>
      <c r="HM26" s="103">
        <v>3895314</v>
      </c>
      <c r="HN26" s="99">
        <v>4167604</v>
      </c>
      <c r="HO26" s="306"/>
      <c r="HP26" s="307"/>
      <c r="HQ26" s="308"/>
      <c r="HR26" s="309"/>
      <c r="HS26" s="307"/>
      <c r="HT26" s="307"/>
      <c r="HU26" s="307"/>
      <c r="HV26" s="307"/>
      <c r="HW26" s="307"/>
      <c r="HX26" s="310"/>
      <c r="HY26" s="311"/>
      <c r="HZ26" s="137">
        <v>0</v>
      </c>
      <c r="IA26" s="122">
        <v>0</v>
      </c>
      <c r="IB26" s="137">
        <v>0</v>
      </c>
      <c r="IC26" s="121">
        <v>0</v>
      </c>
      <c r="ID26" s="122">
        <v>682649</v>
      </c>
      <c r="IE26" s="123">
        <v>991208</v>
      </c>
      <c r="IF26" s="124">
        <v>1477751</v>
      </c>
      <c r="IG26" s="122">
        <v>118092</v>
      </c>
      <c r="IH26" s="124">
        <v>0</v>
      </c>
      <c r="II26" s="125">
        <v>3269700</v>
      </c>
      <c r="IJ26" s="137">
        <v>3269700</v>
      </c>
      <c r="IK26" s="219">
        <v>0</v>
      </c>
      <c r="IL26" s="223">
        <v>0</v>
      </c>
      <c r="IM26" s="224">
        <v>0</v>
      </c>
      <c r="IN26" s="127"/>
      <c r="IO26" s="109">
        <v>0</v>
      </c>
      <c r="IP26" s="109">
        <v>123717</v>
      </c>
      <c r="IQ26" s="109">
        <v>0</v>
      </c>
      <c r="IR26" s="109">
        <v>0</v>
      </c>
      <c r="IS26" s="109">
        <v>0</v>
      </c>
      <c r="IT26" s="128">
        <v>123717</v>
      </c>
      <c r="IU26" s="298">
        <v>123717</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205127</v>
      </c>
      <c r="JL26" s="109">
        <v>359589</v>
      </c>
      <c r="JM26" s="109">
        <v>198948</v>
      </c>
      <c r="JN26" s="109">
        <v>118092</v>
      </c>
      <c r="JO26" s="109">
        <v>0</v>
      </c>
      <c r="JP26" s="110">
        <v>881756</v>
      </c>
      <c r="JQ26" s="298">
        <v>881756</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0</v>
      </c>
      <c r="KH26" s="109">
        <v>0</v>
      </c>
      <c r="KI26" s="109">
        <v>685612</v>
      </c>
      <c r="KJ26" s="109">
        <v>0</v>
      </c>
      <c r="KK26" s="109">
        <v>0</v>
      </c>
      <c r="KL26" s="110">
        <v>685612</v>
      </c>
      <c r="KM26" s="130">
        <v>685612</v>
      </c>
      <c r="KN26" s="219">
        <v>0</v>
      </c>
      <c r="KO26" s="223">
        <v>0</v>
      </c>
      <c r="KP26" s="224">
        <v>0</v>
      </c>
      <c r="KQ26" s="127"/>
      <c r="KR26" s="109">
        <v>477522</v>
      </c>
      <c r="KS26" s="109">
        <v>507902</v>
      </c>
      <c r="KT26" s="109">
        <v>593191</v>
      </c>
      <c r="KU26" s="109">
        <v>0</v>
      </c>
      <c r="KV26" s="109">
        <v>0</v>
      </c>
      <c r="KW26" s="110">
        <v>1578615</v>
      </c>
      <c r="KX26" s="298">
        <v>1578615</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352339</v>
      </c>
      <c r="ML26" s="109">
        <v>2142734</v>
      </c>
      <c r="MM26" s="109">
        <v>3135854</v>
      </c>
      <c r="MN26" s="109">
        <v>2376884</v>
      </c>
      <c r="MO26" s="110">
        <v>8007811</v>
      </c>
      <c r="MP26" s="130">
        <v>8007811</v>
      </c>
      <c r="MQ26" s="129">
        <v>0</v>
      </c>
      <c r="MR26" s="109">
        <v>0</v>
      </c>
      <c r="MS26" s="110">
        <v>0</v>
      </c>
      <c r="MT26" s="132"/>
      <c r="MU26" s="109">
        <v>0</v>
      </c>
      <c r="MV26" s="109">
        <v>0</v>
      </c>
      <c r="MW26" s="109">
        <v>1756130</v>
      </c>
      <c r="MX26" s="109">
        <v>2935900</v>
      </c>
      <c r="MY26" s="109">
        <v>2025288</v>
      </c>
      <c r="MZ26" s="110">
        <v>6717318</v>
      </c>
      <c r="NA26" s="130">
        <v>6717318</v>
      </c>
      <c r="NB26" s="129">
        <v>0</v>
      </c>
      <c r="NC26" s="109">
        <v>0</v>
      </c>
      <c r="ND26" s="110">
        <v>0</v>
      </c>
      <c r="NE26" s="132"/>
      <c r="NF26" s="109">
        <v>0</v>
      </c>
      <c r="NG26" s="109">
        <v>352339</v>
      </c>
      <c r="NH26" s="109">
        <v>386604</v>
      </c>
      <c r="NI26" s="109">
        <v>199954</v>
      </c>
      <c r="NJ26" s="109">
        <v>0</v>
      </c>
      <c r="NK26" s="110">
        <v>938897</v>
      </c>
      <c r="NL26" s="298">
        <v>938897</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351596</v>
      </c>
      <c r="OG26" s="110">
        <v>351596</v>
      </c>
      <c r="OH26" s="111">
        <v>351596</v>
      </c>
      <c r="OI26" s="129">
        <v>241051</v>
      </c>
      <c r="OJ26" s="109">
        <v>531736</v>
      </c>
      <c r="OK26" s="128">
        <v>772787</v>
      </c>
      <c r="OL26" s="108">
        <v>0</v>
      </c>
      <c r="OM26" s="109">
        <v>3510902</v>
      </c>
      <c r="ON26" s="109">
        <v>6212788</v>
      </c>
      <c r="OO26" s="109">
        <v>7292789</v>
      </c>
      <c r="OP26" s="109">
        <v>6340951</v>
      </c>
      <c r="OQ26" s="109">
        <v>5645473</v>
      </c>
      <c r="OR26" s="110">
        <v>29002903</v>
      </c>
      <c r="OS26" s="130">
        <v>29775690</v>
      </c>
    </row>
    <row r="27" spans="2:409" ht="21" customHeight="1" x14ac:dyDescent="0.2">
      <c r="B27" s="472" t="s">
        <v>22</v>
      </c>
      <c r="C27" s="100">
        <v>75033</v>
      </c>
      <c r="D27" s="104">
        <v>184932</v>
      </c>
      <c r="E27" s="103">
        <v>259965</v>
      </c>
      <c r="F27" s="99">
        <v>0</v>
      </c>
      <c r="G27" s="104">
        <v>1885229</v>
      </c>
      <c r="H27" s="104">
        <v>1708556</v>
      </c>
      <c r="I27" s="104">
        <v>637782</v>
      </c>
      <c r="J27" s="104">
        <v>2179484</v>
      </c>
      <c r="K27" s="104">
        <v>884593</v>
      </c>
      <c r="L27" s="160">
        <v>7295644</v>
      </c>
      <c r="M27" s="106">
        <v>7555609</v>
      </c>
      <c r="N27" s="100">
        <v>19824</v>
      </c>
      <c r="O27" s="104">
        <v>0</v>
      </c>
      <c r="P27" s="103">
        <v>19824</v>
      </c>
      <c r="Q27" s="100">
        <v>0</v>
      </c>
      <c r="R27" s="104">
        <v>515098</v>
      </c>
      <c r="S27" s="104">
        <v>663145</v>
      </c>
      <c r="T27" s="104">
        <v>215614</v>
      </c>
      <c r="U27" s="104">
        <v>719296</v>
      </c>
      <c r="V27" s="104">
        <v>264197</v>
      </c>
      <c r="W27" s="103">
        <v>2377350</v>
      </c>
      <c r="X27" s="106">
        <v>2397174</v>
      </c>
      <c r="Y27" s="100">
        <v>0</v>
      </c>
      <c r="Z27" s="104">
        <v>0</v>
      </c>
      <c r="AA27" s="103">
        <v>0</v>
      </c>
      <c r="AB27" s="100">
        <v>0</v>
      </c>
      <c r="AC27" s="104">
        <v>175695</v>
      </c>
      <c r="AD27" s="104">
        <v>252194</v>
      </c>
      <c r="AE27" s="104">
        <v>41672</v>
      </c>
      <c r="AF27" s="104">
        <v>419352</v>
      </c>
      <c r="AG27" s="104">
        <v>173845</v>
      </c>
      <c r="AH27" s="103">
        <v>1062758</v>
      </c>
      <c r="AI27" s="106">
        <v>1062758</v>
      </c>
      <c r="AJ27" s="100">
        <v>0</v>
      </c>
      <c r="AK27" s="104">
        <v>0</v>
      </c>
      <c r="AL27" s="103">
        <v>0</v>
      </c>
      <c r="AM27" s="100">
        <v>0</v>
      </c>
      <c r="AN27" s="104">
        <v>57642</v>
      </c>
      <c r="AO27" s="104">
        <v>0</v>
      </c>
      <c r="AP27" s="104">
        <v>0</v>
      </c>
      <c r="AQ27" s="104">
        <v>194480</v>
      </c>
      <c r="AR27" s="104">
        <v>0</v>
      </c>
      <c r="AS27" s="103">
        <v>252122</v>
      </c>
      <c r="AT27" s="106">
        <v>252122</v>
      </c>
      <c r="AU27" s="100">
        <v>0</v>
      </c>
      <c r="AV27" s="104">
        <v>0</v>
      </c>
      <c r="AW27" s="103">
        <v>0</v>
      </c>
      <c r="AX27" s="100">
        <v>0</v>
      </c>
      <c r="AY27" s="104">
        <v>99809</v>
      </c>
      <c r="AZ27" s="104">
        <v>218029</v>
      </c>
      <c r="BA27" s="104">
        <v>155062</v>
      </c>
      <c r="BB27" s="104">
        <v>29224</v>
      </c>
      <c r="BC27" s="104">
        <v>67568</v>
      </c>
      <c r="BD27" s="103">
        <v>569692</v>
      </c>
      <c r="BE27" s="106">
        <v>569692</v>
      </c>
      <c r="BF27" s="100">
        <v>0</v>
      </c>
      <c r="BG27" s="104">
        <v>0</v>
      </c>
      <c r="BH27" s="102">
        <v>0</v>
      </c>
      <c r="BI27" s="101">
        <v>0</v>
      </c>
      <c r="BJ27" s="104">
        <v>138720</v>
      </c>
      <c r="BK27" s="104">
        <v>70642</v>
      </c>
      <c r="BL27" s="104">
        <v>0</v>
      </c>
      <c r="BM27" s="104">
        <v>0</v>
      </c>
      <c r="BN27" s="104">
        <v>0</v>
      </c>
      <c r="BO27" s="103">
        <v>209362</v>
      </c>
      <c r="BP27" s="106">
        <v>209362</v>
      </c>
      <c r="BQ27" s="100">
        <v>19824</v>
      </c>
      <c r="BR27" s="104">
        <v>0</v>
      </c>
      <c r="BS27" s="103">
        <v>19824</v>
      </c>
      <c r="BT27" s="100">
        <v>0</v>
      </c>
      <c r="BU27" s="104">
        <v>43232</v>
      </c>
      <c r="BV27" s="104">
        <v>122280</v>
      </c>
      <c r="BW27" s="104">
        <v>18880</v>
      </c>
      <c r="BX27" s="104">
        <v>76240</v>
      </c>
      <c r="BY27" s="104">
        <v>22784</v>
      </c>
      <c r="BZ27" s="103">
        <v>283416</v>
      </c>
      <c r="CA27" s="106">
        <v>303240</v>
      </c>
      <c r="CB27" s="100">
        <v>0</v>
      </c>
      <c r="CC27" s="104">
        <v>0</v>
      </c>
      <c r="CD27" s="103">
        <v>0</v>
      </c>
      <c r="CE27" s="100">
        <v>0</v>
      </c>
      <c r="CF27" s="104">
        <v>646067</v>
      </c>
      <c r="CG27" s="104">
        <v>175011</v>
      </c>
      <c r="CH27" s="104">
        <v>274888</v>
      </c>
      <c r="CI27" s="104">
        <v>259696</v>
      </c>
      <c r="CJ27" s="104">
        <v>375904</v>
      </c>
      <c r="CK27" s="103">
        <v>1731566</v>
      </c>
      <c r="CL27" s="106">
        <v>1731566</v>
      </c>
      <c r="CM27" s="100">
        <v>0</v>
      </c>
      <c r="CN27" s="104">
        <v>0</v>
      </c>
      <c r="CO27" s="103">
        <v>0</v>
      </c>
      <c r="CP27" s="101">
        <v>0</v>
      </c>
      <c r="CQ27" s="104">
        <v>514627</v>
      </c>
      <c r="CR27" s="104">
        <v>97867</v>
      </c>
      <c r="CS27" s="104">
        <v>163168</v>
      </c>
      <c r="CT27" s="104">
        <v>124032</v>
      </c>
      <c r="CU27" s="104">
        <v>142560</v>
      </c>
      <c r="CV27" s="103">
        <v>1042254</v>
      </c>
      <c r="CW27" s="106">
        <v>1042254</v>
      </c>
      <c r="CX27" s="100">
        <v>0</v>
      </c>
      <c r="CY27" s="104">
        <v>0</v>
      </c>
      <c r="CZ27" s="103">
        <v>0</v>
      </c>
      <c r="DA27" s="100">
        <v>0</v>
      </c>
      <c r="DB27" s="104">
        <v>131440</v>
      </c>
      <c r="DC27" s="104">
        <v>77144</v>
      </c>
      <c r="DD27" s="104">
        <v>111720</v>
      </c>
      <c r="DE27" s="104">
        <v>135664</v>
      </c>
      <c r="DF27" s="104">
        <v>233344</v>
      </c>
      <c r="DG27" s="103">
        <v>689312</v>
      </c>
      <c r="DH27" s="106">
        <v>689312</v>
      </c>
      <c r="DI27" s="100">
        <v>0</v>
      </c>
      <c r="DJ27" s="104">
        <v>0</v>
      </c>
      <c r="DK27" s="102">
        <v>0</v>
      </c>
      <c r="DL27" s="101">
        <v>0</v>
      </c>
      <c r="DM27" s="104">
        <v>53120</v>
      </c>
      <c r="DN27" s="104">
        <v>0</v>
      </c>
      <c r="DO27" s="104">
        <v>27016</v>
      </c>
      <c r="DP27" s="104">
        <v>647404</v>
      </c>
      <c r="DQ27" s="104">
        <v>137772</v>
      </c>
      <c r="DR27" s="103">
        <v>865312</v>
      </c>
      <c r="DS27" s="106">
        <v>865312</v>
      </c>
      <c r="DT27" s="100">
        <v>0</v>
      </c>
      <c r="DU27" s="104">
        <v>0</v>
      </c>
      <c r="DV27" s="103">
        <v>0</v>
      </c>
      <c r="DW27" s="100">
        <v>0</v>
      </c>
      <c r="DX27" s="104">
        <v>53120</v>
      </c>
      <c r="DY27" s="104">
        <v>0</v>
      </c>
      <c r="DZ27" s="104">
        <v>27016</v>
      </c>
      <c r="EA27" s="104">
        <v>647404</v>
      </c>
      <c r="EB27" s="104">
        <v>137772</v>
      </c>
      <c r="EC27" s="103">
        <v>865312</v>
      </c>
      <c r="ED27" s="106">
        <v>865312</v>
      </c>
      <c r="EE27" s="100">
        <v>0</v>
      </c>
      <c r="EF27" s="102">
        <v>0</v>
      </c>
      <c r="EG27" s="103">
        <v>0</v>
      </c>
      <c r="EH27" s="100">
        <v>0</v>
      </c>
      <c r="EI27" s="104">
        <v>0</v>
      </c>
      <c r="EJ27" s="104">
        <v>0</v>
      </c>
      <c r="EK27" s="104">
        <v>0</v>
      </c>
      <c r="EL27" s="104">
        <v>0</v>
      </c>
      <c r="EM27" s="104">
        <v>0</v>
      </c>
      <c r="EN27" s="102">
        <v>0</v>
      </c>
      <c r="EO27" s="106">
        <v>0</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v>0</v>
      </c>
      <c r="FE27" s="104">
        <v>0</v>
      </c>
      <c r="FF27" s="104">
        <v>0</v>
      </c>
      <c r="FG27" s="104">
        <v>0</v>
      </c>
      <c r="FH27" s="104">
        <v>0</v>
      </c>
      <c r="FI27" s="104">
        <v>0</v>
      </c>
      <c r="FJ27" s="103">
        <v>0</v>
      </c>
      <c r="FK27" s="106">
        <v>0</v>
      </c>
      <c r="FL27" s="100">
        <v>2800</v>
      </c>
      <c r="FM27" s="104">
        <v>84680</v>
      </c>
      <c r="FN27" s="103">
        <v>87480</v>
      </c>
      <c r="FO27" s="100">
        <v>0</v>
      </c>
      <c r="FP27" s="104">
        <v>95480</v>
      </c>
      <c r="FQ27" s="104">
        <v>188768</v>
      </c>
      <c r="FR27" s="104">
        <v>120264</v>
      </c>
      <c r="FS27" s="104">
        <v>135680</v>
      </c>
      <c r="FT27" s="104">
        <v>106720</v>
      </c>
      <c r="FU27" s="103">
        <v>646912</v>
      </c>
      <c r="FV27" s="106">
        <v>734392</v>
      </c>
      <c r="FW27" s="105">
        <v>2800</v>
      </c>
      <c r="FX27" s="104">
        <v>84680</v>
      </c>
      <c r="FY27" s="102">
        <v>87480</v>
      </c>
      <c r="FZ27" s="101">
        <v>0</v>
      </c>
      <c r="GA27" s="104">
        <v>95480</v>
      </c>
      <c r="GB27" s="104">
        <v>188768</v>
      </c>
      <c r="GC27" s="104">
        <v>120264</v>
      </c>
      <c r="GD27" s="104">
        <v>135680</v>
      </c>
      <c r="GE27" s="104">
        <v>106720</v>
      </c>
      <c r="GF27" s="103">
        <v>646912</v>
      </c>
      <c r="GG27" s="296">
        <v>734392</v>
      </c>
      <c r="GH27" s="105">
        <v>0</v>
      </c>
      <c r="GI27" s="104">
        <v>0</v>
      </c>
      <c r="GJ27" s="102">
        <v>0</v>
      </c>
      <c r="GK27" s="101">
        <v>0</v>
      </c>
      <c r="GL27" s="104">
        <v>0</v>
      </c>
      <c r="GM27" s="104">
        <v>0</v>
      </c>
      <c r="GN27" s="104">
        <v>0</v>
      </c>
      <c r="GO27" s="104">
        <v>0</v>
      </c>
      <c r="GP27" s="104">
        <v>0</v>
      </c>
      <c r="GQ27" s="103">
        <v>0</v>
      </c>
      <c r="GR27" s="106">
        <v>0</v>
      </c>
      <c r="GS27" s="100">
        <v>0</v>
      </c>
      <c r="GT27" s="104">
        <v>0</v>
      </c>
      <c r="GU27" s="103">
        <v>0</v>
      </c>
      <c r="GV27" s="100">
        <v>0</v>
      </c>
      <c r="GW27" s="104">
        <v>0</v>
      </c>
      <c r="GX27" s="104">
        <v>0</v>
      </c>
      <c r="GY27" s="104">
        <v>0</v>
      </c>
      <c r="GZ27" s="104">
        <v>0</v>
      </c>
      <c r="HA27" s="104">
        <v>0</v>
      </c>
      <c r="HB27" s="102">
        <v>0</v>
      </c>
      <c r="HC27" s="106">
        <v>0</v>
      </c>
      <c r="HD27" s="100">
        <v>52409</v>
      </c>
      <c r="HE27" s="104">
        <v>100252</v>
      </c>
      <c r="HF27" s="102">
        <v>152661</v>
      </c>
      <c r="HG27" s="101">
        <v>0</v>
      </c>
      <c r="HH27" s="104">
        <v>575464</v>
      </c>
      <c r="HI27" s="104">
        <v>681632</v>
      </c>
      <c r="HJ27" s="104">
        <v>0</v>
      </c>
      <c r="HK27" s="104">
        <v>417408</v>
      </c>
      <c r="HL27" s="104">
        <v>0</v>
      </c>
      <c r="HM27" s="103">
        <v>1674504</v>
      </c>
      <c r="HN27" s="99">
        <v>1827165</v>
      </c>
      <c r="HO27" s="306"/>
      <c r="HP27" s="307"/>
      <c r="HQ27" s="308"/>
      <c r="HR27" s="309"/>
      <c r="HS27" s="307"/>
      <c r="HT27" s="307"/>
      <c r="HU27" s="307"/>
      <c r="HV27" s="307"/>
      <c r="HW27" s="307"/>
      <c r="HX27" s="310"/>
      <c r="HY27" s="311"/>
      <c r="HZ27" s="118">
        <v>0</v>
      </c>
      <c r="IA27" s="119">
        <v>0</v>
      </c>
      <c r="IB27" s="120">
        <v>0</v>
      </c>
      <c r="IC27" s="133">
        <v>0</v>
      </c>
      <c r="ID27" s="119">
        <v>761374</v>
      </c>
      <c r="IE27" s="134">
        <v>990424</v>
      </c>
      <c r="IF27" s="120">
        <v>114868</v>
      </c>
      <c r="IG27" s="119">
        <v>847928</v>
      </c>
      <c r="IH27" s="120">
        <v>0</v>
      </c>
      <c r="II27" s="135">
        <v>2714594</v>
      </c>
      <c r="IJ27" s="126">
        <v>2714594</v>
      </c>
      <c r="IK27" s="219">
        <v>0</v>
      </c>
      <c r="IL27" s="223">
        <v>0</v>
      </c>
      <c r="IM27" s="224">
        <v>0</v>
      </c>
      <c r="IN27" s="127"/>
      <c r="IO27" s="109">
        <v>0</v>
      </c>
      <c r="IP27" s="109">
        <v>219488</v>
      </c>
      <c r="IQ27" s="109">
        <v>0</v>
      </c>
      <c r="IR27" s="109">
        <v>0</v>
      </c>
      <c r="IS27" s="109">
        <v>0</v>
      </c>
      <c r="IT27" s="128">
        <v>219488</v>
      </c>
      <c r="IU27" s="298">
        <v>219488</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222464</v>
      </c>
      <c r="JL27" s="109">
        <v>123440</v>
      </c>
      <c r="JM27" s="109">
        <v>10784</v>
      </c>
      <c r="JN27" s="109">
        <v>117312</v>
      </c>
      <c r="JO27" s="109">
        <v>0</v>
      </c>
      <c r="JP27" s="110">
        <v>474000</v>
      </c>
      <c r="JQ27" s="298">
        <v>474000</v>
      </c>
      <c r="JR27" s="129">
        <v>0</v>
      </c>
      <c r="JS27" s="109">
        <v>0</v>
      </c>
      <c r="JT27" s="128">
        <v>0</v>
      </c>
      <c r="JU27" s="108">
        <v>0</v>
      </c>
      <c r="JV27" s="109">
        <v>0</v>
      </c>
      <c r="JW27" s="109">
        <v>0</v>
      </c>
      <c r="JX27" s="109">
        <v>0</v>
      </c>
      <c r="JY27" s="109">
        <v>198464</v>
      </c>
      <c r="JZ27" s="109">
        <v>0</v>
      </c>
      <c r="KA27" s="110">
        <v>198464</v>
      </c>
      <c r="KB27" s="298">
        <v>198464</v>
      </c>
      <c r="KC27" s="221">
        <v>0</v>
      </c>
      <c r="KD27" s="217">
        <v>0</v>
      </c>
      <c r="KE27" s="110">
        <v>0</v>
      </c>
      <c r="KF27" s="108">
        <v>0</v>
      </c>
      <c r="KG27" s="109">
        <v>308392</v>
      </c>
      <c r="KH27" s="109">
        <v>162968</v>
      </c>
      <c r="KI27" s="109">
        <v>0</v>
      </c>
      <c r="KJ27" s="109">
        <v>0</v>
      </c>
      <c r="KK27" s="109">
        <v>0</v>
      </c>
      <c r="KL27" s="110">
        <v>471360</v>
      </c>
      <c r="KM27" s="130">
        <v>471360</v>
      </c>
      <c r="KN27" s="219">
        <v>0</v>
      </c>
      <c r="KO27" s="223">
        <v>0</v>
      </c>
      <c r="KP27" s="224">
        <v>0</v>
      </c>
      <c r="KQ27" s="127"/>
      <c r="KR27" s="109">
        <v>230518</v>
      </c>
      <c r="KS27" s="109">
        <v>484528</v>
      </c>
      <c r="KT27" s="109">
        <v>104084</v>
      </c>
      <c r="KU27" s="109">
        <v>0</v>
      </c>
      <c r="KV27" s="109">
        <v>0</v>
      </c>
      <c r="KW27" s="110">
        <v>819130</v>
      </c>
      <c r="KX27" s="298">
        <v>819130</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532152</v>
      </c>
      <c r="LR27" s="109">
        <v>0</v>
      </c>
      <c r="LS27" s="110">
        <v>532152</v>
      </c>
      <c r="LT27" s="298">
        <v>532152</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08424</v>
      </c>
      <c r="MK27" s="109">
        <v>0</v>
      </c>
      <c r="ML27" s="109">
        <v>922560</v>
      </c>
      <c r="MM27" s="109">
        <v>1512203</v>
      </c>
      <c r="MN27" s="109">
        <v>67387</v>
      </c>
      <c r="MO27" s="110">
        <v>2710574</v>
      </c>
      <c r="MP27" s="130">
        <v>2710574</v>
      </c>
      <c r="MQ27" s="129">
        <v>0</v>
      </c>
      <c r="MR27" s="109">
        <v>0</v>
      </c>
      <c r="MS27" s="110">
        <v>0</v>
      </c>
      <c r="MT27" s="132"/>
      <c r="MU27" s="109">
        <v>0</v>
      </c>
      <c r="MV27" s="109">
        <v>0</v>
      </c>
      <c r="MW27" s="109">
        <v>922560</v>
      </c>
      <c r="MX27" s="109">
        <v>1225475</v>
      </c>
      <c r="MY27" s="109">
        <v>33331</v>
      </c>
      <c r="MZ27" s="110">
        <v>2181366</v>
      </c>
      <c r="NA27" s="130">
        <v>2181366</v>
      </c>
      <c r="NB27" s="129">
        <v>0</v>
      </c>
      <c r="NC27" s="109">
        <v>0</v>
      </c>
      <c r="ND27" s="110">
        <v>0</v>
      </c>
      <c r="NE27" s="132"/>
      <c r="NF27" s="109">
        <v>208424</v>
      </c>
      <c r="NG27" s="109">
        <v>0</v>
      </c>
      <c r="NH27" s="109">
        <v>0</v>
      </c>
      <c r="NI27" s="109">
        <v>286728</v>
      </c>
      <c r="NJ27" s="109">
        <v>34056</v>
      </c>
      <c r="NK27" s="110">
        <v>529208</v>
      </c>
      <c r="NL27" s="298">
        <v>529208</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75033</v>
      </c>
      <c r="OJ27" s="109">
        <v>184932</v>
      </c>
      <c r="OK27" s="128">
        <v>259965</v>
      </c>
      <c r="OL27" s="108">
        <v>0</v>
      </c>
      <c r="OM27" s="109">
        <v>2855027</v>
      </c>
      <c r="ON27" s="109">
        <v>2698980</v>
      </c>
      <c r="OO27" s="109">
        <v>1675210</v>
      </c>
      <c r="OP27" s="109">
        <v>4539615</v>
      </c>
      <c r="OQ27" s="109">
        <v>951980</v>
      </c>
      <c r="OR27" s="110">
        <v>12720812</v>
      </c>
      <c r="OS27" s="130">
        <v>12980777</v>
      </c>
    </row>
    <row r="28" spans="2:409" ht="21" customHeight="1" x14ac:dyDescent="0.2">
      <c r="B28" s="472" t="s">
        <v>23</v>
      </c>
      <c r="C28" s="100">
        <v>301950</v>
      </c>
      <c r="D28" s="104">
        <v>182698</v>
      </c>
      <c r="E28" s="103">
        <v>484648</v>
      </c>
      <c r="F28" s="99">
        <v>0</v>
      </c>
      <c r="G28" s="104">
        <v>3087036</v>
      </c>
      <c r="H28" s="104">
        <v>2915287</v>
      </c>
      <c r="I28" s="104">
        <v>2009678</v>
      </c>
      <c r="J28" s="104">
        <v>2489688</v>
      </c>
      <c r="K28" s="104">
        <v>1553085</v>
      </c>
      <c r="L28" s="160">
        <v>12054774</v>
      </c>
      <c r="M28" s="106">
        <v>12539422</v>
      </c>
      <c r="N28" s="100">
        <v>98744</v>
      </c>
      <c r="O28" s="104">
        <v>116946</v>
      </c>
      <c r="P28" s="103">
        <v>215690</v>
      </c>
      <c r="Q28" s="100">
        <v>0</v>
      </c>
      <c r="R28" s="104">
        <v>459871</v>
      </c>
      <c r="S28" s="104">
        <v>1220554</v>
      </c>
      <c r="T28" s="104">
        <v>693002</v>
      </c>
      <c r="U28" s="104">
        <v>762621</v>
      </c>
      <c r="V28" s="104">
        <v>563910</v>
      </c>
      <c r="W28" s="103">
        <v>3699958</v>
      </c>
      <c r="X28" s="106">
        <v>3915648</v>
      </c>
      <c r="Y28" s="100">
        <v>0</v>
      </c>
      <c r="Z28" s="104">
        <v>0</v>
      </c>
      <c r="AA28" s="103">
        <v>0</v>
      </c>
      <c r="AB28" s="100">
        <v>0</v>
      </c>
      <c r="AC28" s="104">
        <v>105170</v>
      </c>
      <c r="AD28" s="104">
        <v>551582</v>
      </c>
      <c r="AE28" s="104">
        <v>444056</v>
      </c>
      <c r="AF28" s="104">
        <v>334129</v>
      </c>
      <c r="AG28" s="104">
        <v>359640</v>
      </c>
      <c r="AH28" s="103">
        <v>1794577</v>
      </c>
      <c r="AI28" s="106">
        <v>1794577</v>
      </c>
      <c r="AJ28" s="100">
        <v>0</v>
      </c>
      <c r="AK28" s="104">
        <v>0</v>
      </c>
      <c r="AL28" s="103">
        <v>0</v>
      </c>
      <c r="AM28" s="100">
        <v>0</v>
      </c>
      <c r="AN28" s="104">
        <v>0</v>
      </c>
      <c r="AO28" s="104">
        <v>0</v>
      </c>
      <c r="AP28" s="104">
        <v>0</v>
      </c>
      <c r="AQ28" s="104">
        <v>144012</v>
      </c>
      <c r="AR28" s="104">
        <v>0</v>
      </c>
      <c r="AS28" s="103">
        <v>144012</v>
      </c>
      <c r="AT28" s="106">
        <v>144012</v>
      </c>
      <c r="AU28" s="100">
        <v>52744</v>
      </c>
      <c r="AV28" s="104">
        <v>95813</v>
      </c>
      <c r="AW28" s="103">
        <v>148557</v>
      </c>
      <c r="AX28" s="100">
        <v>0</v>
      </c>
      <c r="AY28" s="104">
        <v>144693</v>
      </c>
      <c r="AZ28" s="104">
        <v>560052</v>
      </c>
      <c r="BA28" s="104">
        <v>134570</v>
      </c>
      <c r="BB28" s="104">
        <v>123432</v>
      </c>
      <c r="BC28" s="104">
        <v>154774</v>
      </c>
      <c r="BD28" s="103">
        <v>1117521</v>
      </c>
      <c r="BE28" s="106">
        <v>1266078</v>
      </c>
      <c r="BF28" s="100">
        <v>0</v>
      </c>
      <c r="BG28" s="104">
        <v>21133</v>
      </c>
      <c r="BH28" s="102">
        <v>21133</v>
      </c>
      <c r="BI28" s="101">
        <v>0</v>
      </c>
      <c r="BJ28" s="104">
        <v>0</v>
      </c>
      <c r="BK28" s="104">
        <v>0</v>
      </c>
      <c r="BL28" s="104">
        <v>0</v>
      </c>
      <c r="BM28" s="104">
        <v>0</v>
      </c>
      <c r="BN28" s="104">
        <v>0</v>
      </c>
      <c r="BO28" s="103">
        <v>0</v>
      </c>
      <c r="BP28" s="106">
        <v>21133</v>
      </c>
      <c r="BQ28" s="100">
        <v>46000</v>
      </c>
      <c r="BR28" s="104">
        <v>0</v>
      </c>
      <c r="BS28" s="103">
        <v>46000</v>
      </c>
      <c r="BT28" s="100">
        <v>0</v>
      </c>
      <c r="BU28" s="104">
        <v>210008</v>
      </c>
      <c r="BV28" s="104">
        <v>108920</v>
      </c>
      <c r="BW28" s="104">
        <v>114376</v>
      </c>
      <c r="BX28" s="104">
        <v>161048</v>
      </c>
      <c r="BY28" s="104">
        <v>49496</v>
      </c>
      <c r="BZ28" s="103">
        <v>643848</v>
      </c>
      <c r="CA28" s="106">
        <v>689848</v>
      </c>
      <c r="CB28" s="100">
        <v>0</v>
      </c>
      <c r="CC28" s="104">
        <v>0</v>
      </c>
      <c r="CD28" s="103">
        <v>0</v>
      </c>
      <c r="CE28" s="100">
        <v>0</v>
      </c>
      <c r="CF28" s="104">
        <v>861528</v>
      </c>
      <c r="CG28" s="104">
        <v>967017</v>
      </c>
      <c r="CH28" s="104">
        <v>638438</v>
      </c>
      <c r="CI28" s="104">
        <v>513554</v>
      </c>
      <c r="CJ28" s="104">
        <v>280984</v>
      </c>
      <c r="CK28" s="103">
        <v>3261521</v>
      </c>
      <c r="CL28" s="106">
        <v>3261521</v>
      </c>
      <c r="CM28" s="100">
        <v>0</v>
      </c>
      <c r="CN28" s="104">
        <v>0</v>
      </c>
      <c r="CO28" s="103">
        <v>0</v>
      </c>
      <c r="CP28" s="101">
        <v>0</v>
      </c>
      <c r="CQ28" s="104">
        <v>676998</v>
      </c>
      <c r="CR28" s="104">
        <v>801325</v>
      </c>
      <c r="CS28" s="104">
        <v>422622</v>
      </c>
      <c r="CT28" s="104">
        <v>382903</v>
      </c>
      <c r="CU28" s="104">
        <v>228176</v>
      </c>
      <c r="CV28" s="103">
        <v>2512024</v>
      </c>
      <c r="CW28" s="106">
        <v>2512024</v>
      </c>
      <c r="CX28" s="100">
        <v>0</v>
      </c>
      <c r="CY28" s="104">
        <v>0</v>
      </c>
      <c r="CZ28" s="103">
        <v>0</v>
      </c>
      <c r="DA28" s="100">
        <v>0</v>
      </c>
      <c r="DB28" s="104">
        <v>184530</v>
      </c>
      <c r="DC28" s="104">
        <v>165692</v>
      </c>
      <c r="DD28" s="104">
        <v>215816</v>
      </c>
      <c r="DE28" s="104">
        <v>130651</v>
      </c>
      <c r="DF28" s="104">
        <v>52808</v>
      </c>
      <c r="DG28" s="103">
        <v>749497</v>
      </c>
      <c r="DH28" s="106">
        <v>749497</v>
      </c>
      <c r="DI28" s="100">
        <v>27453</v>
      </c>
      <c r="DJ28" s="104">
        <v>0</v>
      </c>
      <c r="DK28" s="102">
        <v>27453</v>
      </c>
      <c r="DL28" s="101">
        <v>0</v>
      </c>
      <c r="DM28" s="104">
        <v>189008</v>
      </c>
      <c r="DN28" s="104">
        <v>186168</v>
      </c>
      <c r="DO28" s="104">
        <v>386350</v>
      </c>
      <c r="DP28" s="104">
        <v>405596</v>
      </c>
      <c r="DQ28" s="104">
        <v>142627</v>
      </c>
      <c r="DR28" s="103">
        <v>1309749</v>
      </c>
      <c r="DS28" s="106">
        <v>1337202</v>
      </c>
      <c r="DT28" s="100">
        <v>0</v>
      </c>
      <c r="DU28" s="104">
        <v>0</v>
      </c>
      <c r="DV28" s="103">
        <v>0</v>
      </c>
      <c r="DW28" s="100">
        <v>0</v>
      </c>
      <c r="DX28" s="104">
        <v>155260</v>
      </c>
      <c r="DY28" s="104">
        <v>186168</v>
      </c>
      <c r="DZ28" s="104">
        <v>386350</v>
      </c>
      <c r="EA28" s="104">
        <v>405596</v>
      </c>
      <c r="EB28" s="104">
        <v>142627</v>
      </c>
      <c r="EC28" s="103">
        <v>1276001</v>
      </c>
      <c r="ED28" s="106">
        <v>1276001</v>
      </c>
      <c r="EE28" s="100">
        <v>27453</v>
      </c>
      <c r="EF28" s="102">
        <v>0</v>
      </c>
      <c r="EG28" s="103">
        <v>27453</v>
      </c>
      <c r="EH28" s="100">
        <v>0</v>
      </c>
      <c r="EI28" s="104">
        <v>33748</v>
      </c>
      <c r="EJ28" s="104">
        <v>0</v>
      </c>
      <c r="EK28" s="104">
        <v>0</v>
      </c>
      <c r="EL28" s="104">
        <v>0</v>
      </c>
      <c r="EM28" s="104">
        <v>0</v>
      </c>
      <c r="EN28" s="102">
        <v>33748</v>
      </c>
      <c r="EO28" s="106">
        <v>61201</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v>0</v>
      </c>
      <c r="FE28" s="104">
        <v>0</v>
      </c>
      <c r="FF28" s="104">
        <v>0</v>
      </c>
      <c r="FG28" s="104">
        <v>0</v>
      </c>
      <c r="FH28" s="104">
        <v>0</v>
      </c>
      <c r="FI28" s="104">
        <v>0</v>
      </c>
      <c r="FJ28" s="103">
        <v>0</v>
      </c>
      <c r="FK28" s="106">
        <v>0</v>
      </c>
      <c r="FL28" s="100">
        <v>7680</v>
      </c>
      <c r="FM28" s="104">
        <v>65752</v>
      </c>
      <c r="FN28" s="103">
        <v>73432</v>
      </c>
      <c r="FO28" s="100">
        <v>0</v>
      </c>
      <c r="FP28" s="104">
        <v>279464</v>
      </c>
      <c r="FQ28" s="104">
        <v>365888</v>
      </c>
      <c r="FR28" s="104">
        <v>291888</v>
      </c>
      <c r="FS28" s="104">
        <v>151440</v>
      </c>
      <c r="FT28" s="104">
        <v>84360</v>
      </c>
      <c r="FU28" s="103">
        <v>1173040</v>
      </c>
      <c r="FV28" s="106">
        <v>1246472</v>
      </c>
      <c r="FW28" s="105">
        <v>7680</v>
      </c>
      <c r="FX28" s="104">
        <v>65752</v>
      </c>
      <c r="FY28" s="102">
        <v>73432</v>
      </c>
      <c r="FZ28" s="101">
        <v>0</v>
      </c>
      <c r="GA28" s="104">
        <v>137704</v>
      </c>
      <c r="GB28" s="104">
        <v>365888</v>
      </c>
      <c r="GC28" s="104">
        <v>131888</v>
      </c>
      <c r="GD28" s="104">
        <v>151440</v>
      </c>
      <c r="GE28" s="104">
        <v>84360</v>
      </c>
      <c r="GF28" s="103">
        <v>871280</v>
      </c>
      <c r="GG28" s="296">
        <v>944712</v>
      </c>
      <c r="GH28" s="105">
        <v>0</v>
      </c>
      <c r="GI28" s="104">
        <v>0</v>
      </c>
      <c r="GJ28" s="102">
        <v>0</v>
      </c>
      <c r="GK28" s="101">
        <v>0</v>
      </c>
      <c r="GL28" s="104">
        <v>48000</v>
      </c>
      <c r="GM28" s="104">
        <v>0</v>
      </c>
      <c r="GN28" s="104">
        <v>0</v>
      </c>
      <c r="GO28" s="104">
        <v>0</v>
      </c>
      <c r="GP28" s="104">
        <v>0</v>
      </c>
      <c r="GQ28" s="103">
        <v>48000</v>
      </c>
      <c r="GR28" s="106">
        <v>48000</v>
      </c>
      <c r="GS28" s="100">
        <v>0</v>
      </c>
      <c r="GT28" s="104">
        <v>0</v>
      </c>
      <c r="GU28" s="103">
        <v>0</v>
      </c>
      <c r="GV28" s="100">
        <v>0</v>
      </c>
      <c r="GW28" s="104">
        <v>93760</v>
      </c>
      <c r="GX28" s="104">
        <v>0</v>
      </c>
      <c r="GY28" s="104">
        <v>160000</v>
      </c>
      <c r="GZ28" s="104">
        <v>0</v>
      </c>
      <c r="HA28" s="104">
        <v>0</v>
      </c>
      <c r="HB28" s="102">
        <v>253760</v>
      </c>
      <c r="HC28" s="106">
        <v>253760</v>
      </c>
      <c r="HD28" s="100">
        <v>168073</v>
      </c>
      <c r="HE28" s="104">
        <v>0</v>
      </c>
      <c r="HF28" s="102">
        <v>168073</v>
      </c>
      <c r="HG28" s="101">
        <v>0</v>
      </c>
      <c r="HH28" s="104">
        <v>1297165</v>
      </c>
      <c r="HI28" s="104">
        <v>175660</v>
      </c>
      <c r="HJ28" s="104">
        <v>0</v>
      </c>
      <c r="HK28" s="104">
        <v>656477</v>
      </c>
      <c r="HL28" s="104">
        <v>481204</v>
      </c>
      <c r="HM28" s="103">
        <v>2610506</v>
      </c>
      <c r="HN28" s="99">
        <v>2778579</v>
      </c>
      <c r="HO28" s="306"/>
      <c r="HP28" s="307"/>
      <c r="HQ28" s="308"/>
      <c r="HR28" s="309"/>
      <c r="HS28" s="307"/>
      <c r="HT28" s="307"/>
      <c r="HU28" s="307"/>
      <c r="HV28" s="307"/>
      <c r="HW28" s="307"/>
      <c r="HX28" s="310"/>
      <c r="HY28" s="311"/>
      <c r="HZ28" s="137">
        <v>0</v>
      </c>
      <c r="IA28" s="122">
        <v>0</v>
      </c>
      <c r="IB28" s="137">
        <v>0</v>
      </c>
      <c r="IC28" s="121">
        <v>0</v>
      </c>
      <c r="ID28" s="122">
        <v>414765</v>
      </c>
      <c r="IE28" s="123">
        <v>297965</v>
      </c>
      <c r="IF28" s="124">
        <v>550988</v>
      </c>
      <c r="IG28" s="122">
        <v>838744</v>
      </c>
      <c r="IH28" s="124">
        <v>0</v>
      </c>
      <c r="II28" s="125">
        <v>2102462</v>
      </c>
      <c r="IJ28" s="137">
        <v>2102462</v>
      </c>
      <c r="IK28" s="219">
        <v>0</v>
      </c>
      <c r="IL28" s="223">
        <v>0</v>
      </c>
      <c r="IM28" s="224">
        <v>0</v>
      </c>
      <c r="IN28" s="127"/>
      <c r="IO28" s="109">
        <v>0</v>
      </c>
      <c r="IP28" s="109">
        <v>0</v>
      </c>
      <c r="IQ28" s="109">
        <v>0</v>
      </c>
      <c r="IR28" s="109">
        <v>0</v>
      </c>
      <c r="IS28" s="109">
        <v>0</v>
      </c>
      <c r="IT28" s="128">
        <v>0</v>
      </c>
      <c r="IU28" s="298">
        <v>0</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72886</v>
      </c>
      <c r="JL28" s="109">
        <v>40804</v>
      </c>
      <c r="JM28" s="109">
        <v>35989</v>
      </c>
      <c r="JN28" s="109">
        <v>44621</v>
      </c>
      <c r="JO28" s="109">
        <v>0</v>
      </c>
      <c r="JP28" s="110">
        <v>294300</v>
      </c>
      <c r="JQ28" s="298">
        <v>294300</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41879</v>
      </c>
      <c r="KS28" s="109">
        <v>257161</v>
      </c>
      <c r="KT28" s="109">
        <v>514999</v>
      </c>
      <c r="KU28" s="109">
        <v>794123</v>
      </c>
      <c r="KV28" s="109">
        <v>0</v>
      </c>
      <c r="KW28" s="110">
        <v>1808162</v>
      </c>
      <c r="KX28" s="298">
        <v>1808162</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276498</v>
      </c>
      <c r="ML28" s="109">
        <v>1270642</v>
      </c>
      <c r="MM28" s="109">
        <v>2484719</v>
      </c>
      <c r="MN28" s="109">
        <v>921504</v>
      </c>
      <c r="MO28" s="110">
        <v>4953363</v>
      </c>
      <c r="MP28" s="130">
        <v>4953363</v>
      </c>
      <c r="MQ28" s="129">
        <v>0</v>
      </c>
      <c r="MR28" s="109">
        <v>0</v>
      </c>
      <c r="MS28" s="110">
        <v>0</v>
      </c>
      <c r="MT28" s="132"/>
      <c r="MU28" s="109">
        <v>0</v>
      </c>
      <c r="MV28" s="109">
        <v>0</v>
      </c>
      <c r="MW28" s="109">
        <v>971838</v>
      </c>
      <c r="MX28" s="109">
        <v>1606611</v>
      </c>
      <c r="MY28" s="109">
        <v>288894</v>
      </c>
      <c r="MZ28" s="110">
        <v>2867343</v>
      </c>
      <c r="NA28" s="130">
        <v>2867343</v>
      </c>
      <c r="NB28" s="129">
        <v>0</v>
      </c>
      <c r="NC28" s="109">
        <v>0</v>
      </c>
      <c r="ND28" s="110">
        <v>0</v>
      </c>
      <c r="NE28" s="132"/>
      <c r="NF28" s="109">
        <v>0</v>
      </c>
      <c r="NG28" s="109">
        <v>276498</v>
      </c>
      <c r="NH28" s="109">
        <v>298804</v>
      </c>
      <c r="NI28" s="109">
        <v>878108</v>
      </c>
      <c r="NJ28" s="109">
        <v>632610</v>
      </c>
      <c r="NK28" s="110">
        <v>2086020</v>
      </c>
      <c r="NL28" s="298">
        <v>2086020</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0</v>
      </c>
      <c r="OG28" s="110">
        <v>0</v>
      </c>
      <c r="OH28" s="111">
        <v>0</v>
      </c>
      <c r="OI28" s="129">
        <v>301950</v>
      </c>
      <c r="OJ28" s="109">
        <v>182698</v>
      </c>
      <c r="OK28" s="128">
        <v>484648</v>
      </c>
      <c r="OL28" s="108">
        <v>0</v>
      </c>
      <c r="OM28" s="109">
        <v>3501801</v>
      </c>
      <c r="ON28" s="109">
        <v>3489750</v>
      </c>
      <c r="OO28" s="109">
        <v>3831308</v>
      </c>
      <c r="OP28" s="109">
        <v>5813151</v>
      </c>
      <c r="OQ28" s="109">
        <v>2474589</v>
      </c>
      <c r="OR28" s="110">
        <v>19110599</v>
      </c>
      <c r="OS28" s="130">
        <v>19595247</v>
      </c>
    </row>
    <row r="29" spans="2:409" ht="21" customHeight="1" x14ac:dyDescent="0.2">
      <c r="B29" s="472" t="s">
        <v>24</v>
      </c>
      <c r="C29" s="100">
        <v>486665</v>
      </c>
      <c r="D29" s="104">
        <v>219855</v>
      </c>
      <c r="E29" s="103">
        <v>706520</v>
      </c>
      <c r="F29" s="99">
        <v>0</v>
      </c>
      <c r="G29" s="104">
        <v>2077921</v>
      </c>
      <c r="H29" s="104">
        <v>2879799</v>
      </c>
      <c r="I29" s="104">
        <v>2002647</v>
      </c>
      <c r="J29" s="104">
        <v>1491661</v>
      </c>
      <c r="K29" s="104">
        <v>579862</v>
      </c>
      <c r="L29" s="160">
        <v>9031890</v>
      </c>
      <c r="M29" s="106">
        <v>9738410</v>
      </c>
      <c r="N29" s="100">
        <v>143179</v>
      </c>
      <c r="O29" s="104">
        <v>69125</v>
      </c>
      <c r="P29" s="103">
        <v>212304</v>
      </c>
      <c r="Q29" s="100">
        <v>0</v>
      </c>
      <c r="R29" s="104">
        <v>881935</v>
      </c>
      <c r="S29" s="104">
        <v>802673</v>
      </c>
      <c r="T29" s="104">
        <v>532186</v>
      </c>
      <c r="U29" s="104">
        <v>206287</v>
      </c>
      <c r="V29" s="104">
        <v>254387</v>
      </c>
      <c r="W29" s="103">
        <v>2677468</v>
      </c>
      <c r="X29" s="106">
        <v>2889772</v>
      </c>
      <c r="Y29" s="100">
        <v>0</v>
      </c>
      <c r="Z29" s="104">
        <v>0</v>
      </c>
      <c r="AA29" s="103">
        <v>0</v>
      </c>
      <c r="AB29" s="100">
        <v>0</v>
      </c>
      <c r="AC29" s="104">
        <v>494708</v>
      </c>
      <c r="AD29" s="104">
        <v>230962</v>
      </c>
      <c r="AE29" s="104">
        <v>117310</v>
      </c>
      <c r="AF29" s="104">
        <v>29333</v>
      </c>
      <c r="AG29" s="104">
        <v>0</v>
      </c>
      <c r="AH29" s="103">
        <v>872313</v>
      </c>
      <c r="AI29" s="106">
        <v>872313</v>
      </c>
      <c r="AJ29" s="100">
        <v>0</v>
      </c>
      <c r="AK29" s="104">
        <v>0</v>
      </c>
      <c r="AL29" s="103">
        <v>0</v>
      </c>
      <c r="AM29" s="100">
        <v>0</v>
      </c>
      <c r="AN29" s="104">
        <v>0</v>
      </c>
      <c r="AO29" s="104">
        <v>26068</v>
      </c>
      <c r="AP29" s="104">
        <v>11692</v>
      </c>
      <c r="AQ29" s="104">
        <v>48292</v>
      </c>
      <c r="AR29" s="104">
        <v>105228</v>
      </c>
      <c r="AS29" s="103">
        <v>191280</v>
      </c>
      <c r="AT29" s="106">
        <v>191280</v>
      </c>
      <c r="AU29" s="100">
        <v>37603</v>
      </c>
      <c r="AV29" s="104">
        <v>64357</v>
      </c>
      <c r="AW29" s="103">
        <v>101960</v>
      </c>
      <c r="AX29" s="100">
        <v>0</v>
      </c>
      <c r="AY29" s="104">
        <v>198300</v>
      </c>
      <c r="AZ29" s="104">
        <v>350700</v>
      </c>
      <c r="BA29" s="104">
        <v>250363</v>
      </c>
      <c r="BB29" s="104">
        <v>58702</v>
      </c>
      <c r="BC29" s="104">
        <v>66687</v>
      </c>
      <c r="BD29" s="103">
        <v>924752</v>
      </c>
      <c r="BE29" s="106">
        <v>1026712</v>
      </c>
      <c r="BF29" s="100">
        <v>0</v>
      </c>
      <c r="BG29" s="104">
        <v>0</v>
      </c>
      <c r="BH29" s="102">
        <v>0</v>
      </c>
      <c r="BI29" s="101">
        <v>0</v>
      </c>
      <c r="BJ29" s="104">
        <v>33199</v>
      </c>
      <c r="BK29" s="104">
        <v>74831</v>
      </c>
      <c r="BL29" s="104">
        <v>21133</v>
      </c>
      <c r="BM29" s="104">
        <v>0</v>
      </c>
      <c r="BN29" s="104">
        <v>0</v>
      </c>
      <c r="BO29" s="103">
        <v>129163</v>
      </c>
      <c r="BP29" s="106">
        <v>129163</v>
      </c>
      <c r="BQ29" s="100">
        <v>105576</v>
      </c>
      <c r="BR29" s="104">
        <v>4768</v>
      </c>
      <c r="BS29" s="103">
        <v>110344</v>
      </c>
      <c r="BT29" s="100">
        <v>0</v>
      </c>
      <c r="BU29" s="104">
        <v>155728</v>
      </c>
      <c r="BV29" s="104">
        <v>120112</v>
      </c>
      <c r="BW29" s="104">
        <v>131688</v>
      </c>
      <c r="BX29" s="104">
        <v>69960</v>
      </c>
      <c r="BY29" s="104">
        <v>82472</v>
      </c>
      <c r="BZ29" s="103">
        <v>559960</v>
      </c>
      <c r="CA29" s="106">
        <v>670304</v>
      </c>
      <c r="CB29" s="100">
        <v>60910</v>
      </c>
      <c r="CC29" s="104">
        <v>35650</v>
      </c>
      <c r="CD29" s="103">
        <v>96560</v>
      </c>
      <c r="CE29" s="100">
        <v>0</v>
      </c>
      <c r="CF29" s="104">
        <v>632189</v>
      </c>
      <c r="CG29" s="104">
        <v>918705</v>
      </c>
      <c r="CH29" s="104">
        <v>568591</v>
      </c>
      <c r="CI29" s="104">
        <v>133895</v>
      </c>
      <c r="CJ29" s="104">
        <v>0</v>
      </c>
      <c r="CK29" s="103">
        <v>2253380</v>
      </c>
      <c r="CL29" s="106">
        <v>2349940</v>
      </c>
      <c r="CM29" s="100">
        <v>0</v>
      </c>
      <c r="CN29" s="104">
        <v>0</v>
      </c>
      <c r="CO29" s="103">
        <v>0</v>
      </c>
      <c r="CP29" s="101">
        <v>0</v>
      </c>
      <c r="CQ29" s="104">
        <v>573169</v>
      </c>
      <c r="CR29" s="104">
        <v>624071</v>
      </c>
      <c r="CS29" s="104">
        <v>304630</v>
      </c>
      <c r="CT29" s="104">
        <v>24968</v>
      </c>
      <c r="CU29" s="104">
        <v>0</v>
      </c>
      <c r="CV29" s="103">
        <v>1526838</v>
      </c>
      <c r="CW29" s="106">
        <v>1526838</v>
      </c>
      <c r="CX29" s="100">
        <v>60910</v>
      </c>
      <c r="CY29" s="104">
        <v>35650</v>
      </c>
      <c r="CZ29" s="103">
        <v>96560</v>
      </c>
      <c r="DA29" s="100">
        <v>0</v>
      </c>
      <c r="DB29" s="104">
        <v>59020</v>
      </c>
      <c r="DC29" s="104">
        <v>294634</v>
      </c>
      <c r="DD29" s="104">
        <v>263961</v>
      </c>
      <c r="DE29" s="104">
        <v>108927</v>
      </c>
      <c r="DF29" s="104">
        <v>0</v>
      </c>
      <c r="DG29" s="103">
        <v>726542</v>
      </c>
      <c r="DH29" s="106">
        <v>823102</v>
      </c>
      <c r="DI29" s="100">
        <v>0</v>
      </c>
      <c r="DJ29" s="104">
        <v>0</v>
      </c>
      <c r="DK29" s="102">
        <v>0</v>
      </c>
      <c r="DL29" s="101">
        <v>0</v>
      </c>
      <c r="DM29" s="104">
        <v>0</v>
      </c>
      <c r="DN29" s="104">
        <v>189756</v>
      </c>
      <c r="DO29" s="104">
        <v>51955</v>
      </c>
      <c r="DP29" s="104">
        <v>48327</v>
      </c>
      <c r="DQ29" s="104">
        <v>0</v>
      </c>
      <c r="DR29" s="103">
        <v>290038</v>
      </c>
      <c r="DS29" s="106">
        <v>290038</v>
      </c>
      <c r="DT29" s="100">
        <v>0</v>
      </c>
      <c r="DU29" s="104">
        <v>0</v>
      </c>
      <c r="DV29" s="103">
        <v>0</v>
      </c>
      <c r="DW29" s="100">
        <v>0</v>
      </c>
      <c r="DX29" s="104">
        <v>0</v>
      </c>
      <c r="DY29" s="104">
        <v>189756</v>
      </c>
      <c r="DZ29" s="104">
        <v>51955</v>
      </c>
      <c r="EA29" s="104">
        <v>48327</v>
      </c>
      <c r="EB29" s="104">
        <v>0</v>
      </c>
      <c r="EC29" s="103">
        <v>290038</v>
      </c>
      <c r="ED29" s="106">
        <v>290038</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v>0</v>
      </c>
      <c r="FE29" s="104">
        <v>0</v>
      </c>
      <c r="FF29" s="104">
        <v>0</v>
      </c>
      <c r="FG29" s="104">
        <v>0</v>
      </c>
      <c r="FH29" s="104">
        <v>0</v>
      </c>
      <c r="FI29" s="104">
        <v>0</v>
      </c>
      <c r="FJ29" s="103">
        <v>0</v>
      </c>
      <c r="FK29" s="106">
        <v>0</v>
      </c>
      <c r="FL29" s="100">
        <v>66600</v>
      </c>
      <c r="FM29" s="104">
        <v>14640</v>
      </c>
      <c r="FN29" s="103">
        <v>81240</v>
      </c>
      <c r="FO29" s="100">
        <v>0</v>
      </c>
      <c r="FP29" s="104">
        <v>55184</v>
      </c>
      <c r="FQ29" s="104">
        <v>343216</v>
      </c>
      <c r="FR29" s="104">
        <v>230784</v>
      </c>
      <c r="FS29" s="104">
        <v>64680</v>
      </c>
      <c r="FT29" s="104">
        <v>20776</v>
      </c>
      <c r="FU29" s="103">
        <v>714640</v>
      </c>
      <c r="FV29" s="106">
        <v>795880</v>
      </c>
      <c r="FW29" s="105">
        <v>40200</v>
      </c>
      <c r="FX29" s="104">
        <v>14640</v>
      </c>
      <c r="FY29" s="102">
        <v>54840</v>
      </c>
      <c r="FZ29" s="101">
        <v>0</v>
      </c>
      <c r="GA29" s="104">
        <v>55184</v>
      </c>
      <c r="GB29" s="104">
        <v>221616</v>
      </c>
      <c r="GC29" s="104">
        <v>107584</v>
      </c>
      <c r="GD29" s="104">
        <v>64680</v>
      </c>
      <c r="GE29" s="104">
        <v>20776</v>
      </c>
      <c r="GF29" s="103">
        <v>469840</v>
      </c>
      <c r="GG29" s="296">
        <v>524680</v>
      </c>
      <c r="GH29" s="105">
        <v>0</v>
      </c>
      <c r="GI29" s="104">
        <v>0</v>
      </c>
      <c r="GJ29" s="102">
        <v>0</v>
      </c>
      <c r="GK29" s="101">
        <v>0</v>
      </c>
      <c r="GL29" s="104">
        <v>0</v>
      </c>
      <c r="GM29" s="104">
        <v>0</v>
      </c>
      <c r="GN29" s="104">
        <v>0</v>
      </c>
      <c r="GO29" s="104">
        <v>0</v>
      </c>
      <c r="GP29" s="104">
        <v>0</v>
      </c>
      <c r="GQ29" s="103">
        <v>0</v>
      </c>
      <c r="GR29" s="106">
        <v>0</v>
      </c>
      <c r="GS29" s="100">
        <v>26400</v>
      </c>
      <c r="GT29" s="104">
        <v>0</v>
      </c>
      <c r="GU29" s="103">
        <v>26400</v>
      </c>
      <c r="GV29" s="100">
        <v>0</v>
      </c>
      <c r="GW29" s="104">
        <v>0</v>
      </c>
      <c r="GX29" s="104">
        <v>121600</v>
      </c>
      <c r="GY29" s="104">
        <v>123200</v>
      </c>
      <c r="GZ29" s="104">
        <v>0</v>
      </c>
      <c r="HA29" s="104">
        <v>0</v>
      </c>
      <c r="HB29" s="102">
        <v>244800</v>
      </c>
      <c r="HC29" s="106">
        <v>271200</v>
      </c>
      <c r="HD29" s="100">
        <v>215976</v>
      </c>
      <c r="HE29" s="104">
        <v>100440</v>
      </c>
      <c r="HF29" s="102">
        <v>316416</v>
      </c>
      <c r="HG29" s="101">
        <v>0</v>
      </c>
      <c r="HH29" s="104">
        <v>508613</v>
      </c>
      <c r="HI29" s="104">
        <v>625449</v>
      </c>
      <c r="HJ29" s="104">
        <v>619131</v>
      </c>
      <c r="HK29" s="104">
        <v>1038472</v>
      </c>
      <c r="HL29" s="104">
        <v>304699</v>
      </c>
      <c r="HM29" s="103">
        <v>3096364</v>
      </c>
      <c r="HN29" s="99">
        <v>3412780</v>
      </c>
      <c r="HO29" s="306"/>
      <c r="HP29" s="307"/>
      <c r="HQ29" s="308"/>
      <c r="HR29" s="309"/>
      <c r="HS29" s="307"/>
      <c r="HT29" s="307"/>
      <c r="HU29" s="307"/>
      <c r="HV29" s="307"/>
      <c r="HW29" s="307"/>
      <c r="HX29" s="310"/>
      <c r="HY29" s="311"/>
      <c r="HZ29" s="118">
        <v>0</v>
      </c>
      <c r="IA29" s="119">
        <v>0</v>
      </c>
      <c r="IB29" s="120">
        <v>0</v>
      </c>
      <c r="IC29" s="133">
        <v>0</v>
      </c>
      <c r="ID29" s="119">
        <v>83280</v>
      </c>
      <c r="IE29" s="134">
        <v>149495</v>
      </c>
      <c r="IF29" s="120">
        <v>1077973</v>
      </c>
      <c r="IG29" s="119">
        <v>0</v>
      </c>
      <c r="IH29" s="120">
        <v>251656</v>
      </c>
      <c r="II29" s="135">
        <v>1562404</v>
      </c>
      <c r="IJ29" s="126">
        <v>1562404</v>
      </c>
      <c r="IK29" s="219">
        <v>0</v>
      </c>
      <c r="IL29" s="223">
        <v>0</v>
      </c>
      <c r="IM29" s="224">
        <v>0</v>
      </c>
      <c r="IN29" s="127"/>
      <c r="IO29" s="109">
        <v>0</v>
      </c>
      <c r="IP29" s="109">
        <v>0</v>
      </c>
      <c r="IQ29" s="109">
        <v>158825</v>
      </c>
      <c r="IR29" s="109">
        <v>0</v>
      </c>
      <c r="IS29" s="109">
        <v>0</v>
      </c>
      <c r="IT29" s="128">
        <v>158825</v>
      </c>
      <c r="IU29" s="298">
        <v>158825</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55564</v>
      </c>
      <c r="JL29" s="109">
        <v>149495</v>
      </c>
      <c r="JM29" s="109">
        <v>275789</v>
      </c>
      <c r="JN29" s="109">
        <v>0</v>
      </c>
      <c r="JO29" s="109">
        <v>0</v>
      </c>
      <c r="JP29" s="110">
        <v>480848</v>
      </c>
      <c r="JQ29" s="298">
        <v>480848</v>
      </c>
      <c r="JR29" s="129">
        <v>0</v>
      </c>
      <c r="JS29" s="109">
        <v>0</v>
      </c>
      <c r="JT29" s="128">
        <v>0</v>
      </c>
      <c r="JU29" s="108">
        <v>0</v>
      </c>
      <c r="JV29" s="109">
        <v>27716</v>
      </c>
      <c r="JW29" s="109">
        <v>0</v>
      </c>
      <c r="JX29" s="109">
        <v>159519</v>
      </c>
      <c r="JY29" s="109">
        <v>0</v>
      </c>
      <c r="JZ29" s="109">
        <v>0</v>
      </c>
      <c r="KA29" s="110">
        <v>187235</v>
      </c>
      <c r="KB29" s="298">
        <v>187235</v>
      </c>
      <c r="KC29" s="221">
        <v>0</v>
      </c>
      <c r="KD29" s="217">
        <v>0</v>
      </c>
      <c r="KE29" s="110">
        <v>0</v>
      </c>
      <c r="KF29" s="108">
        <v>0</v>
      </c>
      <c r="KG29" s="109">
        <v>0</v>
      </c>
      <c r="KH29" s="109">
        <v>0</v>
      </c>
      <c r="KI29" s="109">
        <v>0</v>
      </c>
      <c r="KJ29" s="109">
        <v>0</v>
      </c>
      <c r="KK29" s="109">
        <v>0</v>
      </c>
      <c r="KL29" s="110">
        <v>0</v>
      </c>
      <c r="KM29" s="130">
        <v>0</v>
      </c>
      <c r="KN29" s="219">
        <v>0</v>
      </c>
      <c r="KO29" s="223">
        <v>0</v>
      </c>
      <c r="KP29" s="224">
        <v>0</v>
      </c>
      <c r="KQ29" s="127"/>
      <c r="KR29" s="109">
        <v>0</v>
      </c>
      <c r="KS29" s="109">
        <v>0</v>
      </c>
      <c r="KT29" s="109">
        <v>483840</v>
      </c>
      <c r="KU29" s="109">
        <v>0</v>
      </c>
      <c r="KV29" s="109">
        <v>251656</v>
      </c>
      <c r="KW29" s="110">
        <v>735496</v>
      </c>
      <c r="KX29" s="298">
        <v>735496</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243760</v>
      </c>
      <c r="ML29" s="109">
        <v>1322086</v>
      </c>
      <c r="MM29" s="109">
        <v>1855460</v>
      </c>
      <c r="MN29" s="109">
        <v>547632</v>
      </c>
      <c r="MO29" s="110">
        <v>3968938</v>
      </c>
      <c r="MP29" s="130">
        <v>3968938</v>
      </c>
      <c r="MQ29" s="129">
        <v>0</v>
      </c>
      <c r="MR29" s="109">
        <v>0</v>
      </c>
      <c r="MS29" s="110">
        <v>0</v>
      </c>
      <c r="MT29" s="132"/>
      <c r="MU29" s="109">
        <v>0</v>
      </c>
      <c r="MV29" s="109">
        <v>0</v>
      </c>
      <c r="MW29" s="109">
        <v>0</v>
      </c>
      <c r="MX29" s="109">
        <v>699907</v>
      </c>
      <c r="MY29" s="109">
        <v>547632</v>
      </c>
      <c r="MZ29" s="110">
        <v>1247539</v>
      </c>
      <c r="NA29" s="130">
        <v>1247539</v>
      </c>
      <c r="NB29" s="129">
        <v>0</v>
      </c>
      <c r="NC29" s="109">
        <v>0</v>
      </c>
      <c r="ND29" s="110">
        <v>0</v>
      </c>
      <c r="NE29" s="132"/>
      <c r="NF29" s="109">
        <v>0</v>
      </c>
      <c r="NG29" s="109">
        <v>243760</v>
      </c>
      <c r="NH29" s="109">
        <v>1322086</v>
      </c>
      <c r="NI29" s="109">
        <v>1155553</v>
      </c>
      <c r="NJ29" s="109">
        <v>0</v>
      </c>
      <c r="NK29" s="110">
        <v>2721399</v>
      </c>
      <c r="NL29" s="298">
        <v>2721399</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486665</v>
      </c>
      <c r="OJ29" s="109">
        <v>219855</v>
      </c>
      <c r="OK29" s="128">
        <v>706520</v>
      </c>
      <c r="OL29" s="108">
        <v>0</v>
      </c>
      <c r="OM29" s="109">
        <v>2161201</v>
      </c>
      <c r="ON29" s="109">
        <v>3273054</v>
      </c>
      <c r="OO29" s="109">
        <v>4402706</v>
      </c>
      <c r="OP29" s="109">
        <v>3347121</v>
      </c>
      <c r="OQ29" s="109">
        <v>1379150</v>
      </c>
      <c r="OR29" s="110">
        <v>14563232</v>
      </c>
      <c r="OS29" s="130">
        <v>15269752</v>
      </c>
    </row>
    <row r="30" spans="2:409" ht="21" customHeight="1" x14ac:dyDescent="0.2">
      <c r="B30" s="472" t="s">
        <v>25</v>
      </c>
      <c r="C30" s="100">
        <v>98625</v>
      </c>
      <c r="D30" s="104">
        <v>320273</v>
      </c>
      <c r="E30" s="103">
        <v>418898</v>
      </c>
      <c r="F30" s="99">
        <v>0</v>
      </c>
      <c r="G30" s="104">
        <v>1479804</v>
      </c>
      <c r="H30" s="104">
        <v>1140867</v>
      </c>
      <c r="I30" s="104">
        <v>1505163</v>
      </c>
      <c r="J30" s="104">
        <v>1367708</v>
      </c>
      <c r="K30" s="104">
        <v>708634</v>
      </c>
      <c r="L30" s="160">
        <v>6202176</v>
      </c>
      <c r="M30" s="106">
        <v>6621074</v>
      </c>
      <c r="N30" s="100">
        <v>0</v>
      </c>
      <c r="O30" s="104">
        <v>86260</v>
      </c>
      <c r="P30" s="103">
        <v>86260</v>
      </c>
      <c r="Q30" s="100">
        <v>0</v>
      </c>
      <c r="R30" s="104">
        <v>285086</v>
      </c>
      <c r="S30" s="104">
        <v>184794</v>
      </c>
      <c r="T30" s="104">
        <v>588415</v>
      </c>
      <c r="U30" s="104">
        <v>393870</v>
      </c>
      <c r="V30" s="104">
        <v>406059</v>
      </c>
      <c r="W30" s="103">
        <v>1858224</v>
      </c>
      <c r="X30" s="106">
        <v>1944484</v>
      </c>
      <c r="Y30" s="100">
        <v>0</v>
      </c>
      <c r="Z30" s="104">
        <v>0</v>
      </c>
      <c r="AA30" s="103">
        <v>0</v>
      </c>
      <c r="AB30" s="100">
        <v>0</v>
      </c>
      <c r="AC30" s="104">
        <v>151039</v>
      </c>
      <c r="AD30" s="104">
        <v>95545</v>
      </c>
      <c r="AE30" s="104">
        <v>193753</v>
      </c>
      <c r="AF30" s="104">
        <v>272592</v>
      </c>
      <c r="AG30" s="104">
        <v>240509</v>
      </c>
      <c r="AH30" s="103">
        <v>953438</v>
      </c>
      <c r="AI30" s="106">
        <v>953438</v>
      </c>
      <c r="AJ30" s="100">
        <v>0</v>
      </c>
      <c r="AK30" s="104">
        <v>0</v>
      </c>
      <c r="AL30" s="103">
        <v>0</v>
      </c>
      <c r="AM30" s="100">
        <v>0</v>
      </c>
      <c r="AN30" s="104">
        <v>0</v>
      </c>
      <c r="AO30" s="104">
        <v>0</v>
      </c>
      <c r="AP30" s="104">
        <v>70619</v>
      </c>
      <c r="AQ30" s="104">
        <v>0</v>
      </c>
      <c r="AR30" s="104">
        <v>0</v>
      </c>
      <c r="AS30" s="103">
        <v>70619</v>
      </c>
      <c r="AT30" s="106">
        <v>70619</v>
      </c>
      <c r="AU30" s="100">
        <v>0</v>
      </c>
      <c r="AV30" s="104">
        <v>42491</v>
      </c>
      <c r="AW30" s="103">
        <v>42491</v>
      </c>
      <c r="AX30" s="100">
        <v>0</v>
      </c>
      <c r="AY30" s="104">
        <v>82439</v>
      </c>
      <c r="AZ30" s="104">
        <v>58188</v>
      </c>
      <c r="BA30" s="104">
        <v>241999</v>
      </c>
      <c r="BB30" s="104">
        <v>79374</v>
      </c>
      <c r="BC30" s="104">
        <v>137422</v>
      </c>
      <c r="BD30" s="103">
        <v>599422</v>
      </c>
      <c r="BE30" s="106">
        <v>641913</v>
      </c>
      <c r="BF30" s="100">
        <v>0</v>
      </c>
      <c r="BG30" s="104">
        <v>31193</v>
      </c>
      <c r="BH30" s="102">
        <v>31193</v>
      </c>
      <c r="BI30" s="101">
        <v>0</v>
      </c>
      <c r="BJ30" s="104">
        <v>0</v>
      </c>
      <c r="BK30" s="104">
        <v>10853</v>
      </c>
      <c r="BL30" s="104">
        <v>57644</v>
      </c>
      <c r="BM30" s="104">
        <v>0</v>
      </c>
      <c r="BN30" s="104">
        <v>0</v>
      </c>
      <c r="BO30" s="103">
        <v>68497</v>
      </c>
      <c r="BP30" s="106">
        <v>99690</v>
      </c>
      <c r="BQ30" s="100">
        <v>0</v>
      </c>
      <c r="BR30" s="104">
        <v>12576</v>
      </c>
      <c r="BS30" s="103">
        <v>12576</v>
      </c>
      <c r="BT30" s="100">
        <v>0</v>
      </c>
      <c r="BU30" s="104">
        <v>51608</v>
      </c>
      <c r="BV30" s="104">
        <v>20208</v>
      </c>
      <c r="BW30" s="104">
        <v>24400</v>
      </c>
      <c r="BX30" s="104">
        <v>41904</v>
      </c>
      <c r="BY30" s="104">
        <v>28128</v>
      </c>
      <c r="BZ30" s="103">
        <v>166248</v>
      </c>
      <c r="CA30" s="106">
        <v>178824</v>
      </c>
      <c r="CB30" s="100">
        <v>78353</v>
      </c>
      <c r="CC30" s="104">
        <v>36431</v>
      </c>
      <c r="CD30" s="103">
        <v>114784</v>
      </c>
      <c r="CE30" s="100">
        <v>0</v>
      </c>
      <c r="CF30" s="104">
        <v>646859</v>
      </c>
      <c r="CG30" s="104">
        <v>631171</v>
      </c>
      <c r="CH30" s="104">
        <v>332096</v>
      </c>
      <c r="CI30" s="104">
        <v>335391</v>
      </c>
      <c r="CJ30" s="104">
        <v>205100</v>
      </c>
      <c r="CK30" s="103">
        <v>2150617</v>
      </c>
      <c r="CL30" s="106">
        <v>2265401</v>
      </c>
      <c r="CM30" s="100">
        <v>0</v>
      </c>
      <c r="CN30" s="104">
        <v>0</v>
      </c>
      <c r="CO30" s="103">
        <v>0</v>
      </c>
      <c r="CP30" s="101">
        <v>0</v>
      </c>
      <c r="CQ30" s="104">
        <v>436958</v>
      </c>
      <c r="CR30" s="104">
        <v>74836</v>
      </c>
      <c r="CS30" s="104">
        <v>95678</v>
      </c>
      <c r="CT30" s="104">
        <v>250156</v>
      </c>
      <c r="CU30" s="104">
        <v>0</v>
      </c>
      <c r="CV30" s="103">
        <v>857628</v>
      </c>
      <c r="CW30" s="106">
        <v>857628</v>
      </c>
      <c r="CX30" s="100">
        <v>78353</v>
      </c>
      <c r="CY30" s="104">
        <v>36431</v>
      </c>
      <c r="CZ30" s="103">
        <v>114784</v>
      </c>
      <c r="DA30" s="100">
        <v>0</v>
      </c>
      <c r="DB30" s="104">
        <v>209901</v>
      </c>
      <c r="DC30" s="104">
        <v>556335</v>
      </c>
      <c r="DD30" s="104">
        <v>236418</v>
      </c>
      <c r="DE30" s="104">
        <v>85235</v>
      </c>
      <c r="DF30" s="104">
        <v>205100</v>
      </c>
      <c r="DG30" s="103">
        <v>1292989</v>
      </c>
      <c r="DH30" s="106">
        <v>1407773</v>
      </c>
      <c r="DI30" s="100">
        <v>0</v>
      </c>
      <c r="DJ30" s="104">
        <v>53683</v>
      </c>
      <c r="DK30" s="102">
        <v>53683</v>
      </c>
      <c r="DL30" s="101">
        <v>0</v>
      </c>
      <c r="DM30" s="104">
        <v>193010</v>
      </c>
      <c r="DN30" s="104">
        <v>35869</v>
      </c>
      <c r="DO30" s="104">
        <v>249117</v>
      </c>
      <c r="DP30" s="104">
        <v>119923</v>
      </c>
      <c r="DQ30" s="104">
        <v>0</v>
      </c>
      <c r="DR30" s="103">
        <v>597919</v>
      </c>
      <c r="DS30" s="106">
        <v>651602</v>
      </c>
      <c r="DT30" s="100">
        <v>0</v>
      </c>
      <c r="DU30" s="104">
        <v>53683</v>
      </c>
      <c r="DV30" s="103">
        <v>53683</v>
      </c>
      <c r="DW30" s="100">
        <v>0</v>
      </c>
      <c r="DX30" s="104">
        <v>182243</v>
      </c>
      <c r="DY30" s="104">
        <v>35869</v>
      </c>
      <c r="DZ30" s="104">
        <v>61503</v>
      </c>
      <c r="EA30" s="104">
        <v>119923</v>
      </c>
      <c r="EB30" s="104">
        <v>0</v>
      </c>
      <c r="EC30" s="103">
        <v>399538</v>
      </c>
      <c r="ED30" s="106">
        <v>453221</v>
      </c>
      <c r="EE30" s="100">
        <v>0</v>
      </c>
      <c r="EF30" s="102">
        <v>0</v>
      </c>
      <c r="EG30" s="103">
        <v>0</v>
      </c>
      <c r="EH30" s="100">
        <v>0</v>
      </c>
      <c r="EI30" s="104">
        <v>10767</v>
      </c>
      <c r="EJ30" s="104">
        <v>0</v>
      </c>
      <c r="EK30" s="104">
        <v>187614</v>
      </c>
      <c r="EL30" s="104">
        <v>0</v>
      </c>
      <c r="EM30" s="104">
        <v>0</v>
      </c>
      <c r="EN30" s="102">
        <v>198381</v>
      </c>
      <c r="EO30" s="106">
        <v>198381</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v>0</v>
      </c>
      <c r="FE30" s="104">
        <v>0</v>
      </c>
      <c r="FF30" s="104">
        <v>0</v>
      </c>
      <c r="FG30" s="104">
        <v>0</v>
      </c>
      <c r="FH30" s="104">
        <v>0</v>
      </c>
      <c r="FI30" s="104">
        <v>0</v>
      </c>
      <c r="FJ30" s="103">
        <v>0</v>
      </c>
      <c r="FK30" s="106">
        <v>0</v>
      </c>
      <c r="FL30" s="100">
        <v>20272</v>
      </c>
      <c r="FM30" s="104">
        <v>52048</v>
      </c>
      <c r="FN30" s="103">
        <v>72320</v>
      </c>
      <c r="FO30" s="100">
        <v>0</v>
      </c>
      <c r="FP30" s="104">
        <v>32800</v>
      </c>
      <c r="FQ30" s="104">
        <v>103424</v>
      </c>
      <c r="FR30" s="104">
        <v>139360</v>
      </c>
      <c r="FS30" s="104">
        <v>75504</v>
      </c>
      <c r="FT30" s="104">
        <v>28656</v>
      </c>
      <c r="FU30" s="103">
        <v>379744</v>
      </c>
      <c r="FV30" s="106">
        <v>452064</v>
      </c>
      <c r="FW30" s="105">
        <v>20272</v>
      </c>
      <c r="FX30" s="104">
        <v>52048</v>
      </c>
      <c r="FY30" s="102">
        <v>72320</v>
      </c>
      <c r="FZ30" s="101">
        <v>0</v>
      </c>
      <c r="GA30" s="104">
        <v>8800</v>
      </c>
      <c r="GB30" s="104">
        <v>103424</v>
      </c>
      <c r="GC30" s="104">
        <v>139360</v>
      </c>
      <c r="GD30" s="104">
        <v>75504</v>
      </c>
      <c r="GE30" s="104">
        <v>28656</v>
      </c>
      <c r="GF30" s="103">
        <v>355744</v>
      </c>
      <c r="GG30" s="296">
        <v>428064</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24000</v>
      </c>
      <c r="GX30" s="104">
        <v>0</v>
      </c>
      <c r="GY30" s="104">
        <v>0</v>
      </c>
      <c r="GZ30" s="104">
        <v>0</v>
      </c>
      <c r="HA30" s="104">
        <v>0</v>
      </c>
      <c r="HB30" s="102">
        <v>24000</v>
      </c>
      <c r="HC30" s="106">
        <v>24000</v>
      </c>
      <c r="HD30" s="100">
        <v>0</v>
      </c>
      <c r="HE30" s="104">
        <v>91851</v>
      </c>
      <c r="HF30" s="102">
        <v>91851</v>
      </c>
      <c r="HG30" s="101">
        <v>0</v>
      </c>
      <c r="HH30" s="104">
        <v>322049</v>
      </c>
      <c r="HI30" s="104">
        <v>185609</v>
      </c>
      <c r="HJ30" s="104">
        <v>196175</v>
      </c>
      <c r="HK30" s="104">
        <v>443020</v>
      </c>
      <c r="HL30" s="104">
        <v>68819</v>
      </c>
      <c r="HM30" s="103">
        <v>1215672</v>
      </c>
      <c r="HN30" s="99">
        <v>1307523</v>
      </c>
      <c r="HO30" s="306"/>
      <c r="HP30" s="307"/>
      <c r="HQ30" s="308"/>
      <c r="HR30" s="309"/>
      <c r="HS30" s="307"/>
      <c r="HT30" s="307"/>
      <c r="HU30" s="307"/>
      <c r="HV30" s="307"/>
      <c r="HW30" s="307"/>
      <c r="HX30" s="310"/>
      <c r="HY30" s="311"/>
      <c r="HZ30" s="137">
        <v>41280</v>
      </c>
      <c r="IA30" s="122">
        <v>0</v>
      </c>
      <c r="IB30" s="137">
        <v>41280</v>
      </c>
      <c r="IC30" s="121">
        <v>0</v>
      </c>
      <c r="ID30" s="122">
        <v>176024</v>
      </c>
      <c r="IE30" s="123">
        <v>67589</v>
      </c>
      <c r="IF30" s="124">
        <v>0</v>
      </c>
      <c r="IG30" s="122">
        <v>0</v>
      </c>
      <c r="IH30" s="124">
        <v>0</v>
      </c>
      <c r="II30" s="125">
        <v>243613</v>
      </c>
      <c r="IJ30" s="137">
        <v>284893</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176024</v>
      </c>
      <c r="JL30" s="109">
        <v>67589</v>
      </c>
      <c r="JM30" s="109">
        <v>0</v>
      </c>
      <c r="JN30" s="109">
        <v>0</v>
      </c>
      <c r="JO30" s="109">
        <v>0</v>
      </c>
      <c r="JP30" s="110">
        <v>243613</v>
      </c>
      <c r="JQ30" s="298">
        <v>243613</v>
      </c>
      <c r="JR30" s="129">
        <v>0</v>
      </c>
      <c r="JS30" s="109">
        <v>0</v>
      </c>
      <c r="JT30" s="128">
        <v>0</v>
      </c>
      <c r="JU30" s="108">
        <v>0</v>
      </c>
      <c r="JV30" s="109">
        <v>0</v>
      </c>
      <c r="JW30" s="109">
        <v>0</v>
      </c>
      <c r="JX30" s="109">
        <v>0</v>
      </c>
      <c r="JY30" s="109">
        <v>0</v>
      </c>
      <c r="JZ30" s="109">
        <v>0</v>
      </c>
      <c r="KA30" s="110">
        <v>0</v>
      </c>
      <c r="KB30" s="298">
        <v>0</v>
      </c>
      <c r="KC30" s="221">
        <v>41280</v>
      </c>
      <c r="KD30" s="217">
        <v>0</v>
      </c>
      <c r="KE30" s="110">
        <v>41280</v>
      </c>
      <c r="KF30" s="108">
        <v>0</v>
      </c>
      <c r="KG30" s="109">
        <v>0</v>
      </c>
      <c r="KH30" s="109">
        <v>0</v>
      </c>
      <c r="KI30" s="109">
        <v>0</v>
      </c>
      <c r="KJ30" s="109">
        <v>0</v>
      </c>
      <c r="KK30" s="109">
        <v>0</v>
      </c>
      <c r="KL30" s="110">
        <v>0</v>
      </c>
      <c r="KM30" s="130">
        <v>41280</v>
      </c>
      <c r="KN30" s="219">
        <v>0</v>
      </c>
      <c r="KO30" s="223">
        <v>0</v>
      </c>
      <c r="KP30" s="224">
        <v>0</v>
      </c>
      <c r="KQ30" s="127"/>
      <c r="KR30" s="109">
        <v>0</v>
      </c>
      <c r="KS30" s="109">
        <v>0</v>
      </c>
      <c r="KT30" s="109">
        <v>0</v>
      </c>
      <c r="KU30" s="109">
        <v>0</v>
      </c>
      <c r="KV30" s="109">
        <v>0</v>
      </c>
      <c r="KW30" s="110">
        <v>0</v>
      </c>
      <c r="KX30" s="298">
        <v>0</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581127</v>
      </c>
      <c r="MK30" s="109">
        <v>519371</v>
      </c>
      <c r="ML30" s="109">
        <v>1254766</v>
      </c>
      <c r="MM30" s="109">
        <v>440366</v>
      </c>
      <c r="MN30" s="109">
        <v>1211578</v>
      </c>
      <c r="MO30" s="110">
        <v>4007208</v>
      </c>
      <c r="MP30" s="130">
        <v>4007208</v>
      </c>
      <c r="MQ30" s="129">
        <v>0</v>
      </c>
      <c r="MR30" s="109">
        <v>0</v>
      </c>
      <c r="MS30" s="110">
        <v>0</v>
      </c>
      <c r="MT30" s="132"/>
      <c r="MU30" s="109">
        <v>0</v>
      </c>
      <c r="MV30" s="109">
        <v>208531</v>
      </c>
      <c r="MW30" s="109">
        <v>1220415</v>
      </c>
      <c r="MX30" s="109">
        <v>254770</v>
      </c>
      <c r="MY30" s="109">
        <v>538474</v>
      </c>
      <c r="MZ30" s="110">
        <v>2222190</v>
      </c>
      <c r="NA30" s="130">
        <v>2222190</v>
      </c>
      <c r="NB30" s="129">
        <v>0</v>
      </c>
      <c r="NC30" s="109">
        <v>0</v>
      </c>
      <c r="ND30" s="110">
        <v>0</v>
      </c>
      <c r="NE30" s="132"/>
      <c r="NF30" s="109">
        <v>581127</v>
      </c>
      <c r="NG30" s="109">
        <v>310840</v>
      </c>
      <c r="NH30" s="109">
        <v>34351</v>
      </c>
      <c r="NI30" s="109">
        <v>185596</v>
      </c>
      <c r="NJ30" s="109">
        <v>673104</v>
      </c>
      <c r="NK30" s="110">
        <v>1785018</v>
      </c>
      <c r="NL30" s="298">
        <v>1785018</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139905</v>
      </c>
      <c r="OJ30" s="109">
        <v>320273</v>
      </c>
      <c r="OK30" s="128">
        <v>460178</v>
      </c>
      <c r="OL30" s="108">
        <v>0</v>
      </c>
      <c r="OM30" s="109">
        <v>2236955</v>
      </c>
      <c r="ON30" s="109">
        <v>1727827</v>
      </c>
      <c r="OO30" s="109">
        <v>2759929</v>
      </c>
      <c r="OP30" s="109">
        <v>1808074</v>
      </c>
      <c r="OQ30" s="109">
        <v>1920212</v>
      </c>
      <c r="OR30" s="110">
        <v>10452997</v>
      </c>
      <c r="OS30" s="130">
        <v>10913175</v>
      </c>
    </row>
    <row r="31" spans="2:409" ht="21" customHeight="1" x14ac:dyDescent="0.2">
      <c r="B31" s="472" t="s">
        <v>26</v>
      </c>
      <c r="C31" s="100">
        <v>244377</v>
      </c>
      <c r="D31" s="104">
        <v>16224</v>
      </c>
      <c r="E31" s="103">
        <v>260601</v>
      </c>
      <c r="F31" s="99">
        <v>0</v>
      </c>
      <c r="G31" s="104">
        <v>1288959</v>
      </c>
      <c r="H31" s="104">
        <v>2092120</v>
      </c>
      <c r="I31" s="104">
        <v>1802384</v>
      </c>
      <c r="J31" s="104">
        <v>340832</v>
      </c>
      <c r="K31" s="104">
        <v>300758</v>
      </c>
      <c r="L31" s="160">
        <v>5825053</v>
      </c>
      <c r="M31" s="106">
        <v>6085654</v>
      </c>
      <c r="N31" s="100">
        <v>34187</v>
      </c>
      <c r="O31" s="104">
        <v>0</v>
      </c>
      <c r="P31" s="103">
        <v>34187</v>
      </c>
      <c r="Q31" s="100">
        <v>0</v>
      </c>
      <c r="R31" s="104">
        <v>366703</v>
      </c>
      <c r="S31" s="104">
        <v>933256</v>
      </c>
      <c r="T31" s="104">
        <v>935145</v>
      </c>
      <c r="U31" s="104">
        <v>268112</v>
      </c>
      <c r="V31" s="104">
        <v>122204</v>
      </c>
      <c r="W31" s="103">
        <v>2625420</v>
      </c>
      <c r="X31" s="106">
        <v>2659607</v>
      </c>
      <c r="Y31" s="100">
        <v>0</v>
      </c>
      <c r="Z31" s="104">
        <v>0</v>
      </c>
      <c r="AA31" s="103">
        <v>0</v>
      </c>
      <c r="AB31" s="100">
        <v>0</v>
      </c>
      <c r="AC31" s="104">
        <v>295128</v>
      </c>
      <c r="AD31" s="104">
        <v>602839</v>
      </c>
      <c r="AE31" s="104">
        <v>647764</v>
      </c>
      <c r="AF31" s="104">
        <v>77788</v>
      </c>
      <c r="AG31" s="104">
        <v>0</v>
      </c>
      <c r="AH31" s="103">
        <v>1623519</v>
      </c>
      <c r="AI31" s="106">
        <v>1623519</v>
      </c>
      <c r="AJ31" s="100">
        <v>0</v>
      </c>
      <c r="AK31" s="104">
        <v>0</v>
      </c>
      <c r="AL31" s="103">
        <v>0</v>
      </c>
      <c r="AM31" s="100">
        <v>0</v>
      </c>
      <c r="AN31" s="104">
        <v>0</v>
      </c>
      <c r="AO31" s="104">
        <v>0</v>
      </c>
      <c r="AP31" s="104">
        <v>0</v>
      </c>
      <c r="AQ31" s="104">
        <v>153900</v>
      </c>
      <c r="AR31" s="104">
        <v>0</v>
      </c>
      <c r="AS31" s="103">
        <v>153900</v>
      </c>
      <c r="AT31" s="106">
        <v>153900</v>
      </c>
      <c r="AU31" s="100">
        <v>0</v>
      </c>
      <c r="AV31" s="104">
        <v>0</v>
      </c>
      <c r="AW31" s="103">
        <v>0</v>
      </c>
      <c r="AX31" s="100">
        <v>0</v>
      </c>
      <c r="AY31" s="104">
        <v>61351</v>
      </c>
      <c r="AZ31" s="104">
        <v>155372</v>
      </c>
      <c r="BA31" s="104">
        <v>194589</v>
      </c>
      <c r="BB31" s="104">
        <v>0</v>
      </c>
      <c r="BC31" s="104">
        <v>112668</v>
      </c>
      <c r="BD31" s="103">
        <v>523980</v>
      </c>
      <c r="BE31" s="106">
        <v>523980</v>
      </c>
      <c r="BF31" s="100">
        <v>23547</v>
      </c>
      <c r="BG31" s="104">
        <v>0</v>
      </c>
      <c r="BH31" s="102">
        <v>23547</v>
      </c>
      <c r="BI31" s="101">
        <v>0</v>
      </c>
      <c r="BJ31" s="104">
        <v>0</v>
      </c>
      <c r="BK31" s="104">
        <v>114637</v>
      </c>
      <c r="BL31" s="104">
        <v>0</v>
      </c>
      <c r="BM31" s="104">
        <v>0</v>
      </c>
      <c r="BN31" s="104">
        <v>0</v>
      </c>
      <c r="BO31" s="103">
        <v>114637</v>
      </c>
      <c r="BP31" s="106">
        <v>138184</v>
      </c>
      <c r="BQ31" s="100">
        <v>10640</v>
      </c>
      <c r="BR31" s="104">
        <v>0</v>
      </c>
      <c r="BS31" s="103">
        <v>10640</v>
      </c>
      <c r="BT31" s="100">
        <v>0</v>
      </c>
      <c r="BU31" s="104">
        <v>10224</v>
      </c>
      <c r="BV31" s="104">
        <v>60408</v>
      </c>
      <c r="BW31" s="104">
        <v>92792</v>
      </c>
      <c r="BX31" s="104">
        <v>36424</v>
      </c>
      <c r="BY31" s="104">
        <v>9536</v>
      </c>
      <c r="BZ31" s="103">
        <v>209384</v>
      </c>
      <c r="CA31" s="106">
        <v>220024</v>
      </c>
      <c r="CB31" s="100">
        <v>0</v>
      </c>
      <c r="CC31" s="104">
        <v>0</v>
      </c>
      <c r="CD31" s="103">
        <v>0</v>
      </c>
      <c r="CE31" s="100">
        <v>0</v>
      </c>
      <c r="CF31" s="104">
        <v>575932</v>
      </c>
      <c r="CG31" s="104">
        <v>506544</v>
      </c>
      <c r="CH31" s="104">
        <v>265194</v>
      </c>
      <c r="CI31" s="104">
        <v>0</v>
      </c>
      <c r="CJ31" s="104">
        <v>0</v>
      </c>
      <c r="CK31" s="103">
        <v>1347670</v>
      </c>
      <c r="CL31" s="106">
        <v>1347670</v>
      </c>
      <c r="CM31" s="100">
        <v>0</v>
      </c>
      <c r="CN31" s="104">
        <v>0</v>
      </c>
      <c r="CO31" s="103">
        <v>0</v>
      </c>
      <c r="CP31" s="101">
        <v>0</v>
      </c>
      <c r="CQ31" s="104">
        <v>413237</v>
      </c>
      <c r="CR31" s="104">
        <v>407649</v>
      </c>
      <c r="CS31" s="104">
        <v>190009</v>
      </c>
      <c r="CT31" s="104">
        <v>0</v>
      </c>
      <c r="CU31" s="104">
        <v>0</v>
      </c>
      <c r="CV31" s="103">
        <v>1010895</v>
      </c>
      <c r="CW31" s="106">
        <v>1010895</v>
      </c>
      <c r="CX31" s="100">
        <v>0</v>
      </c>
      <c r="CY31" s="104">
        <v>0</v>
      </c>
      <c r="CZ31" s="103">
        <v>0</v>
      </c>
      <c r="DA31" s="100">
        <v>0</v>
      </c>
      <c r="DB31" s="104">
        <v>162695</v>
      </c>
      <c r="DC31" s="104">
        <v>98895</v>
      </c>
      <c r="DD31" s="104">
        <v>75185</v>
      </c>
      <c r="DE31" s="104">
        <v>0</v>
      </c>
      <c r="DF31" s="104">
        <v>0</v>
      </c>
      <c r="DG31" s="103">
        <v>336775</v>
      </c>
      <c r="DH31" s="106">
        <v>336775</v>
      </c>
      <c r="DI31" s="100">
        <v>0</v>
      </c>
      <c r="DJ31" s="104">
        <v>0</v>
      </c>
      <c r="DK31" s="102">
        <v>0</v>
      </c>
      <c r="DL31" s="101">
        <v>0</v>
      </c>
      <c r="DM31" s="104">
        <v>93792</v>
      </c>
      <c r="DN31" s="104">
        <v>165919</v>
      </c>
      <c r="DO31" s="104">
        <v>138877</v>
      </c>
      <c r="DP31" s="104">
        <v>0</v>
      </c>
      <c r="DQ31" s="104">
        <v>43330</v>
      </c>
      <c r="DR31" s="103">
        <v>441918</v>
      </c>
      <c r="DS31" s="106">
        <v>441918</v>
      </c>
      <c r="DT31" s="100">
        <v>0</v>
      </c>
      <c r="DU31" s="104">
        <v>0</v>
      </c>
      <c r="DV31" s="103">
        <v>0</v>
      </c>
      <c r="DW31" s="100">
        <v>0</v>
      </c>
      <c r="DX31" s="104">
        <v>93792</v>
      </c>
      <c r="DY31" s="104">
        <v>165919</v>
      </c>
      <c r="DZ31" s="104">
        <v>48880</v>
      </c>
      <c r="EA31" s="104">
        <v>0</v>
      </c>
      <c r="EB31" s="104">
        <v>43330</v>
      </c>
      <c r="EC31" s="103">
        <v>351921</v>
      </c>
      <c r="ED31" s="106">
        <v>351921</v>
      </c>
      <c r="EE31" s="100">
        <v>0</v>
      </c>
      <c r="EF31" s="102">
        <v>0</v>
      </c>
      <c r="EG31" s="103">
        <v>0</v>
      </c>
      <c r="EH31" s="100">
        <v>0</v>
      </c>
      <c r="EI31" s="104">
        <v>0</v>
      </c>
      <c r="EJ31" s="104">
        <v>0</v>
      </c>
      <c r="EK31" s="104">
        <v>89997</v>
      </c>
      <c r="EL31" s="104">
        <v>0</v>
      </c>
      <c r="EM31" s="104">
        <v>0</v>
      </c>
      <c r="EN31" s="102">
        <v>89997</v>
      </c>
      <c r="EO31" s="106">
        <v>89997</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v>0</v>
      </c>
      <c r="FE31" s="104">
        <v>0</v>
      </c>
      <c r="FF31" s="104">
        <v>0</v>
      </c>
      <c r="FG31" s="104">
        <v>0</v>
      </c>
      <c r="FH31" s="104">
        <v>0</v>
      </c>
      <c r="FI31" s="104">
        <v>0</v>
      </c>
      <c r="FJ31" s="103">
        <v>0</v>
      </c>
      <c r="FK31" s="106">
        <v>0</v>
      </c>
      <c r="FL31" s="100">
        <v>156160</v>
      </c>
      <c r="FM31" s="104">
        <v>16224</v>
      </c>
      <c r="FN31" s="103">
        <v>172384</v>
      </c>
      <c r="FO31" s="100">
        <v>0</v>
      </c>
      <c r="FP31" s="104">
        <v>95320</v>
      </c>
      <c r="FQ31" s="104">
        <v>132720</v>
      </c>
      <c r="FR31" s="104">
        <v>168448</v>
      </c>
      <c r="FS31" s="104">
        <v>72720</v>
      </c>
      <c r="FT31" s="104">
        <v>135224</v>
      </c>
      <c r="FU31" s="103">
        <v>604432</v>
      </c>
      <c r="FV31" s="106">
        <v>776816</v>
      </c>
      <c r="FW31" s="105">
        <v>37360</v>
      </c>
      <c r="FX31" s="104">
        <v>16224</v>
      </c>
      <c r="FY31" s="102">
        <v>53584</v>
      </c>
      <c r="FZ31" s="101">
        <v>0</v>
      </c>
      <c r="GA31" s="104">
        <v>95320</v>
      </c>
      <c r="GB31" s="104">
        <v>132720</v>
      </c>
      <c r="GC31" s="104">
        <v>147328</v>
      </c>
      <c r="GD31" s="104">
        <v>72720</v>
      </c>
      <c r="GE31" s="104">
        <v>31384</v>
      </c>
      <c r="GF31" s="103">
        <v>479472</v>
      </c>
      <c r="GG31" s="296">
        <v>533056</v>
      </c>
      <c r="GH31" s="105">
        <v>0</v>
      </c>
      <c r="GI31" s="104">
        <v>0</v>
      </c>
      <c r="GJ31" s="102">
        <v>0</v>
      </c>
      <c r="GK31" s="101">
        <v>0</v>
      </c>
      <c r="GL31" s="104">
        <v>0</v>
      </c>
      <c r="GM31" s="104">
        <v>0</v>
      </c>
      <c r="GN31" s="104">
        <v>21120</v>
      </c>
      <c r="GO31" s="104">
        <v>0</v>
      </c>
      <c r="GP31" s="104">
        <v>0</v>
      </c>
      <c r="GQ31" s="103">
        <v>21120</v>
      </c>
      <c r="GR31" s="106">
        <v>21120</v>
      </c>
      <c r="GS31" s="100">
        <v>118800</v>
      </c>
      <c r="GT31" s="104">
        <v>0</v>
      </c>
      <c r="GU31" s="103">
        <v>118800</v>
      </c>
      <c r="GV31" s="100">
        <v>0</v>
      </c>
      <c r="GW31" s="104">
        <v>0</v>
      </c>
      <c r="GX31" s="104">
        <v>0</v>
      </c>
      <c r="GY31" s="104">
        <v>0</v>
      </c>
      <c r="GZ31" s="104">
        <v>0</v>
      </c>
      <c r="HA31" s="104">
        <v>103840</v>
      </c>
      <c r="HB31" s="102">
        <v>103840</v>
      </c>
      <c r="HC31" s="106">
        <v>222640</v>
      </c>
      <c r="HD31" s="100">
        <v>54030</v>
      </c>
      <c r="HE31" s="104">
        <v>0</v>
      </c>
      <c r="HF31" s="102">
        <v>54030</v>
      </c>
      <c r="HG31" s="101">
        <v>0</v>
      </c>
      <c r="HH31" s="104">
        <v>157212</v>
      </c>
      <c r="HI31" s="104">
        <v>353681</v>
      </c>
      <c r="HJ31" s="104">
        <v>294720</v>
      </c>
      <c r="HK31" s="104">
        <v>0</v>
      </c>
      <c r="HL31" s="104">
        <v>0</v>
      </c>
      <c r="HM31" s="103">
        <v>805613</v>
      </c>
      <c r="HN31" s="99">
        <v>859643</v>
      </c>
      <c r="HO31" s="306"/>
      <c r="HP31" s="307"/>
      <c r="HQ31" s="308"/>
      <c r="HR31" s="309"/>
      <c r="HS31" s="307"/>
      <c r="HT31" s="307"/>
      <c r="HU31" s="307"/>
      <c r="HV31" s="307"/>
      <c r="HW31" s="307"/>
      <c r="HX31" s="310"/>
      <c r="HY31" s="311"/>
      <c r="HZ31" s="118">
        <v>0</v>
      </c>
      <c r="IA31" s="119">
        <v>0</v>
      </c>
      <c r="IB31" s="120">
        <v>0</v>
      </c>
      <c r="IC31" s="133">
        <v>0</v>
      </c>
      <c r="ID31" s="119">
        <v>293464</v>
      </c>
      <c r="IE31" s="134">
        <v>596649</v>
      </c>
      <c r="IF31" s="120">
        <v>416921</v>
      </c>
      <c r="IG31" s="119">
        <v>255566</v>
      </c>
      <c r="IH31" s="120">
        <v>0</v>
      </c>
      <c r="II31" s="135">
        <v>1562600</v>
      </c>
      <c r="IJ31" s="126">
        <v>1562600</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266491</v>
      </c>
      <c r="JL31" s="109">
        <v>355485</v>
      </c>
      <c r="JM31" s="109">
        <v>41383</v>
      </c>
      <c r="JN31" s="109">
        <v>0</v>
      </c>
      <c r="JO31" s="109">
        <v>0</v>
      </c>
      <c r="JP31" s="110">
        <v>663359</v>
      </c>
      <c r="JQ31" s="298">
        <v>663359</v>
      </c>
      <c r="JR31" s="129">
        <v>0</v>
      </c>
      <c r="JS31" s="109">
        <v>0</v>
      </c>
      <c r="JT31" s="128">
        <v>0</v>
      </c>
      <c r="JU31" s="108">
        <v>0</v>
      </c>
      <c r="JV31" s="109">
        <v>26973</v>
      </c>
      <c r="JW31" s="109">
        <v>0</v>
      </c>
      <c r="JX31" s="109">
        <v>117984</v>
      </c>
      <c r="JY31" s="109">
        <v>0</v>
      </c>
      <c r="JZ31" s="109">
        <v>0</v>
      </c>
      <c r="KA31" s="110">
        <v>144957</v>
      </c>
      <c r="KB31" s="298">
        <v>144957</v>
      </c>
      <c r="KC31" s="221">
        <v>0</v>
      </c>
      <c r="KD31" s="217">
        <v>0</v>
      </c>
      <c r="KE31" s="110">
        <v>0</v>
      </c>
      <c r="KF31" s="108">
        <v>0</v>
      </c>
      <c r="KG31" s="109">
        <v>0</v>
      </c>
      <c r="KH31" s="109">
        <v>0</v>
      </c>
      <c r="KI31" s="109">
        <v>0</v>
      </c>
      <c r="KJ31" s="109">
        <v>0</v>
      </c>
      <c r="KK31" s="109">
        <v>0</v>
      </c>
      <c r="KL31" s="110">
        <v>0</v>
      </c>
      <c r="KM31" s="130">
        <v>0</v>
      </c>
      <c r="KN31" s="219">
        <v>0</v>
      </c>
      <c r="KO31" s="223">
        <v>0</v>
      </c>
      <c r="KP31" s="224">
        <v>0</v>
      </c>
      <c r="KQ31" s="127"/>
      <c r="KR31" s="109">
        <v>0</v>
      </c>
      <c r="KS31" s="109">
        <v>241164</v>
      </c>
      <c r="KT31" s="109">
        <v>257554</v>
      </c>
      <c r="KU31" s="109">
        <v>255566</v>
      </c>
      <c r="KV31" s="109">
        <v>0</v>
      </c>
      <c r="KW31" s="110">
        <v>754284</v>
      </c>
      <c r="KX31" s="298">
        <v>754284</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0</v>
      </c>
      <c r="MK31" s="109">
        <v>250973</v>
      </c>
      <c r="ML31" s="109">
        <v>983068</v>
      </c>
      <c r="MM31" s="109">
        <v>1029074</v>
      </c>
      <c r="MN31" s="109">
        <v>274261</v>
      </c>
      <c r="MO31" s="110">
        <v>2537376</v>
      </c>
      <c r="MP31" s="130">
        <v>2537376</v>
      </c>
      <c r="MQ31" s="129">
        <v>0</v>
      </c>
      <c r="MR31" s="109">
        <v>0</v>
      </c>
      <c r="MS31" s="110">
        <v>0</v>
      </c>
      <c r="MT31" s="132"/>
      <c r="MU31" s="109">
        <v>0</v>
      </c>
      <c r="MV31" s="109">
        <v>0</v>
      </c>
      <c r="MW31" s="109">
        <v>718120</v>
      </c>
      <c r="MX31" s="109">
        <v>1029074</v>
      </c>
      <c r="MY31" s="109">
        <v>274261</v>
      </c>
      <c r="MZ31" s="110">
        <v>2021455</v>
      </c>
      <c r="NA31" s="130">
        <v>2021455</v>
      </c>
      <c r="NB31" s="129">
        <v>0</v>
      </c>
      <c r="NC31" s="109">
        <v>0</v>
      </c>
      <c r="ND31" s="110">
        <v>0</v>
      </c>
      <c r="NE31" s="132"/>
      <c r="NF31" s="109">
        <v>0</v>
      </c>
      <c r="NG31" s="109">
        <v>250973</v>
      </c>
      <c r="NH31" s="109">
        <v>264948</v>
      </c>
      <c r="NI31" s="109">
        <v>0</v>
      </c>
      <c r="NJ31" s="109">
        <v>0</v>
      </c>
      <c r="NK31" s="110">
        <v>515921</v>
      </c>
      <c r="NL31" s="298">
        <v>515921</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244377</v>
      </c>
      <c r="OJ31" s="109">
        <v>16224</v>
      </c>
      <c r="OK31" s="128">
        <v>260601</v>
      </c>
      <c r="OL31" s="108">
        <v>0</v>
      </c>
      <c r="OM31" s="109">
        <v>1582423</v>
      </c>
      <c r="ON31" s="109">
        <v>2939742</v>
      </c>
      <c r="OO31" s="109">
        <v>3202373</v>
      </c>
      <c r="OP31" s="109">
        <v>1625472</v>
      </c>
      <c r="OQ31" s="109">
        <v>575019</v>
      </c>
      <c r="OR31" s="110">
        <v>9925029</v>
      </c>
      <c r="OS31" s="130">
        <v>10185630</v>
      </c>
    </row>
    <row r="32" spans="2:409" ht="21" customHeight="1" x14ac:dyDescent="0.2">
      <c r="B32" s="472" t="s">
        <v>27</v>
      </c>
      <c r="C32" s="100">
        <v>50656</v>
      </c>
      <c r="D32" s="104">
        <v>353617</v>
      </c>
      <c r="E32" s="103">
        <v>404273</v>
      </c>
      <c r="F32" s="99">
        <v>0</v>
      </c>
      <c r="G32" s="104">
        <v>1377415</v>
      </c>
      <c r="H32" s="104">
        <v>1339176</v>
      </c>
      <c r="I32" s="104">
        <v>1573819</v>
      </c>
      <c r="J32" s="104">
        <v>1659559</v>
      </c>
      <c r="K32" s="104">
        <v>734696</v>
      </c>
      <c r="L32" s="160">
        <v>6684665</v>
      </c>
      <c r="M32" s="106">
        <v>7088938</v>
      </c>
      <c r="N32" s="100">
        <v>15056</v>
      </c>
      <c r="O32" s="104">
        <v>128672</v>
      </c>
      <c r="P32" s="103">
        <v>143728</v>
      </c>
      <c r="Q32" s="100">
        <v>0</v>
      </c>
      <c r="R32" s="104">
        <v>321444</v>
      </c>
      <c r="S32" s="104">
        <v>401128</v>
      </c>
      <c r="T32" s="104">
        <v>666741</v>
      </c>
      <c r="U32" s="104">
        <v>521685</v>
      </c>
      <c r="V32" s="104">
        <v>603199</v>
      </c>
      <c r="W32" s="103">
        <v>2514197</v>
      </c>
      <c r="X32" s="106">
        <v>2657925</v>
      </c>
      <c r="Y32" s="100">
        <v>0</v>
      </c>
      <c r="Z32" s="104">
        <v>0</v>
      </c>
      <c r="AA32" s="103">
        <v>0</v>
      </c>
      <c r="AB32" s="100">
        <v>0</v>
      </c>
      <c r="AC32" s="104">
        <v>67202</v>
      </c>
      <c r="AD32" s="104">
        <v>183430</v>
      </c>
      <c r="AE32" s="104">
        <v>431234</v>
      </c>
      <c r="AF32" s="104">
        <v>303621</v>
      </c>
      <c r="AG32" s="104">
        <v>433371</v>
      </c>
      <c r="AH32" s="103">
        <v>1418858</v>
      </c>
      <c r="AI32" s="106">
        <v>1418858</v>
      </c>
      <c r="AJ32" s="100">
        <v>0</v>
      </c>
      <c r="AK32" s="104">
        <v>0</v>
      </c>
      <c r="AL32" s="103">
        <v>0</v>
      </c>
      <c r="AM32" s="100">
        <v>0</v>
      </c>
      <c r="AN32" s="104">
        <v>0</v>
      </c>
      <c r="AO32" s="104">
        <v>0</v>
      </c>
      <c r="AP32" s="104">
        <v>68979</v>
      </c>
      <c r="AQ32" s="104">
        <v>11386</v>
      </c>
      <c r="AR32" s="104">
        <v>0</v>
      </c>
      <c r="AS32" s="103">
        <v>80365</v>
      </c>
      <c r="AT32" s="106">
        <v>80365</v>
      </c>
      <c r="AU32" s="100">
        <v>0</v>
      </c>
      <c r="AV32" s="104">
        <v>115376</v>
      </c>
      <c r="AW32" s="103">
        <v>115376</v>
      </c>
      <c r="AX32" s="100">
        <v>0</v>
      </c>
      <c r="AY32" s="104">
        <v>211090</v>
      </c>
      <c r="AZ32" s="104">
        <v>138538</v>
      </c>
      <c r="BA32" s="104">
        <v>113232</v>
      </c>
      <c r="BB32" s="104">
        <v>140310</v>
      </c>
      <c r="BC32" s="104">
        <v>137044</v>
      </c>
      <c r="BD32" s="103">
        <v>740214</v>
      </c>
      <c r="BE32" s="106">
        <v>855590</v>
      </c>
      <c r="BF32" s="100">
        <v>0</v>
      </c>
      <c r="BG32" s="104">
        <v>0</v>
      </c>
      <c r="BH32" s="102">
        <v>0</v>
      </c>
      <c r="BI32" s="101">
        <v>0</v>
      </c>
      <c r="BJ32" s="104">
        <v>0</v>
      </c>
      <c r="BK32" s="104">
        <v>31600</v>
      </c>
      <c r="BL32" s="104">
        <v>0</v>
      </c>
      <c r="BM32" s="104">
        <v>0</v>
      </c>
      <c r="BN32" s="104">
        <v>0</v>
      </c>
      <c r="BO32" s="103">
        <v>31600</v>
      </c>
      <c r="BP32" s="106">
        <v>31600</v>
      </c>
      <c r="BQ32" s="100">
        <v>15056</v>
      </c>
      <c r="BR32" s="104">
        <v>13296</v>
      </c>
      <c r="BS32" s="103">
        <v>28352</v>
      </c>
      <c r="BT32" s="100">
        <v>0</v>
      </c>
      <c r="BU32" s="104">
        <v>43152</v>
      </c>
      <c r="BV32" s="104">
        <v>47560</v>
      </c>
      <c r="BW32" s="104">
        <v>53296</v>
      </c>
      <c r="BX32" s="104">
        <v>66368</v>
      </c>
      <c r="BY32" s="104">
        <v>32784</v>
      </c>
      <c r="BZ32" s="103">
        <v>243160</v>
      </c>
      <c r="CA32" s="106">
        <v>271512</v>
      </c>
      <c r="CB32" s="100">
        <v>0</v>
      </c>
      <c r="CC32" s="104">
        <v>79762</v>
      </c>
      <c r="CD32" s="103">
        <v>79762</v>
      </c>
      <c r="CE32" s="100">
        <v>0</v>
      </c>
      <c r="CF32" s="104">
        <v>701071</v>
      </c>
      <c r="CG32" s="104">
        <v>730032</v>
      </c>
      <c r="CH32" s="104">
        <v>563067</v>
      </c>
      <c r="CI32" s="104">
        <v>195126</v>
      </c>
      <c r="CJ32" s="104">
        <v>0</v>
      </c>
      <c r="CK32" s="103">
        <v>2189296</v>
      </c>
      <c r="CL32" s="106">
        <v>2269058</v>
      </c>
      <c r="CM32" s="100">
        <v>0</v>
      </c>
      <c r="CN32" s="104">
        <v>0</v>
      </c>
      <c r="CO32" s="103">
        <v>0</v>
      </c>
      <c r="CP32" s="101">
        <v>0</v>
      </c>
      <c r="CQ32" s="104">
        <v>701071</v>
      </c>
      <c r="CR32" s="104">
        <v>582506</v>
      </c>
      <c r="CS32" s="104">
        <v>414614</v>
      </c>
      <c r="CT32" s="104">
        <v>195126</v>
      </c>
      <c r="CU32" s="104">
        <v>0</v>
      </c>
      <c r="CV32" s="103">
        <v>1893317</v>
      </c>
      <c r="CW32" s="106">
        <v>1893317</v>
      </c>
      <c r="CX32" s="100">
        <v>0</v>
      </c>
      <c r="CY32" s="104">
        <v>79762</v>
      </c>
      <c r="CZ32" s="103">
        <v>79762</v>
      </c>
      <c r="DA32" s="100">
        <v>0</v>
      </c>
      <c r="DB32" s="104">
        <v>0</v>
      </c>
      <c r="DC32" s="104">
        <v>147526</v>
      </c>
      <c r="DD32" s="104">
        <v>148453</v>
      </c>
      <c r="DE32" s="104">
        <v>0</v>
      </c>
      <c r="DF32" s="104">
        <v>0</v>
      </c>
      <c r="DG32" s="103">
        <v>295979</v>
      </c>
      <c r="DH32" s="106">
        <v>375741</v>
      </c>
      <c r="DI32" s="100">
        <v>0</v>
      </c>
      <c r="DJ32" s="104">
        <v>19759</v>
      </c>
      <c r="DK32" s="102">
        <v>19759</v>
      </c>
      <c r="DL32" s="101">
        <v>0</v>
      </c>
      <c r="DM32" s="104">
        <v>23976</v>
      </c>
      <c r="DN32" s="104">
        <v>0</v>
      </c>
      <c r="DO32" s="104">
        <v>156971</v>
      </c>
      <c r="DP32" s="104">
        <v>0</v>
      </c>
      <c r="DQ32" s="104">
        <v>28254</v>
      </c>
      <c r="DR32" s="103">
        <v>209201</v>
      </c>
      <c r="DS32" s="106">
        <v>228960</v>
      </c>
      <c r="DT32" s="100">
        <v>0</v>
      </c>
      <c r="DU32" s="104">
        <v>19759</v>
      </c>
      <c r="DV32" s="103">
        <v>19759</v>
      </c>
      <c r="DW32" s="100">
        <v>0</v>
      </c>
      <c r="DX32" s="104">
        <v>0</v>
      </c>
      <c r="DY32" s="104">
        <v>0</v>
      </c>
      <c r="DZ32" s="104">
        <v>156971</v>
      </c>
      <c r="EA32" s="104">
        <v>0</v>
      </c>
      <c r="EB32" s="104">
        <v>28254</v>
      </c>
      <c r="EC32" s="103">
        <v>185225</v>
      </c>
      <c r="ED32" s="106">
        <v>204984</v>
      </c>
      <c r="EE32" s="100">
        <v>0</v>
      </c>
      <c r="EF32" s="102">
        <v>0</v>
      </c>
      <c r="EG32" s="103">
        <v>0</v>
      </c>
      <c r="EH32" s="100">
        <v>0</v>
      </c>
      <c r="EI32" s="104">
        <v>23976</v>
      </c>
      <c r="EJ32" s="104">
        <v>0</v>
      </c>
      <c r="EK32" s="104">
        <v>0</v>
      </c>
      <c r="EL32" s="104">
        <v>0</v>
      </c>
      <c r="EM32" s="104">
        <v>0</v>
      </c>
      <c r="EN32" s="102">
        <v>23976</v>
      </c>
      <c r="EO32" s="106">
        <v>23976</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v>0</v>
      </c>
      <c r="FE32" s="104">
        <v>0</v>
      </c>
      <c r="FF32" s="104">
        <v>0</v>
      </c>
      <c r="FG32" s="104">
        <v>0</v>
      </c>
      <c r="FH32" s="104">
        <v>0</v>
      </c>
      <c r="FI32" s="104">
        <v>0</v>
      </c>
      <c r="FJ32" s="103">
        <v>0</v>
      </c>
      <c r="FK32" s="106">
        <v>0</v>
      </c>
      <c r="FL32" s="100">
        <v>35600</v>
      </c>
      <c r="FM32" s="104">
        <v>125424</v>
      </c>
      <c r="FN32" s="103">
        <v>161024</v>
      </c>
      <c r="FO32" s="100">
        <v>0</v>
      </c>
      <c r="FP32" s="104">
        <v>12000</v>
      </c>
      <c r="FQ32" s="104">
        <v>208016</v>
      </c>
      <c r="FR32" s="104">
        <v>187040</v>
      </c>
      <c r="FS32" s="104">
        <v>82656</v>
      </c>
      <c r="FT32" s="104">
        <v>28848</v>
      </c>
      <c r="FU32" s="103">
        <v>518560</v>
      </c>
      <c r="FV32" s="106">
        <v>679584</v>
      </c>
      <c r="FW32" s="105">
        <v>7600</v>
      </c>
      <c r="FX32" s="104">
        <v>107120</v>
      </c>
      <c r="FY32" s="102">
        <v>114720</v>
      </c>
      <c r="FZ32" s="101">
        <v>0</v>
      </c>
      <c r="GA32" s="104">
        <v>12000</v>
      </c>
      <c r="GB32" s="104">
        <v>185840</v>
      </c>
      <c r="GC32" s="104">
        <v>187040</v>
      </c>
      <c r="GD32" s="104">
        <v>82656</v>
      </c>
      <c r="GE32" s="104">
        <v>28848</v>
      </c>
      <c r="GF32" s="103">
        <v>496384</v>
      </c>
      <c r="GG32" s="296">
        <v>611104</v>
      </c>
      <c r="GH32" s="105">
        <v>0</v>
      </c>
      <c r="GI32" s="104">
        <v>18304</v>
      </c>
      <c r="GJ32" s="102">
        <v>18304</v>
      </c>
      <c r="GK32" s="101">
        <v>0</v>
      </c>
      <c r="GL32" s="104">
        <v>0</v>
      </c>
      <c r="GM32" s="104">
        <v>22176</v>
      </c>
      <c r="GN32" s="104">
        <v>0</v>
      </c>
      <c r="GO32" s="104">
        <v>0</v>
      </c>
      <c r="GP32" s="104">
        <v>0</v>
      </c>
      <c r="GQ32" s="103">
        <v>22176</v>
      </c>
      <c r="GR32" s="106">
        <v>40480</v>
      </c>
      <c r="GS32" s="100">
        <v>28000</v>
      </c>
      <c r="GT32" s="104">
        <v>0</v>
      </c>
      <c r="GU32" s="103">
        <v>28000</v>
      </c>
      <c r="GV32" s="100">
        <v>0</v>
      </c>
      <c r="GW32" s="104">
        <v>0</v>
      </c>
      <c r="GX32" s="104">
        <v>0</v>
      </c>
      <c r="GY32" s="104">
        <v>0</v>
      </c>
      <c r="GZ32" s="104">
        <v>0</v>
      </c>
      <c r="HA32" s="104">
        <v>0</v>
      </c>
      <c r="HB32" s="102">
        <v>0</v>
      </c>
      <c r="HC32" s="106">
        <v>28000</v>
      </c>
      <c r="HD32" s="100">
        <v>0</v>
      </c>
      <c r="HE32" s="104">
        <v>0</v>
      </c>
      <c r="HF32" s="102">
        <v>0</v>
      </c>
      <c r="HG32" s="101">
        <v>0</v>
      </c>
      <c r="HH32" s="104">
        <v>318924</v>
      </c>
      <c r="HI32" s="104">
        <v>0</v>
      </c>
      <c r="HJ32" s="104">
        <v>0</v>
      </c>
      <c r="HK32" s="104">
        <v>860092</v>
      </c>
      <c r="HL32" s="104">
        <v>74395</v>
      </c>
      <c r="HM32" s="103">
        <v>1253411</v>
      </c>
      <c r="HN32" s="99">
        <v>1253411</v>
      </c>
      <c r="HO32" s="306"/>
      <c r="HP32" s="307"/>
      <c r="HQ32" s="308"/>
      <c r="HR32" s="309"/>
      <c r="HS32" s="307"/>
      <c r="HT32" s="307"/>
      <c r="HU32" s="307"/>
      <c r="HV32" s="307"/>
      <c r="HW32" s="307"/>
      <c r="HX32" s="310"/>
      <c r="HY32" s="311"/>
      <c r="HZ32" s="137">
        <v>0</v>
      </c>
      <c r="IA32" s="122">
        <v>0</v>
      </c>
      <c r="IB32" s="137">
        <v>0</v>
      </c>
      <c r="IC32" s="121">
        <v>0</v>
      </c>
      <c r="ID32" s="122">
        <v>117168</v>
      </c>
      <c r="IE32" s="123">
        <v>15799</v>
      </c>
      <c r="IF32" s="124">
        <v>719196</v>
      </c>
      <c r="IG32" s="122">
        <v>250448</v>
      </c>
      <c r="IH32" s="124">
        <v>0</v>
      </c>
      <c r="II32" s="125">
        <v>1102611</v>
      </c>
      <c r="IJ32" s="137">
        <v>1102611</v>
      </c>
      <c r="IK32" s="219">
        <v>0</v>
      </c>
      <c r="IL32" s="223">
        <v>0</v>
      </c>
      <c r="IM32" s="224">
        <v>0</v>
      </c>
      <c r="IN32" s="127"/>
      <c r="IO32" s="109">
        <v>0</v>
      </c>
      <c r="IP32" s="109">
        <v>0</v>
      </c>
      <c r="IQ32" s="109">
        <v>175496</v>
      </c>
      <c r="IR32" s="109">
        <v>0</v>
      </c>
      <c r="IS32" s="109">
        <v>0</v>
      </c>
      <c r="IT32" s="128">
        <v>175496</v>
      </c>
      <c r="IU32" s="298">
        <v>175496</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0</v>
      </c>
      <c r="JL32" s="109">
        <v>15799</v>
      </c>
      <c r="JM32" s="109">
        <v>0</v>
      </c>
      <c r="JN32" s="109">
        <v>0</v>
      </c>
      <c r="JO32" s="109">
        <v>0</v>
      </c>
      <c r="JP32" s="110">
        <v>15799</v>
      </c>
      <c r="JQ32" s="298">
        <v>15799</v>
      </c>
      <c r="JR32" s="129">
        <v>0</v>
      </c>
      <c r="JS32" s="109">
        <v>0</v>
      </c>
      <c r="JT32" s="128">
        <v>0</v>
      </c>
      <c r="JU32" s="108">
        <v>0</v>
      </c>
      <c r="JV32" s="109">
        <v>117168</v>
      </c>
      <c r="JW32" s="109">
        <v>0</v>
      </c>
      <c r="JX32" s="109">
        <v>70584</v>
      </c>
      <c r="JY32" s="109">
        <v>250448</v>
      </c>
      <c r="JZ32" s="109">
        <v>0</v>
      </c>
      <c r="KA32" s="110">
        <v>438200</v>
      </c>
      <c r="KB32" s="298">
        <v>438200</v>
      </c>
      <c r="KC32" s="221">
        <v>0</v>
      </c>
      <c r="KD32" s="217">
        <v>0</v>
      </c>
      <c r="KE32" s="110">
        <v>0</v>
      </c>
      <c r="KF32" s="108">
        <v>0</v>
      </c>
      <c r="KG32" s="109">
        <v>0</v>
      </c>
      <c r="KH32" s="109">
        <v>0</v>
      </c>
      <c r="KI32" s="109">
        <v>65012</v>
      </c>
      <c r="KJ32" s="109">
        <v>0</v>
      </c>
      <c r="KK32" s="109">
        <v>0</v>
      </c>
      <c r="KL32" s="110">
        <v>65012</v>
      </c>
      <c r="KM32" s="130">
        <v>65012</v>
      </c>
      <c r="KN32" s="219">
        <v>0</v>
      </c>
      <c r="KO32" s="223">
        <v>0</v>
      </c>
      <c r="KP32" s="224">
        <v>0</v>
      </c>
      <c r="KQ32" s="127"/>
      <c r="KR32" s="109">
        <v>0</v>
      </c>
      <c r="KS32" s="109">
        <v>0</v>
      </c>
      <c r="KT32" s="109">
        <v>178139</v>
      </c>
      <c r="KU32" s="109">
        <v>0</v>
      </c>
      <c r="KV32" s="109">
        <v>0</v>
      </c>
      <c r="KW32" s="110">
        <v>178139</v>
      </c>
      <c r="KX32" s="298">
        <v>178139</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229965</v>
      </c>
      <c r="LQ32" s="109">
        <v>0</v>
      </c>
      <c r="LR32" s="109">
        <v>0</v>
      </c>
      <c r="LS32" s="110">
        <v>229965</v>
      </c>
      <c r="LT32" s="298">
        <v>229965</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259345</v>
      </c>
      <c r="MK32" s="109">
        <v>1264427</v>
      </c>
      <c r="ML32" s="109">
        <v>1104428</v>
      </c>
      <c r="MM32" s="109">
        <v>1944707</v>
      </c>
      <c r="MN32" s="109">
        <v>0</v>
      </c>
      <c r="MO32" s="110">
        <v>4572907</v>
      </c>
      <c r="MP32" s="130">
        <v>4572907</v>
      </c>
      <c r="MQ32" s="129">
        <v>0</v>
      </c>
      <c r="MR32" s="109">
        <v>0</v>
      </c>
      <c r="MS32" s="110">
        <v>0</v>
      </c>
      <c r="MT32" s="132"/>
      <c r="MU32" s="109">
        <v>0</v>
      </c>
      <c r="MV32" s="109">
        <v>234623</v>
      </c>
      <c r="MW32" s="109">
        <v>96216</v>
      </c>
      <c r="MX32" s="109">
        <v>494937</v>
      </c>
      <c r="MY32" s="109">
        <v>0</v>
      </c>
      <c r="MZ32" s="110">
        <v>825776</v>
      </c>
      <c r="NA32" s="130">
        <v>825776</v>
      </c>
      <c r="NB32" s="129">
        <v>0</v>
      </c>
      <c r="NC32" s="109">
        <v>0</v>
      </c>
      <c r="ND32" s="110">
        <v>0</v>
      </c>
      <c r="NE32" s="132"/>
      <c r="NF32" s="109">
        <v>259345</v>
      </c>
      <c r="NG32" s="109">
        <v>1029804</v>
      </c>
      <c r="NH32" s="109">
        <v>1008212</v>
      </c>
      <c r="NI32" s="109">
        <v>1085603</v>
      </c>
      <c r="NJ32" s="109">
        <v>0</v>
      </c>
      <c r="NK32" s="110">
        <v>3382964</v>
      </c>
      <c r="NL32" s="298">
        <v>3382964</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364167</v>
      </c>
      <c r="OF32" s="109">
        <v>0</v>
      </c>
      <c r="OG32" s="110">
        <v>364167</v>
      </c>
      <c r="OH32" s="111">
        <v>364167</v>
      </c>
      <c r="OI32" s="129">
        <v>50656</v>
      </c>
      <c r="OJ32" s="109">
        <v>353617</v>
      </c>
      <c r="OK32" s="128">
        <v>404273</v>
      </c>
      <c r="OL32" s="108">
        <v>0</v>
      </c>
      <c r="OM32" s="109">
        <v>1753928</v>
      </c>
      <c r="ON32" s="109">
        <v>2619402</v>
      </c>
      <c r="OO32" s="109">
        <v>3397443</v>
      </c>
      <c r="OP32" s="109">
        <v>3854714</v>
      </c>
      <c r="OQ32" s="109">
        <v>734696</v>
      </c>
      <c r="OR32" s="110">
        <v>12360183</v>
      </c>
      <c r="OS32" s="130">
        <v>12764456</v>
      </c>
    </row>
    <row r="33" spans="2:409" ht="21" customHeight="1" x14ac:dyDescent="0.2">
      <c r="B33" s="472" t="s">
        <v>28</v>
      </c>
      <c r="C33" s="100">
        <v>0</v>
      </c>
      <c r="D33" s="104">
        <v>46281</v>
      </c>
      <c r="E33" s="103">
        <v>46281</v>
      </c>
      <c r="F33" s="99">
        <v>0</v>
      </c>
      <c r="G33" s="104">
        <v>618547</v>
      </c>
      <c r="H33" s="104">
        <v>299303</v>
      </c>
      <c r="I33" s="104">
        <v>167190</v>
      </c>
      <c r="J33" s="104">
        <v>197344</v>
      </c>
      <c r="K33" s="104">
        <v>-71222</v>
      </c>
      <c r="L33" s="160">
        <v>1211162</v>
      </c>
      <c r="M33" s="106">
        <v>1257443</v>
      </c>
      <c r="N33" s="100">
        <v>0</v>
      </c>
      <c r="O33" s="104">
        <v>0</v>
      </c>
      <c r="P33" s="103">
        <v>0</v>
      </c>
      <c r="Q33" s="100">
        <v>0</v>
      </c>
      <c r="R33" s="104">
        <v>34256</v>
      </c>
      <c r="S33" s="104">
        <v>64672</v>
      </c>
      <c r="T33" s="104">
        <v>0</v>
      </c>
      <c r="U33" s="104">
        <v>197344</v>
      </c>
      <c r="V33" s="104">
        <v>-112624</v>
      </c>
      <c r="W33" s="103">
        <v>183648</v>
      </c>
      <c r="X33" s="106">
        <v>183648</v>
      </c>
      <c r="Y33" s="100">
        <v>0</v>
      </c>
      <c r="Z33" s="104">
        <v>0</v>
      </c>
      <c r="AA33" s="103">
        <v>0</v>
      </c>
      <c r="AB33" s="100">
        <v>0</v>
      </c>
      <c r="AC33" s="104">
        <v>0</v>
      </c>
      <c r="AD33" s="104">
        <v>0</v>
      </c>
      <c r="AE33" s="104">
        <v>0</v>
      </c>
      <c r="AF33" s="104">
        <v>117544</v>
      </c>
      <c r="AG33" s="104">
        <v>0</v>
      </c>
      <c r="AH33" s="103">
        <v>117544</v>
      </c>
      <c r="AI33" s="106">
        <v>117544</v>
      </c>
      <c r="AJ33" s="100">
        <v>0</v>
      </c>
      <c r="AK33" s="104">
        <v>0</v>
      </c>
      <c r="AL33" s="103">
        <v>0</v>
      </c>
      <c r="AM33" s="100">
        <v>0</v>
      </c>
      <c r="AN33" s="104">
        <v>0</v>
      </c>
      <c r="AO33" s="104">
        <v>0</v>
      </c>
      <c r="AP33" s="104">
        <v>0</v>
      </c>
      <c r="AQ33" s="104">
        <v>0</v>
      </c>
      <c r="AR33" s="104">
        <v>0</v>
      </c>
      <c r="AS33" s="103">
        <v>0</v>
      </c>
      <c r="AT33" s="106">
        <v>0</v>
      </c>
      <c r="AU33" s="100">
        <v>0</v>
      </c>
      <c r="AV33" s="104">
        <v>0</v>
      </c>
      <c r="AW33" s="103">
        <v>0</v>
      </c>
      <c r="AX33" s="100">
        <v>0</v>
      </c>
      <c r="AY33" s="104">
        <v>0</v>
      </c>
      <c r="AZ33" s="104">
        <v>51632</v>
      </c>
      <c r="BA33" s="104">
        <v>0</v>
      </c>
      <c r="BB33" s="104">
        <v>77416</v>
      </c>
      <c r="BC33" s="104">
        <v>-122656</v>
      </c>
      <c r="BD33" s="103">
        <v>6392</v>
      </c>
      <c r="BE33" s="106">
        <v>6392</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34256</v>
      </c>
      <c r="BV33" s="104">
        <v>13040</v>
      </c>
      <c r="BW33" s="104">
        <v>0</v>
      </c>
      <c r="BX33" s="104">
        <v>2384</v>
      </c>
      <c r="BY33" s="104">
        <v>10032</v>
      </c>
      <c r="BZ33" s="103">
        <v>59712</v>
      </c>
      <c r="CA33" s="106">
        <v>59712</v>
      </c>
      <c r="CB33" s="100">
        <v>0</v>
      </c>
      <c r="CC33" s="104">
        <v>39881</v>
      </c>
      <c r="CD33" s="103">
        <v>39881</v>
      </c>
      <c r="CE33" s="100">
        <v>0</v>
      </c>
      <c r="CF33" s="104">
        <v>92602</v>
      </c>
      <c r="CG33" s="104">
        <v>185815</v>
      </c>
      <c r="CH33" s="104">
        <v>96068</v>
      </c>
      <c r="CI33" s="104">
        <v>0</v>
      </c>
      <c r="CJ33" s="104">
        <v>0</v>
      </c>
      <c r="CK33" s="103">
        <v>374485</v>
      </c>
      <c r="CL33" s="106">
        <v>414366</v>
      </c>
      <c r="CM33" s="100">
        <v>0</v>
      </c>
      <c r="CN33" s="104">
        <v>0</v>
      </c>
      <c r="CO33" s="103">
        <v>0</v>
      </c>
      <c r="CP33" s="101">
        <v>0</v>
      </c>
      <c r="CQ33" s="104">
        <v>92602</v>
      </c>
      <c r="CR33" s="104">
        <v>185815</v>
      </c>
      <c r="CS33" s="104">
        <v>0</v>
      </c>
      <c r="CT33" s="104">
        <v>0</v>
      </c>
      <c r="CU33" s="104">
        <v>0</v>
      </c>
      <c r="CV33" s="103">
        <v>278417</v>
      </c>
      <c r="CW33" s="106">
        <v>278417</v>
      </c>
      <c r="CX33" s="100">
        <v>0</v>
      </c>
      <c r="CY33" s="104">
        <v>39881</v>
      </c>
      <c r="CZ33" s="103">
        <v>39881</v>
      </c>
      <c r="DA33" s="100">
        <v>0</v>
      </c>
      <c r="DB33" s="104">
        <v>0</v>
      </c>
      <c r="DC33" s="104">
        <v>0</v>
      </c>
      <c r="DD33" s="104">
        <v>96068</v>
      </c>
      <c r="DE33" s="104">
        <v>0</v>
      </c>
      <c r="DF33" s="104">
        <v>0</v>
      </c>
      <c r="DG33" s="103">
        <v>96068</v>
      </c>
      <c r="DH33" s="106">
        <v>135949</v>
      </c>
      <c r="DI33" s="100">
        <v>0</v>
      </c>
      <c r="DJ33" s="104">
        <v>0</v>
      </c>
      <c r="DK33" s="102">
        <v>0</v>
      </c>
      <c r="DL33" s="101">
        <v>0</v>
      </c>
      <c r="DM33" s="104">
        <v>0</v>
      </c>
      <c r="DN33" s="104">
        <v>0</v>
      </c>
      <c r="DO33" s="104">
        <v>64322</v>
      </c>
      <c r="DP33" s="104">
        <v>0</v>
      </c>
      <c r="DQ33" s="104">
        <v>41402</v>
      </c>
      <c r="DR33" s="103">
        <v>105724</v>
      </c>
      <c r="DS33" s="106">
        <v>105724</v>
      </c>
      <c r="DT33" s="100">
        <v>0</v>
      </c>
      <c r="DU33" s="104">
        <v>0</v>
      </c>
      <c r="DV33" s="103">
        <v>0</v>
      </c>
      <c r="DW33" s="100">
        <v>0</v>
      </c>
      <c r="DX33" s="104">
        <v>0</v>
      </c>
      <c r="DY33" s="104">
        <v>0</v>
      </c>
      <c r="DZ33" s="104">
        <v>0</v>
      </c>
      <c r="EA33" s="104">
        <v>0</v>
      </c>
      <c r="EB33" s="104">
        <v>41402</v>
      </c>
      <c r="EC33" s="103">
        <v>41402</v>
      </c>
      <c r="ED33" s="106">
        <v>41402</v>
      </c>
      <c r="EE33" s="100">
        <v>0</v>
      </c>
      <c r="EF33" s="102">
        <v>0</v>
      </c>
      <c r="EG33" s="103">
        <v>0</v>
      </c>
      <c r="EH33" s="100">
        <v>0</v>
      </c>
      <c r="EI33" s="104">
        <v>0</v>
      </c>
      <c r="EJ33" s="104">
        <v>0</v>
      </c>
      <c r="EK33" s="104">
        <v>64322</v>
      </c>
      <c r="EL33" s="104">
        <v>0</v>
      </c>
      <c r="EM33" s="104">
        <v>0</v>
      </c>
      <c r="EN33" s="102">
        <v>64322</v>
      </c>
      <c r="EO33" s="106">
        <v>64322</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v>0</v>
      </c>
      <c r="FE33" s="104">
        <v>0</v>
      </c>
      <c r="FF33" s="104">
        <v>0</v>
      </c>
      <c r="FG33" s="104">
        <v>0</v>
      </c>
      <c r="FH33" s="104">
        <v>0</v>
      </c>
      <c r="FI33" s="104">
        <v>0</v>
      </c>
      <c r="FJ33" s="103">
        <v>0</v>
      </c>
      <c r="FK33" s="106">
        <v>0</v>
      </c>
      <c r="FL33" s="100">
        <v>0</v>
      </c>
      <c r="FM33" s="104">
        <v>6400</v>
      </c>
      <c r="FN33" s="103">
        <v>6400</v>
      </c>
      <c r="FO33" s="100">
        <v>0</v>
      </c>
      <c r="FP33" s="104">
        <v>19200</v>
      </c>
      <c r="FQ33" s="104">
        <v>48816</v>
      </c>
      <c r="FR33" s="104">
        <v>6800</v>
      </c>
      <c r="FS33" s="104">
        <v>0</v>
      </c>
      <c r="FT33" s="104">
        <v>0</v>
      </c>
      <c r="FU33" s="103">
        <v>74816</v>
      </c>
      <c r="FV33" s="106">
        <v>81216</v>
      </c>
      <c r="FW33" s="105">
        <v>0</v>
      </c>
      <c r="FX33" s="104">
        <v>6400</v>
      </c>
      <c r="FY33" s="102">
        <v>6400</v>
      </c>
      <c r="FZ33" s="101">
        <v>0</v>
      </c>
      <c r="GA33" s="104">
        <v>19200</v>
      </c>
      <c r="GB33" s="104">
        <v>48816</v>
      </c>
      <c r="GC33" s="104">
        <v>6800</v>
      </c>
      <c r="GD33" s="104">
        <v>0</v>
      </c>
      <c r="GE33" s="104">
        <v>0</v>
      </c>
      <c r="GF33" s="103">
        <v>74816</v>
      </c>
      <c r="GG33" s="296">
        <v>81216</v>
      </c>
      <c r="GH33" s="105">
        <v>0</v>
      </c>
      <c r="GI33" s="104">
        <v>0</v>
      </c>
      <c r="GJ33" s="102">
        <v>0</v>
      </c>
      <c r="GK33" s="101">
        <v>0</v>
      </c>
      <c r="GL33" s="104">
        <v>0</v>
      </c>
      <c r="GM33" s="104">
        <v>0</v>
      </c>
      <c r="GN33" s="104">
        <v>0</v>
      </c>
      <c r="GO33" s="104">
        <v>0</v>
      </c>
      <c r="GP33" s="104">
        <v>0</v>
      </c>
      <c r="GQ33" s="103">
        <v>0</v>
      </c>
      <c r="GR33" s="106">
        <v>0</v>
      </c>
      <c r="GS33" s="100">
        <v>0</v>
      </c>
      <c r="GT33" s="104">
        <v>0</v>
      </c>
      <c r="GU33" s="103">
        <v>0</v>
      </c>
      <c r="GV33" s="100">
        <v>0</v>
      </c>
      <c r="GW33" s="104">
        <v>0</v>
      </c>
      <c r="GX33" s="104">
        <v>0</v>
      </c>
      <c r="GY33" s="104">
        <v>0</v>
      </c>
      <c r="GZ33" s="104">
        <v>0</v>
      </c>
      <c r="HA33" s="104">
        <v>0</v>
      </c>
      <c r="HB33" s="102">
        <v>0</v>
      </c>
      <c r="HC33" s="106">
        <v>0</v>
      </c>
      <c r="HD33" s="100">
        <v>0</v>
      </c>
      <c r="HE33" s="104">
        <v>0</v>
      </c>
      <c r="HF33" s="102">
        <v>0</v>
      </c>
      <c r="HG33" s="101">
        <v>0</v>
      </c>
      <c r="HH33" s="104">
        <v>472489</v>
      </c>
      <c r="HI33" s="104">
        <v>0</v>
      </c>
      <c r="HJ33" s="104">
        <v>0</v>
      </c>
      <c r="HK33" s="104">
        <v>0</v>
      </c>
      <c r="HL33" s="104">
        <v>0</v>
      </c>
      <c r="HM33" s="103">
        <v>472489</v>
      </c>
      <c r="HN33" s="99">
        <v>472489</v>
      </c>
      <c r="HO33" s="306"/>
      <c r="HP33" s="307"/>
      <c r="HQ33" s="308"/>
      <c r="HR33" s="309"/>
      <c r="HS33" s="307"/>
      <c r="HT33" s="307"/>
      <c r="HU33" s="307"/>
      <c r="HV33" s="307"/>
      <c r="HW33" s="307"/>
      <c r="HX33" s="310"/>
      <c r="HY33" s="311"/>
      <c r="HZ33" s="118">
        <v>0</v>
      </c>
      <c r="IA33" s="119">
        <v>0</v>
      </c>
      <c r="IB33" s="120">
        <v>0</v>
      </c>
      <c r="IC33" s="133">
        <v>0</v>
      </c>
      <c r="ID33" s="119">
        <v>161408</v>
      </c>
      <c r="IE33" s="134">
        <v>37048</v>
      </c>
      <c r="IF33" s="120">
        <v>0</v>
      </c>
      <c r="IG33" s="119">
        <v>0</v>
      </c>
      <c r="IH33" s="120">
        <v>270176</v>
      </c>
      <c r="II33" s="135">
        <v>468632</v>
      </c>
      <c r="IJ33" s="126">
        <v>468632</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161408</v>
      </c>
      <c r="JL33" s="109">
        <v>37048</v>
      </c>
      <c r="JM33" s="109">
        <v>0</v>
      </c>
      <c r="JN33" s="109">
        <v>0</v>
      </c>
      <c r="JO33" s="109">
        <v>0</v>
      </c>
      <c r="JP33" s="110">
        <v>198456</v>
      </c>
      <c r="JQ33" s="298">
        <v>198456</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270176</v>
      </c>
      <c r="KW33" s="110">
        <v>270176</v>
      </c>
      <c r="KX33" s="298">
        <v>270176</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217504</v>
      </c>
      <c r="ML33" s="109">
        <v>0</v>
      </c>
      <c r="MM33" s="109">
        <v>229080</v>
      </c>
      <c r="MN33" s="109">
        <v>824035</v>
      </c>
      <c r="MO33" s="110">
        <v>1270619</v>
      </c>
      <c r="MP33" s="130">
        <v>1270619</v>
      </c>
      <c r="MQ33" s="129">
        <v>0</v>
      </c>
      <c r="MR33" s="109">
        <v>0</v>
      </c>
      <c r="MS33" s="110">
        <v>0</v>
      </c>
      <c r="MT33" s="132"/>
      <c r="MU33" s="109">
        <v>0</v>
      </c>
      <c r="MV33" s="109">
        <v>0</v>
      </c>
      <c r="MW33" s="109">
        <v>0</v>
      </c>
      <c r="MX33" s="109">
        <v>229080</v>
      </c>
      <c r="MY33" s="109">
        <v>229867</v>
      </c>
      <c r="MZ33" s="110">
        <v>458947</v>
      </c>
      <c r="NA33" s="130">
        <v>458947</v>
      </c>
      <c r="NB33" s="129">
        <v>0</v>
      </c>
      <c r="NC33" s="109">
        <v>0</v>
      </c>
      <c r="ND33" s="110">
        <v>0</v>
      </c>
      <c r="NE33" s="132"/>
      <c r="NF33" s="109">
        <v>0</v>
      </c>
      <c r="NG33" s="109">
        <v>217504</v>
      </c>
      <c r="NH33" s="109">
        <v>0</v>
      </c>
      <c r="NI33" s="109">
        <v>0</v>
      </c>
      <c r="NJ33" s="109">
        <v>594168</v>
      </c>
      <c r="NK33" s="110">
        <v>811672</v>
      </c>
      <c r="NL33" s="298">
        <v>811672</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46281</v>
      </c>
      <c r="OK33" s="128">
        <v>46281</v>
      </c>
      <c r="OL33" s="108">
        <v>0</v>
      </c>
      <c r="OM33" s="109">
        <v>779955</v>
      </c>
      <c r="ON33" s="109">
        <v>553855</v>
      </c>
      <c r="OO33" s="109">
        <v>167190</v>
      </c>
      <c r="OP33" s="109">
        <v>426424</v>
      </c>
      <c r="OQ33" s="109">
        <v>1022989</v>
      </c>
      <c r="OR33" s="110">
        <v>2950413</v>
      </c>
      <c r="OS33" s="130">
        <v>2996694</v>
      </c>
    </row>
    <row r="34" spans="2:409" ht="21" customHeight="1" x14ac:dyDescent="0.2">
      <c r="B34" s="472" t="s">
        <v>29</v>
      </c>
      <c r="C34" s="100">
        <v>41400</v>
      </c>
      <c r="D34" s="104">
        <v>13888</v>
      </c>
      <c r="E34" s="103">
        <v>55288</v>
      </c>
      <c r="F34" s="99">
        <v>0</v>
      </c>
      <c r="G34" s="104">
        <v>188181</v>
      </c>
      <c r="H34" s="104">
        <v>833341</v>
      </c>
      <c r="I34" s="104">
        <v>344890</v>
      </c>
      <c r="J34" s="104">
        <v>0</v>
      </c>
      <c r="K34" s="104">
        <v>195465</v>
      </c>
      <c r="L34" s="160">
        <v>1561877</v>
      </c>
      <c r="M34" s="106">
        <v>1617165</v>
      </c>
      <c r="N34" s="100">
        <v>0</v>
      </c>
      <c r="O34" s="104">
        <v>13888</v>
      </c>
      <c r="P34" s="103">
        <v>13888</v>
      </c>
      <c r="Q34" s="100">
        <v>0</v>
      </c>
      <c r="R34" s="104">
        <v>0</v>
      </c>
      <c r="S34" s="104">
        <v>263122</v>
      </c>
      <c r="T34" s="104">
        <v>14032</v>
      </c>
      <c r="U34" s="104">
        <v>0</v>
      </c>
      <c r="V34" s="104">
        <v>26624</v>
      </c>
      <c r="W34" s="103">
        <v>303778</v>
      </c>
      <c r="X34" s="106">
        <v>317666</v>
      </c>
      <c r="Y34" s="100">
        <v>0</v>
      </c>
      <c r="Z34" s="104">
        <v>0</v>
      </c>
      <c r="AA34" s="103">
        <v>0</v>
      </c>
      <c r="AB34" s="100">
        <v>0</v>
      </c>
      <c r="AC34" s="104">
        <v>0</v>
      </c>
      <c r="AD34" s="104">
        <v>130290</v>
      </c>
      <c r="AE34" s="104">
        <v>0</v>
      </c>
      <c r="AF34" s="104">
        <v>0</v>
      </c>
      <c r="AG34" s="104">
        <v>0</v>
      </c>
      <c r="AH34" s="103">
        <v>130290</v>
      </c>
      <c r="AI34" s="106">
        <v>130290</v>
      </c>
      <c r="AJ34" s="100">
        <v>0</v>
      </c>
      <c r="AK34" s="104">
        <v>0</v>
      </c>
      <c r="AL34" s="103">
        <v>0</v>
      </c>
      <c r="AM34" s="100">
        <v>0</v>
      </c>
      <c r="AN34" s="104">
        <v>0</v>
      </c>
      <c r="AO34" s="104">
        <v>0</v>
      </c>
      <c r="AP34" s="104">
        <v>0</v>
      </c>
      <c r="AQ34" s="104">
        <v>0</v>
      </c>
      <c r="AR34" s="104">
        <v>21856</v>
      </c>
      <c r="AS34" s="103">
        <v>21856</v>
      </c>
      <c r="AT34" s="106">
        <v>21856</v>
      </c>
      <c r="AU34" s="100">
        <v>0</v>
      </c>
      <c r="AV34" s="104">
        <v>13888</v>
      </c>
      <c r="AW34" s="103">
        <v>13888</v>
      </c>
      <c r="AX34" s="100">
        <v>0</v>
      </c>
      <c r="AY34" s="104">
        <v>0</v>
      </c>
      <c r="AZ34" s="104">
        <v>50096</v>
      </c>
      <c r="BA34" s="104">
        <v>0</v>
      </c>
      <c r="BB34" s="104">
        <v>0</v>
      </c>
      <c r="BC34" s="104">
        <v>0</v>
      </c>
      <c r="BD34" s="103">
        <v>50096</v>
      </c>
      <c r="BE34" s="106">
        <v>63984</v>
      </c>
      <c r="BF34" s="100">
        <v>0</v>
      </c>
      <c r="BG34" s="104">
        <v>0</v>
      </c>
      <c r="BH34" s="102">
        <v>0</v>
      </c>
      <c r="BI34" s="101">
        <v>0</v>
      </c>
      <c r="BJ34" s="104">
        <v>0</v>
      </c>
      <c r="BK34" s="104">
        <v>38240</v>
      </c>
      <c r="BL34" s="104">
        <v>0</v>
      </c>
      <c r="BM34" s="104">
        <v>0</v>
      </c>
      <c r="BN34" s="104">
        <v>0</v>
      </c>
      <c r="BO34" s="103">
        <v>38240</v>
      </c>
      <c r="BP34" s="106">
        <v>38240</v>
      </c>
      <c r="BQ34" s="100">
        <v>0</v>
      </c>
      <c r="BR34" s="104">
        <v>0</v>
      </c>
      <c r="BS34" s="103">
        <v>0</v>
      </c>
      <c r="BT34" s="100">
        <v>0</v>
      </c>
      <c r="BU34" s="104">
        <v>0</v>
      </c>
      <c r="BV34" s="104">
        <v>44496</v>
      </c>
      <c r="BW34" s="104">
        <v>14032</v>
      </c>
      <c r="BX34" s="104">
        <v>0</v>
      </c>
      <c r="BY34" s="104">
        <v>4768</v>
      </c>
      <c r="BZ34" s="103">
        <v>63296</v>
      </c>
      <c r="CA34" s="106">
        <v>63296</v>
      </c>
      <c r="CB34" s="100">
        <v>0</v>
      </c>
      <c r="CC34" s="104">
        <v>0</v>
      </c>
      <c r="CD34" s="103">
        <v>0</v>
      </c>
      <c r="CE34" s="100">
        <v>0</v>
      </c>
      <c r="CF34" s="104">
        <v>156560</v>
      </c>
      <c r="CG34" s="104">
        <v>150264</v>
      </c>
      <c r="CH34" s="104">
        <v>142544</v>
      </c>
      <c r="CI34" s="104">
        <v>0</v>
      </c>
      <c r="CJ34" s="104">
        <v>0</v>
      </c>
      <c r="CK34" s="103">
        <v>449368</v>
      </c>
      <c r="CL34" s="106">
        <v>449368</v>
      </c>
      <c r="CM34" s="100">
        <v>0</v>
      </c>
      <c r="CN34" s="104">
        <v>0</v>
      </c>
      <c r="CO34" s="103">
        <v>0</v>
      </c>
      <c r="CP34" s="101">
        <v>0</v>
      </c>
      <c r="CQ34" s="104">
        <v>156560</v>
      </c>
      <c r="CR34" s="104">
        <v>150264</v>
      </c>
      <c r="CS34" s="104">
        <v>142544</v>
      </c>
      <c r="CT34" s="104">
        <v>0</v>
      </c>
      <c r="CU34" s="104">
        <v>0</v>
      </c>
      <c r="CV34" s="103">
        <v>449368</v>
      </c>
      <c r="CW34" s="106">
        <v>449368</v>
      </c>
      <c r="CX34" s="100">
        <v>0</v>
      </c>
      <c r="CY34" s="104">
        <v>0</v>
      </c>
      <c r="CZ34" s="103">
        <v>0</v>
      </c>
      <c r="DA34" s="100">
        <v>0</v>
      </c>
      <c r="DB34" s="104">
        <v>0</v>
      </c>
      <c r="DC34" s="104">
        <v>0</v>
      </c>
      <c r="DD34" s="104">
        <v>0</v>
      </c>
      <c r="DE34" s="104">
        <v>0</v>
      </c>
      <c r="DF34" s="104">
        <v>0</v>
      </c>
      <c r="DG34" s="103">
        <v>0</v>
      </c>
      <c r="DH34" s="106">
        <v>0</v>
      </c>
      <c r="DI34" s="100">
        <v>0</v>
      </c>
      <c r="DJ34" s="104">
        <v>0</v>
      </c>
      <c r="DK34" s="102">
        <v>0</v>
      </c>
      <c r="DL34" s="101">
        <v>0</v>
      </c>
      <c r="DM34" s="104">
        <v>30021</v>
      </c>
      <c r="DN34" s="104">
        <v>0</v>
      </c>
      <c r="DO34" s="104">
        <v>170258</v>
      </c>
      <c r="DP34" s="104">
        <v>0</v>
      </c>
      <c r="DQ34" s="104">
        <v>116201</v>
      </c>
      <c r="DR34" s="103">
        <v>316480</v>
      </c>
      <c r="DS34" s="106">
        <v>316480</v>
      </c>
      <c r="DT34" s="100">
        <v>0</v>
      </c>
      <c r="DU34" s="104">
        <v>0</v>
      </c>
      <c r="DV34" s="103">
        <v>0</v>
      </c>
      <c r="DW34" s="100">
        <v>0</v>
      </c>
      <c r="DX34" s="104">
        <v>30021</v>
      </c>
      <c r="DY34" s="104">
        <v>0</v>
      </c>
      <c r="DZ34" s="104">
        <v>170258</v>
      </c>
      <c r="EA34" s="104">
        <v>0</v>
      </c>
      <c r="EB34" s="104">
        <v>73487</v>
      </c>
      <c r="EC34" s="103">
        <v>273766</v>
      </c>
      <c r="ED34" s="106">
        <v>273766</v>
      </c>
      <c r="EE34" s="100">
        <v>0</v>
      </c>
      <c r="EF34" s="102">
        <v>0</v>
      </c>
      <c r="EG34" s="103">
        <v>0</v>
      </c>
      <c r="EH34" s="100">
        <v>0</v>
      </c>
      <c r="EI34" s="104">
        <v>0</v>
      </c>
      <c r="EJ34" s="104">
        <v>0</v>
      </c>
      <c r="EK34" s="104">
        <v>0</v>
      </c>
      <c r="EL34" s="104">
        <v>0</v>
      </c>
      <c r="EM34" s="104">
        <v>42714</v>
      </c>
      <c r="EN34" s="102">
        <v>42714</v>
      </c>
      <c r="EO34" s="106">
        <v>42714</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v>0</v>
      </c>
      <c r="FE34" s="104">
        <v>0</v>
      </c>
      <c r="FF34" s="104">
        <v>0</v>
      </c>
      <c r="FG34" s="104">
        <v>0</v>
      </c>
      <c r="FH34" s="104">
        <v>0</v>
      </c>
      <c r="FI34" s="104">
        <v>0</v>
      </c>
      <c r="FJ34" s="103">
        <v>0</v>
      </c>
      <c r="FK34" s="106">
        <v>0</v>
      </c>
      <c r="FL34" s="100">
        <v>41400</v>
      </c>
      <c r="FM34" s="104">
        <v>0</v>
      </c>
      <c r="FN34" s="103">
        <v>41400</v>
      </c>
      <c r="FO34" s="100">
        <v>0</v>
      </c>
      <c r="FP34" s="104">
        <v>1600</v>
      </c>
      <c r="FQ34" s="104">
        <v>57184</v>
      </c>
      <c r="FR34" s="104">
        <v>18056</v>
      </c>
      <c r="FS34" s="104">
        <v>0</v>
      </c>
      <c r="FT34" s="104">
        <v>52640</v>
      </c>
      <c r="FU34" s="103">
        <v>129480</v>
      </c>
      <c r="FV34" s="106">
        <v>170880</v>
      </c>
      <c r="FW34" s="105">
        <v>13680</v>
      </c>
      <c r="FX34" s="104">
        <v>0</v>
      </c>
      <c r="FY34" s="102">
        <v>13680</v>
      </c>
      <c r="FZ34" s="101">
        <v>0</v>
      </c>
      <c r="GA34" s="104">
        <v>1600</v>
      </c>
      <c r="GB34" s="104">
        <v>57184</v>
      </c>
      <c r="GC34" s="104">
        <v>18056</v>
      </c>
      <c r="GD34" s="104">
        <v>0</v>
      </c>
      <c r="GE34" s="104">
        <v>52640</v>
      </c>
      <c r="GF34" s="103">
        <v>129480</v>
      </c>
      <c r="GG34" s="296">
        <v>143160</v>
      </c>
      <c r="GH34" s="105">
        <v>27720</v>
      </c>
      <c r="GI34" s="104">
        <v>0</v>
      </c>
      <c r="GJ34" s="102">
        <v>27720</v>
      </c>
      <c r="GK34" s="101">
        <v>0</v>
      </c>
      <c r="GL34" s="104">
        <v>0</v>
      </c>
      <c r="GM34" s="104">
        <v>0</v>
      </c>
      <c r="GN34" s="104">
        <v>0</v>
      </c>
      <c r="GO34" s="104">
        <v>0</v>
      </c>
      <c r="GP34" s="104">
        <v>0</v>
      </c>
      <c r="GQ34" s="103">
        <v>0</v>
      </c>
      <c r="GR34" s="106">
        <v>2772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0</v>
      </c>
      <c r="HI34" s="104">
        <v>362771</v>
      </c>
      <c r="HJ34" s="104">
        <v>0</v>
      </c>
      <c r="HK34" s="104">
        <v>0</v>
      </c>
      <c r="HL34" s="104">
        <v>0</v>
      </c>
      <c r="HM34" s="103">
        <v>362771</v>
      </c>
      <c r="HN34" s="99">
        <v>362771</v>
      </c>
      <c r="HO34" s="306"/>
      <c r="HP34" s="307"/>
      <c r="HQ34" s="308"/>
      <c r="HR34" s="309"/>
      <c r="HS34" s="307"/>
      <c r="HT34" s="307"/>
      <c r="HU34" s="307"/>
      <c r="HV34" s="307"/>
      <c r="HW34" s="307"/>
      <c r="HX34" s="310"/>
      <c r="HY34" s="311"/>
      <c r="HZ34" s="137">
        <v>0</v>
      </c>
      <c r="IA34" s="122">
        <v>0</v>
      </c>
      <c r="IB34" s="137">
        <v>0</v>
      </c>
      <c r="IC34" s="121">
        <v>0</v>
      </c>
      <c r="ID34" s="122">
        <v>93176</v>
      </c>
      <c r="IE34" s="123">
        <v>77264</v>
      </c>
      <c r="IF34" s="124">
        <v>212688</v>
      </c>
      <c r="IG34" s="122">
        <v>259784</v>
      </c>
      <c r="IH34" s="124">
        <v>0</v>
      </c>
      <c r="II34" s="125">
        <v>642912</v>
      </c>
      <c r="IJ34" s="137">
        <v>642912</v>
      </c>
      <c r="IK34" s="219">
        <v>0</v>
      </c>
      <c r="IL34" s="223">
        <v>0</v>
      </c>
      <c r="IM34" s="224">
        <v>0</v>
      </c>
      <c r="IN34" s="127"/>
      <c r="IO34" s="109">
        <v>0</v>
      </c>
      <c r="IP34" s="109">
        <v>0</v>
      </c>
      <c r="IQ34" s="109">
        <v>0</v>
      </c>
      <c r="IR34" s="109">
        <v>0</v>
      </c>
      <c r="IS34" s="109">
        <v>0</v>
      </c>
      <c r="IT34" s="128">
        <v>0</v>
      </c>
      <c r="IU34" s="298">
        <v>0</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93176</v>
      </c>
      <c r="JL34" s="109">
        <v>67952</v>
      </c>
      <c r="JM34" s="109">
        <v>212688</v>
      </c>
      <c r="JN34" s="109">
        <v>0</v>
      </c>
      <c r="JO34" s="109">
        <v>0</v>
      </c>
      <c r="JP34" s="110">
        <v>373816</v>
      </c>
      <c r="JQ34" s="298">
        <v>373816</v>
      </c>
      <c r="JR34" s="129">
        <v>0</v>
      </c>
      <c r="JS34" s="109">
        <v>0</v>
      </c>
      <c r="JT34" s="128">
        <v>0</v>
      </c>
      <c r="JU34" s="108">
        <v>0</v>
      </c>
      <c r="JV34" s="109">
        <v>0</v>
      </c>
      <c r="JW34" s="109">
        <v>9312</v>
      </c>
      <c r="JX34" s="109">
        <v>0</v>
      </c>
      <c r="JY34" s="109">
        <v>0</v>
      </c>
      <c r="JZ34" s="109">
        <v>0</v>
      </c>
      <c r="KA34" s="110">
        <v>9312</v>
      </c>
      <c r="KB34" s="298">
        <v>9312</v>
      </c>
      <c r="KC34" s="221">
        <v>0</v>
      </c>
      <c r="KD34" s="217">
        <v>0</v>
      </c>
      <c r="KE34" s="110">
        <v>0</v>
      </c>
      <c r="KF34" s="108">
        <v>0</v>
      </c>
      <c r="KG34" s="109">
        <v>0</v>
      </c>
      <c r="KH34" s="109">
        <v>0</v>
      </c>
      <c r="KI34" s="109">
        <v>0</v>
      </c>
      <c r="KJ34" s="109">
        <v>0</v>
      </c>
      <c r="KK34" s="109">
        <v>0</v>
      </c>
      <c r="KL34" s="110">
        <v>0</v>
      </c>
      <c r="KM34" s="130">
        <v>0</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59784</v>
      </c>
      <c r="LR34" s="109">
        <v>0</v>
      </c>
      <c r="LS34" s="110">
        <v>259784</v>
      </c>
      <c r="LT34" s="298">
        <v>259784</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71051</v>
      </c>
      <c r="MM34" s="109">
        <v>249905</v>
      </c>
      <c r="MN34" s="109">
        <v>0</v>
      </c>
      <c r="MO34" s="110">
        <v>320956</v>
      </c>
      <c r="MP34" s="130">
        <v>320956</v>
      </c>
      <c r="MQ34" s="129">
        <v>0</v>
      </c>
      <c r="MR34" s="109">
        <v>0</v>
      </c>
      <c r="MS34" s="110">
        <v>0</v>
      </c>
      <c r="MT34" s="132"/>
      <c r="MU34" s="109">
        <v>0</v>
      </c>
      <c r="MV34" s="109">
        <v>0</v>
      </c>
      <c r="MW34" s="109">
        <v>0</v>
      </c>
      <c r="MX34" s="109">
        <v>249905</v>
      </c>
      <c r="MY34" s="109">
        <v>0</v>
      </c>
      <c r="MZ34" s="110">
        <v>249905</v>
      </c>
      <c r="NA34" s="130">
        <v>249905</v>
      </c>
      <c r="NB34" s="129">
        <v>0</v>
      </c>
      <c r="NC34" s="109">
        <v>0</v>
      </c>
      <c r="ND34" s="110">
        <v>0</v>
      </c>
      <c r="NE34" s="132"/>
      <c r="NF34" s="109">
        <v>0</v>
      </c>
      <c r="NG34" s="109">
        <v>0</v>
      </c>
      <c r="NH34" s="109">
        <v>71051</v>
      </c>
      <c r="NI34" s="109">
        <v>0</v>
      </c>
      <c r="NJ34" s="109">
        <v>0</v>
      </c>
      <c r="NK34" s="110">
        <v>71051</v>
      </c>
      <c r="NL34" s="298">
        <v>71051</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41400</v>
      </c>
      <c r="OJ34" s="109">
        <v>13888</v>
      </c>
      <c r="OK34" s="128">
        <v>55288</v>
      </c>
      <c r="OL34" s="108">
        <v>0</v>
      </c>
      <c r="OM34" s="109">
        <v>281357</v>
      </c>
      <c r="ON34" s="109">
        <v>910605</v>
      </c>
      <c r="OO34" s="109">
        <v>628629</v>
      </c>
      <c r="OP34" s="109">
        <v>509689</v>
      </c>
      <c r="OQ34" s="109">
        <v>195465</v>
      </c>
      <c r="OR34" s="110">
        <v>2525745</v>
      </c>
      <c r="OS34" s="130">
        <v>2581033</v>
      </c>
    </row>
    <row r="35" spans="2:409" ht="21" customHeight="1" x14ac:dyDescent="0.2">
      <c r="B35" s="472" t="s">
        <v>30</v>
      </c>
      <c r="C35" s="100">
        <v>0</v>
      </c>
      <c r="D35" s="104">
        <v>88544</v>
      </c>
      <c r="E35" s="161">
        <v>88544</v>
      </c>
      <c r="F35" s="162">
        <v>0</v>
      </c>
      <c r="G35" s="163">
        <v>369340</v>
      </c>
      <c r="H35" s="163">
        <v>0</v>
      </c>
      <c r="I35" s="163">
        <v>230630</v>
      </c>
      <c r="J35" s="163">
        <v>298040</v>
      </c>
      <c r="K35" s="163">
        <v>36796</v>
      </c>
      <c r="L35" s="164">
        <v>934806</v>
      </c>
      <c r="M35" s="106">
        <v>1023350</v>
      </c>
      <c r="N35" s="100">
        <v>0</v>
      </c>
      <c r="O35" s="104">
        <v>80464</v>
      </c>
      <c r="P35" s="103">
        <v>80464</v>
      </c>
      <c r="Q35" s="100">
        <v>0</v>
      </c>
      <c r="R35" s="104">
        <v>176800</v>
      </c>
      <c r="S35" s="104">
        <v>0</v>
      </c>
      <c r="T35" s="104">
        <v>98480</v>
      </c>
      <c r="U35" s="104">
        <v>95544</v>
      </c>
      <c r="V35" s="104">
        <v>32396</v>
      </c>
      <c r="W35" s="103">
        <v>403220</v>
      </c>
      <c r="X35" s="106">
        <v>483684</v>
      </c>
      <c r="Y35" s="100">
        <v>0</v>
      </c>
      <c r="Z35" s="104">
        <v>0</v>
      </c>
      <c r="AA35" s="103">
        <v>0</v>
      </c>
      <c r="AB35" s="100">
        <v>0</v>
      </c>
      <c r="AC35" s="104">
        <v>100192</v>
      </c>
      <c r="AD35" s="104">
        <v>0</v>
      </c>
      <c r="AE35" s="104">
        <v>69832</v>
      </c>
      <c r="AF35" s="104">
        <v>28872</v>
      </c>
      <c r="AG35" s="104">
        <v>25532</v>
      </c>
      <c r="AH35" s="103">
        <v>224428</v>
      </c>
      <c r="AI35" s="106">
        <v>224428</v>
      </c>
      <c r="AJ35" s="100">
        <v>0</v>
      </c>
      <c r="AK35" s="104">
        <v>0</v>
      </c>
      <c r="AL35" s="103">
        <v>0</v>
      </c>
      <c r="AM35" s="100">
        <v>0</v>
      </c>
      <c r="AN35" s="104">
        <v>0</v>
      </c>
      <c r="AO35" s="104">
        <v>0</v>
      </c>
      <c r="AP35" s="104">
        <v>0</v>
      </c>
      <c r="AQ35" s="104">
        <v>0</v>
      </c>
      <c r="AR35" s="104">
        <v>0</v>
      </c>
      <c r="AS35" s="103">
        <v>0</v>
      </c>
      <c r="AT35" s="106">
        <v>0</v>
      </c>
      <c r="AU35" s="100">
        <v>0</v>
      </c>
      <c r="AV35" s="104">
        <v>80464</v>
      </c>
      <c r="AW35" s="103">
        <v>80464</v>
      </c>
      <c r="AX35" s="100">
        <v>0</v>
      </c>
      <c r="AY35" s="104">
        <v>47664</v>
      </c>
      <c r="AZ35" s="104">
        <v>0</v>
      </c>
      <c r="BA35" s="104">
        <v>15608</v>
      </c>
      <c r="BB35" s="104">
        <v>35456</v>
      </c>
      <c r="BC35" s="104">
        <v>0</v>
      </c>
      <c r="BD35" s="103">
        <v>98728</v>
      </c>
      <c r="BE35" s="106">
        <v>179192</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8944</v>
      </c>
      <c r="BV35" s="104">
        <v>0</v>
      </c>
      <c r="BW35" s="104">
        <v>13040</v>
      </c>
      <c r="BX35" s="104">
        <v>31216</v>
      </c>
      <c r="BY35" s="104">
        <v>6864</v>
      </c>
      <c r="BZ35" s="103">
        <v>80064</v>
      </c>
      <c r="CA35" s="106">
        <v>80064</v>
      </c>
      <c r="CB35" s="100">
        <v>0</v>
      </c>
      <c r="CC35" s="104">
        <v>0</v>
      </c>
      <c r="CD35" s="103">
        <v>0</v>
      </c>
      <c r="CE35" s="100">
        <v>0</v>
      </c>
      <c r="CF35" s="104">
        <v>29680</v>
      </c>
      <c r="CG35" s="104">
        <v>0</v>
      </c>
      <c r="CH35" s="104">
        <v>18559</v>
      </c>
      <c r="CI35" s="104">
        <v>113336</v>
      </c>
      <c r="CJ35" s="104">
        <v>0</v>
      </c>
      <c r="CK35" s="103">
        <v>161575</v>
      </c>
      <c r="CL35" s="106">
        <v>161575</v>
      </c>
      <c r="CM35" s="100">
        <v>0</v>
      </c>
      <c r="CN35" s="104">
        <v>0</v>
      </c>
      <c r="CO35" s="103">
        <v>0</v>
      </c>
      <c r="CP35" s="101">
        <v>0</v>
      </c>
      <c r="CQ35" s="104">
        <v>29680</v>
      </c>
      <c r="CR35" s="104">
        <v>0</v>
      </c>
      <c r="CS35" s="104">
        <v>0</v>
      </c>
      <c r="CT35" s="104">
        <v>113336</v>
      </c>
      <c r="CU35" s="104">
        <v>0</v>
      </c>
      <c r="CV35" s="103">
        <v>143016</v>
      </c>
      <c r="CW35" s="106">
        <v>143016</v>
      </c>
      <c r="CX35" s="100">
        <v>0</v>
      </c>
      <c r="CY35" s="104">
        <v>0</v>
      </c>
      <c r="CZ35" s="103">
        <v>0</v>
      </c>
      <c r="DA35" s="100">
        <v>0</v>
      </c>
      <c r="DB35" s="104">
        <v>0</v>
      </c>
      <c r="DC35" s="104">
        <v>0</v>
      </c>
      <c r="DD35" s="104">
        <v>18559</v>
      </c>
      <c r="DE35" s="104">
        <v>0</v>
      </c>
      <c r="DF35" s="104">
        <v>0</v>
      </c>
      <c r="DG35" s="103">
        <v>18559</v>
      </c>
      <c r="DH35" s="106">
        <v>18559</v>
      </c>
      <c r="DI35" s="100">
        <v>0</v>
      </c>
      <c r="DJ35" s="104">
        <v>0</v>
      </c>
      <c r="DK35" s="102">
        <v>0</v>
      </c>
      <c r="DL35" s="101">
        <v>0</v>
      </c>
      <c r="DM35" s="104">
        <v>0</v>
      </c>
      <c r="DN35" s="104">
        <v>0</v>
      </c>
      <c r="DO35" s="104">
        <v>85071</v>
      </c>
      <c r="DP35" s="104">
        <v>66952</v>
      </c>
      <c r="DQ35" s="104">
        <v>0</v>
      </c>
      <c r="DR35" s="103">
        <v>152023</v>
      </c>
      <c r="DS35" s="106">
        <v>152023</v>
      </c>
      <c r="DT35" s="100">
        <v>0</v>
      </c>
      <c r="DU35" s="104">
        <v>0</v>
      </c>
      <c r="DV35" s="103">
        <v>0</v>
      </c>
      <c r="DW35" s="100">
        <v>0</v>
      </c>
      <c r="DX35" s="104">
        <v>0</v>
      </c>
      <c r="DY35" s="104">
        <v>0</v>
      </c>
      <c r="DZ35" s="104">
        <v>0</v>
      </c>
      <c r="EA35" s="104">
        <v>66952</v>
      </c>
      <c r="EB35" s="104">
        <v>0</v>
      </c>
      <c r="EC35" s="103">
        <v>66952</v>
      </c>
      <c r="ED35" s="106">
        <v>66952</v>
      </c>
      <c r="EE35" s="100">
        <v>0</v>
      </c>
      <c r="EF35" s="102">
        <v>0</v>
      </c>
      <c r="EG35" s="103">
        <v>0</v>
      </c>
      <c r="EH35" s="100">
        <v>0</v>
      </c>
      <c r="EI35" s="104">
        <v>0</v>
      </c>
      <c r="EJ35" s="104">
        <v>0</v>
      </c>
      <c r="EK35" s="104">
        <v>85071</v>
      </c>
      <c r="EL35" s="104">
        <v>0</v>
      </c>
      <c r="EM35" s="104">
        <v>0</v>
      </c>
      <c r="EN35" s="102">
        <v>85071</v>
      </c>
      <c r="EO35" s="106">
        <v>85071</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v>0</v>
      </c>
      <c r="FE35" s="104">
        <v>0</v>
      </c>
      <c r="FF35" s="104">
        <v>0</v>
      </c>
      <c r="FG35" s="104">
        <v>0</v>
      </c>
      <c r="FH35" s="104">
        <v>0</v>
      </c>
      <c r="FI35" s="104">
        <v>0</v>
      </c>
      <c r="FJ35" s="103">
        <v>0</v>
      </c>
      <c r="FK35" s="106">
        <v>0</v>
      </c>
      <c r="FL35" s="100">
        <v>0</v>
      </c>
      <c r="FM35" s="104">
        <v>8080</v>
      </c>
      <c r="FN35" s="103">
        <v>8080</v>
      </c>
      <c r="FO35" s="100">
        <v>0</v>
      </c>
      <c r="FP35" s="104">
        <v>2240</v>
      </c>
      <c r="FQ35" s="104">
        <v>0</v>
      </c>
      <c r="FR35" s="104">
        <v>28520</v>
      </c>
      <c r="FS35" s="104">
        <v>22208</v>
      </c>
      <c r="FT35" s="104">
        <v>4400</v>
      </c>
      <c r="FU35" s="103">
        <v>57368</v>
      </c>
      <c r="FV35" s="106">
        <v>65448</v>
      </c>
      <c r="FW35" s="105">
        <v>0</v>
      </c>
      <c r="FX35" s="104">
        <v>8080</v>
      </c>
      <c r="FY35" s="102">
        <v>8080</v>
      </c>
      <c r="FZ35" s="101">
        <v>0</v>
      </c>
      <c r="GA35" s="104">
        <v>2240</v>
      </c>
      <c r="GB35" s="104">
        <v>0</v>
      </c>
      <c r="GC35" s="104">
        <v>28520</v>
      </c>
      <c r="GD35" s="104">
        <v>22208</v>
      </c>
      <c r="GE35" s="104">
        <v>4400</v>
      </c>
      <c r="GF35" s="103">
        <v>57368</v>
      </c>
      <c r="GG35" s="296">
        <v>65448</v>
      </c>
      <c r="GH35" s="105">
        <v>0</v>
      </c>
      <c r="GI35" s="104">
        <v>0</v>
      </c>
      <c r="GJ35" s="102">
        <v>0</v>
      </c>
      <c r="GK35" s="101">
        <v>0</v>
      </c>
      <c r="GL35" s="104">
        <v>0</v>
      </c>
      <c r="GM35" s="104">
        <v>0</v>
      </c>
      <c r="GN35" s="104">
        <v>0</v>
      </c>
      <c r="GO35" s="104">
        <v>0</v>
      </c>
      <c r="GP35" s="104">
        <v>0</v>
      </c>
      <c r="GQ35" s="103">
        <v>0</v>
      </c>
      <c r="GR35" s="106">
        <v>0</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160620</v>
      </c>
      <c r="HI35" s="104">
        <v>0</v>
      </c>
      <c r="HJ35" s="104">
        <v>0</v>
      </c>
      <c r="HK35" s="104">
        <v>0</v>
      </c>
      <c r="HL35" s="104">
        <v>0</v>
      </c>
      <c r="HM35" s="103">
        <v>160620</v>
      </c>
      <c r="HN35" s="99">
        <v>160620</v>
      </c>
      <c r="HO35" s="306"/>
      <c r="HP35" s="307"/>
      <c r="HQ35" s="308"/>
      <c r="HR35" s="309"/>
      <c r="HS35" s="307"/>
      <c r="HT35" s="307"/>
      <c r="HU35" s="307"/>
      <c r="HV35" s="307"/>
      <c r="HW35" s="307"/>
      <c r="HX35" s="310"/>
      <c r="HY35" s="311"/>
      <c r="HZ35" s="118">
        <v>26763</v>
      </c>
      <c r="IA35" s="119">
        <v>0</v>
      </c>
      <c r="IB35" s="120">
        <v>26763</v>
      </c>
      <c r="IC35" s="133">
        <v>0</v>
      </c>
      <c r="ID35" s="119">
        <v>60748</v>
      </c>
      <c r="IE35" s="134">
        <v>0</v>
      </c>
      <c r="IF35" s="120">
        <v>149608</v>
      </c>
      <c r="IG35" s="119">
        <v>254504</v>
      </c>
      <c r="IH35" s="120">
        <v>0</v>
      </c>
      <c r="II35" s="135">
        <v>464860</v>
      </c>
      <c r="IJ35" s="126">
        <v>491623</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60748</v>
      </c>
      <c r="JL35" s="109">
        <v>0</v>
      </c>
      <c r="JM35" s="109">
        <v>149608</v>
      </c>
      <c r="JN35" s="109">
        <v>0</v>
      </c>
      <c r="JO35" s="109">
        <v>0</v>
      </c>
      <c r="JP35" s="110">
        <v>210356</v>
      </c>
      <c r="JQ35" s="298">
        <v>210356</v>
      </c>
      <c r="JR35" s="129">
        <v>26763</v>
      </c>
      <c r="JS35" s="109">
        <v>0</v>
      </c>
      <c r="JT35" s="128">
        <v>26763</v>
      </c>
      <c r="JU35" s="108">
        <v>0</v>
      </c>
      <c r="JV35" s="109">
        <v>0</v>
      </c>
      <c r="JW35" s="109">
        <v>0</v>
      </c>
      <c r="JX35" s="109">
        <v>0</v>
      </c>
      <c r="JY35" s="109">
        <v>0</v>
      </c>
      <c r="JZ35" s="109">
        <v>0</v>
      </c>
      <c r="KA35" s="110">
        <v>0</v>
      </c>
      <c r="KB35" s="298">
        <v>26763</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254504</v>
      </c>
      <c r="KV35" s="109">
        <v>0</v>
      </c>
      <c r="KW35" s="110">
        <v>254504</v>
      </c>
      <c r="KX35" s="298">
        <v>254504</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234400</v>
      </c>
      <c r="MK35" s="109">
        <v>0</v>
      </c>
      <c r="ML35" s="109">
        <v>217768</v>
      </c>
      <c r="MM35" s="109">
        <v>1790305</v>
      </c>
      <c r="MN35" s="109">
        <v>0</v>
      </c>
      <c r="MO35" s="110">
        <v>2242473</v>
      </c>
      <c r="MP35" s="130">
        <v>2242473</v>
      </c>
      <c r="MQ35" s="129">
        <v>0</v>
      </c>
      <c r="MR35" s="109">
        <v>0</v>
      </c>
      <c r="MS35" s="110">
        <v>0</v>
      </c>
      <c r="MT35" s="132"/>
      <c r="MU35" s="109">
        <v>0</v>
      </c>
      <c r="MV35" s="109">
        <v>0</v>
      </c>
      <c r="MW35" s="109">
        <v>217768</v>
      </c>
      <c r="MX35" s="109">
        <v>244232</v>
      </c>
      <c r="MY35" s="109">
        <v>0</v>
      </c>
      <c r="MZ35" s="110">
        <v>462000</v>
      </c>
      <c r="NA35" s="130">
        <v>462000</v>
      </c>
      <c r="NB35" s="129">
        <v>0</v>
      </c>
      <c r="NC35" s="109">
        <v>0</v>
      </c>
      <c r="ND35" s="110">
        <v>0</v>
      </c>
      <c r="NE35" s="132"/>
      <c r="NF35" s="109">
        <v>234400</v>
      </c>
      <c r="NG35" s="109">
        <v>0</v>
      </c>
      <c r="NH35" s="109">
        <v>0</v>
      </c>
      <c r="NI35" s="109">
        <v>1159696</v>
      </c>
      <c r="NJ35" s="109">
        <v>0</v>
      </c>
      <c r="NK35" s="110">
        <v>1394096</v>
      </c>
      <c r="NL35" s="298">
        <v>1394096</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386377</v>
      </c>
      <c r="OF35" s="109">
        <v>0</v>
      </c>
      <c r="OG35" s="110">
        <v>386377</v>
      </c>
      <c r="OH35" s="111">
        <v>386377</v>
      </c>
      <c r="OI35" s="129">
        <v>26763</v>
      </c>
      <c r="OJ35" s="109">
        <v>88544</v>
      </c>
      <c r="OK35" s="128">
        <v>115307</v>
      </c>
      <c r="OL35" s="108">
        <v>0</v>
      </c>
      <c r="OM35" s="109">
        <v>664488</v>
      </c>
      <c r="ON35" s="109">
        <v>0</v>
      </c>
      <c r="OO35" s="109">
        <v>598006</v>
      </c>
      <c r="OP35" s="109">
        <v>2342849</v>
      </c>
      <c r="OQ35" s="109">
        <v>36796</v>
      </c>
      <c r="OR35" s="110">
        <v>3642139</v>
      </c>
      <c r="OS35" s="130">
        <v>3757446</v>
      </c>
    </row>
    <row r="36" spans="2:409" ht="21" customHeight="1" x14ac:dyDescent="0.2">
      <c r="B36" s="472" t="s">
        <v>31</v>
      </c>
      <c r="C36" s="100">
        <v>12496</v>
      </c>
      <c r="D36" s="104">
        <v>10400</v>
      </c>
      <c r="E36" s="103">
        <v>22896</v>
      </c>
      <c r="F36" s="99">
        <v>0</v>
      </c>
      <c r="G36" s="104">
        <v>91348</v>
      </c>
      <c r="H36" s="104">
        <v>224320</v>
      </c>
      <c r="I36" s="104">
        <v>1056085</v>
      </c>
      <c r="J36" s="104">
        <v>407948</v>
      </c>
      <c r="K36" s="104">
        <v>16672</v>
      </c>
      <c r="L36" s="160">
        <v>1796373</v>
      </c>
      <c r="M36" s="106">
        <v>1819269</v>
      </c>
      <c r="N36" s="100">
        <v>7296</v>
      </c>
      <c r="O36" s="104">
        <v>0</v>
      </c>
      <c r="P36" s="103">
        <v>7296</v>
      </c>
      <c r="Q36" s="100">
        <v>0</v>
      </c>
      <c r="R36" s="104">
        <v>9520</v>
      </c>
      <c r="S36" s="104">
        <v>43704</v>
      </c>
      <c r="T36" s="104">
        <v>232999</v>
      </c>
      <c r="U36" s="104">
        <v>229208</v>
      </c>
      <c r="V36" s="104">
        <v>16672</v>
      </c>
      <c r="W36" s="103">
        <v>532103</v>
      </c>
      <c r="X36" s="106">
        <v>539399</v>
      </c>
      <c r="Y36" s="100">
        <v>0</v>
      </c>
      <c r="Z36" s="104">
        <v>0</v>
      </c>
      <c r="AA36" s="103">
        <v>0</v>
      </c>
      <c r="AB36" s="100">
        <v>0</v>
      </c>
      <c r="AC36" s="104">
        <v>9520</v>
      </c>
      <c r="AD36" s="104">
        <v>0</v>
      </c>
      <c r="AE36" s="104">
        <v>0</v>
      </c>
      <c r="AF36" s="104">
        <v>0</v>
      </c>
      <c r="AG36" s="104">
        <v>0</v>
      </c>
      <c r="AH36" s="103">
        <v>9520</v>
      </c>
      <c r="AI36" s="106">
        <v>9520</v>
      </c>
      <c r="AJ36" s="100">
        <v>0</v>
      </c>
      <c r="AK36" s="104">
        <v>0</v>
      </c>
      <c r="AL36" s="103">
        <v>0</v>
      </c>
      <c r="AM36" s="100">
        <v>0</v>
      </c>
      <c r="AN36" s="104">
        <v>0</v>
      </c>
      <c r="AO36" s="104">
        <v>43704</v>
      </c>
      <c r="AP36" s="104">
        <v>86312</v>
      </c>
      <c r="AQ36" s="104">
        <v>0</v>
      </c>
      <c r="AR36" s="104">
        <v>0</v>
      </c>
      <c r="AS36" s="103">
        <v>130016</v>
      </c>
      <c r="AT36" s="106">
        <v>130016</v>
      </c>
      <c r="AU36" s="100">
        <v>7296</v>
      </c>
      <c r="AV36" s="104">
        <v>0</v>
      </c>
      <c r="AW36" s="103">
        <v>7296</v>
      </c>
      <c r="AX36" s="100">
        <v>0</v>
      </c>
      <c r="AY36" s="104">
        <v>0</v>
      </c>
      <c r="AZ36" s="104">
        <v>0</v>
      </c>
      <c r="BA36" s="104">
        <v>115183</v>
      </c>
      <c r="BB36" s="104">
        <v>0</v>
      </c>
      <c r="BC36" s="104">
        <v>0</v>
      </c>
      <c r="BD36" s="103">
        <v>115183</v>
      </c>
      <c r="BE36" s="106">
        <v>122479</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0</v>
      </c>
      <c r="BW36" s="104">
        <v>31504</v>
      </c>
      <c r="BX36" s="104">
        <v>229208</v>
      </c>
      <c r="BY36" s="104">
        <v>16672</v>
      </c>
      <c r="BZ36" s="103">
        <v>277384</v>
      </c>
      <c r="CA36" s="106">
        <v>277384</v>
      </c>
      <c r="CB36" s="100">
        <v>0</v>
      </c>
      <c r="CC36" s="104">
        <v>0</v>
      </c>
      <c r="CD36" s="103">
        <v>0</v>
      </c>
      <c r="CE36" s="100">
        <v>0</v>
      </c>
      <c r="CF36" s="104">
        <v>70868</v>
      </c>
      <c r="CG36" s="104">
        <v>120472</v>
      </c>
      <c r="CH36" s="104">
        <v>272962</v>
      </c>
      <c r="CI36" s="104">
        <v>64062</v>
      </c>
      <c r="CJ36" s="104">
        <v>0</v>
      </c>
      <c r="CK36" s="103">
        <v>528364</v>
      </c>
      <c r="CL36" s="106">
        <v>528364</v>
      </c>
      <c r="CM36" s="100">
        <v>0</v>
      </c>
      <c r="CN36" s="104">
        <v>0</v>
      </c>
      <c r="CO36" s="103">
        <v>0</v>
      </c>
      <c r="CP36" s="101">
        <v>0</v>
      </c>
      <c r="CQ36" s="104">
        <v>23168</v>
      </c>
      <c r="CR36" s="104">
        <v>64579</v>
      </c>
      <c r="CS36" s="104">
        <v>185746</v>
      </c>
      <c r="CT36" s="104">
        <v>22016</v>
      </c>
      <c r="CU36" s="104">
        <v>0</v>
      </c>
      <c r="CV36" s="103">
        <v>295509</v>
      </c>
      <c r="CW36" s="106">
        <v>295509</v>
      </c>
      <c r="CX36" s="100">
        <v>0</v>
      </c>
      <c r="CY36" s="104">
        <v>0</v>
      </c>
      <c r="CZ36" s="103">
        <v>0</v>
      </c>
      <c r="DA36" s="100">
        <v>0</v>
      </c>
      <c r="DB36" s="104">
        <v>47700</v>
      </c>
      <c r="DC36" s="104">
        <v>55893</v>
      </c>
      <c r="DD36" s="104">
        <v>87216</v>
      </c>
      <c r="DE36" s="104">
        <v>42046</v>
      </c>
      <c r="DF36" s="104">
        <v>0</v>
      </c>
      <c r="DG36" s="103">
        <v>232855</v>
      </c>
      <c r="DH36" s="106">
        <v>232855</v>
      </c>
      <c r="DI36" s="100">
        <v>0</v>
      </c>
      <c r="DJ36" s="104">
        <v>0</v>
      </c>
      <c r="DK36" s="102">
        <v>0</v>
      </c>
      <c r="DL36" s="101">
        <v>0</v>
      </c>
      <c r="DM36" s="104">
        <v>0</v>
      </c>
      <c r="DN36" s="104">
        <v>0</v>
      </c>
      <c r="DO36" s="104">
        <v>257356</v>
      </c>
      <c r="DP36" s="104">
        <v>27142</v>
      </c>
      <c r="DQ36" s="104">
        <v>0</v>
      </c>
      <c r="DR36" s="103">
        <v>284498</v>
      </c>
      <c r="DS36" s="106">
        <v>284498</v>
      </c>
      <c r="DT36" s="100">
        <v>0</v>
      </c>
      <c r="DU36" s="104">
        <v>0</v>
      </c>
      <c r="DV36" s="103">
        <v>0</v>
      </c>
      <c r="DW36" s="100">
        <v>0</v>
      </c>
      <c r="DX36" s="104">
        <v>0</v>
      </c>
      <c r="DY36" s="104">
        <v>0</v>
      </c>
      <c r="DZ36" s="104">
        <v>257356</v>
      </c>
      <c r="EA36" s="104">
        <v>27142</v>
      </c>
      <c r="EB36" s="104">
        <v>0</v>
      </c>
      <c r="EC36" s="103">
        <v>284498</v>
      </c>
      <c r="ED36" s="106">
        <v>284498</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v>0</v>
      </c>
      <c r="FE36" s="104">
        <v>0</v>
      </c>
      <c r="FF36" s="104">
        <v>0</v>
      </c>
      <c r="FG36" s="104">
        <v>0</v>
      </c>
      <c r="FH36" s="104">
        <v>0</v>
      </c>
      <c r="FI36" s="104">
        <v>0</v>
      </c>
      <c r="FJ36" s="103">
        <v>0</v>
      </c>
      <c r="FK36" s="106">
        <v>0</v>
      </c>
      <c r="FL36" s="100">
        <v>5200</v>
      </c>
      <c r="FM36" s="104">
        <v>10400</v>
      </c>
      <c r="FN36" s="103">
        <v>15600</v>
      </c>
      <c r="FO36" s="100">
        <v>0</v>
      </c>
      <c r="FP36" s="104">
        <v>10960</v>
      </c>
      <c r="FQ36" s="104">
        <v>60144</v>
      </c>
      <c r="FR36" s="104">
        <v>93800</v>
      </c>
      <c r="FS36" s="104">
        <v>47400</v>
      </c>
      <c r="FT36" s="104">
        <v>0</v>
      </c>
      <c r="FU36" s="103">
        <v>212304</v>
      </c>
      <c r="FV36" s="106">
        <v>227904</v>
      </c>
      <c r="FW36" s="105">
        <v>5200</v>
      </c>
      <c r="FX36" s="104">
        <v>10400</v>
      </c>
      <c r="FY36" s="102">
        <v>15600</v>
      </c>
      <c r="FZ36" s="101">
        <v>0</v>
      </c>
      <c r="GA36" s="104">
        <v>10960</v>
      </c>
      <c r="GB36" s="104">
        <v>60144</v>
      </c>
      <c r="GC36" s="104">
        <v>93800</v>
      </c>
      <c r="GD36" s="104">
        <v>47400</v>
      </c>
      <c r="GE36" s="104">
        <v>0</v>
      </c>
      <c r="GF36" s="103">
        <v>212304</v>
      </c>
      <c r="GG36" s="296">
        <v>227904</v>
      </c>
      <c r="GH36" s="105">
        <v>0</v>
      </c>
      <c r="GI36" s="104">
        <v>0</v>
      </c>
      <c r="GJ36" s="102">
        <v>0</v>
      </c>
      <c r="GK36" s="101">
        <v>0</v>
      </c>
      <c r="GL36" s="104">
        <v>0</v>
      </c>
      <c r="GM36" s="104">
        <v>0</v>
      </c>
      <c r="GN36" s="104">
        <v>0</v>
      </c>
      <c r="GO36" s="104">
        <v>0</v>
      </c>
      <c r="GP36" s="104">
        <v>0</v>
      </c>
      <c r="GQ36" s="103">
        <v>0</v>
      </c>
      <c r="GR36" s="106">
        <v>0</v>
      </c>
      <c r="GS36" s="100">
        <v>0</v>
      </c>
      <c r="GT36" s="104">
        <v>0</v>
      </c>
      <c r="GU36" s="103">
        <v>0</v>
      </c>
      <c r="GV36" s="100">
        <v>0</v>
      </c>
      <c r="GW36" s="104">
        <v>0</v>
      </c>
      <c r="GX36" s="104">
        <v>0</v>
      </c>
      <c r="GY36" s="104">
        <v>0</v>
      </c>
      <c r="GZ36" s="104">
        <v>0</v>
      </c>
      <c r="HA36" s="104">
        <v>0</v>
      </c>
      <c r="HB36" s="102">
        <v>0</v>
      </c>
      <c r="HC36" s="106">
        <v>0</v>
      </c>
      <c r="HD36" s="100">
        <v>0</v>
      </c>
      <c r="HE36" s="104">
        <v>0</v>
      </c>
      <c r="HF36" s="102">
        <v>0</v>
      </c>
      <c r="HG36" s="101">
        <v>0</v>
      </c>
      <c r="HH36" s="104">
        <v>0</v>
      </c>
      <c r="HI36" s="104">
        <v>0</v>
      </c>
      <c r="HJ36" s="104">
        <v>198968</v>
      </c>
      <c r="HK36" s="104">
        <v>40136</v>
      </c>
      <c r="HL36" s="104">
        <v>0</v>
      </c>
      <c r="HM36" s="103">
        <v>239104</v>
      </c>
      <c r="HN36" s="99">
        <v>239104</v>
      </c>
      <c r="HO36" s="306"/>
      <c r="HP36" s="307"/>
      <c r="HQ36" s="308"/>
      <c r="HR36" s="309"/>
      <c r="HS36" s="307"/>
      <c r="HT36" s="307"/>
      <c r="HU36" s="307"/>
      <c r="HV36" s="307"/>
      <c r="HW36" s="307"/>
      <c r="HX36" s="310"/>
      <c r="HY36" s="311"/>
      <c r="HZ36" s="137">
        <v>0</v>
      </c>
      <c r="IA36" s="122">
        <v>0</v>
      </c>
      <c r="IB36" s="137">
        <v>0</v>
      </c>
      <c r="IC36" s="121">
        <v>0</v>
      </c>
      <c r="ID36" s="122">
        <v>136578</v>
      </c>
      <c r="IE36" s="123">
        <v>544300</v>
      </c>
      <c r="IF36" s="124">
        <v>5102</v>
      </c>
      <c r="IG36" s="122">
        <v>642147</v>
      </c>
      <c r="IH36" s="124">
        <v>253728</v>
      </c>
      <c r="II36" s="125">
        <v>1581855</v>
      </c>
      <c r="IJ36" s="137">
        <v>1581855</v>
      </c>
      <c r="IK36" s="219">
        <v>0</v>
      </c>
      <c r="IL36" s="223">
        <v>0</v>
      </c>
      <c r="IM36" s="224">
        <v>0</v>
      </c>
      <c r="IN36" s="127"/>
      <c r="IO36" s="109">
        <v>0</v>
      </c>
      <c r="IP36" s="109">
        <v>0</v>
      </c>
      <c r="IQ36" s="109">
        <v>0</v>
      </c>
      <c r="IR36" s="109">
        <v>0</v>
      </c>
      <c r="IS36" s="109">
        <v>0</v>
      </c>
      <c r="IT36" s="128">
        <v>0</v>
      </c>
      <c r="IU36" s="298">
        <v>0</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0</v>
      </c>
      <c r="JL36" s="109">
        <v>38332</v>
      </c>
      <c r="JM36" s="109">
        <v>5102</v>
      </c>
      <c r="JN36" s="109">
        <v>0</v>
      </c>
      <c r="JO36" s="109">
        <v>0</v>
      </c>
      <c r="JP36" s="110">
        <v>43434</v>
      </c>
      <c r="JQ36" s="298">
        <v>43434</v>
      </c>
      <c r="JR36" s="129">
        <v>0</v>
      </c>
      <c r="JS36" s="109">
        <v>0</v>
      </c>
      <c r="JT36" s="128">
        <v>0</v>
      </c>
      <c r="JU36" s="108">
        <v>0</v>
      </c>
      <c r="JV36" s="109">
        <v>0</v>
      </c>
      <c r="JW36" s="109">
        <v>0</v>
      </c>
      <c r="JX36" s="109">
        <v>0</v>
      </c>
      <c r="JY36" s="109">
        <v>197867</v>
      </c>
      <c r="JZ36" s="109">
        <v>0</v>
      </c>
      <c r="KA36" s="110">
        <v>197867</v>
      </c>
      <c r="KB36" s="298">
        <v>197867</v>
      </c>
      <c r="KC36" s="221">
        <v>0</v>
      </c>
      <c r="KD36" s="217">
        <v>0</v>
      </c>
      <c r="KE36" s="110">
        <v>0</v>
      </c>
      <c r="KF36" s="108">
        <v>0</v>
      </c>
      <c r="KG36" s="109">
        <v>136578</v>
      </c>
      <c r="KH36" s="109">
        <v>0</v>
      </c>
      <c r="KI36" s="109">
        <v>0</v>
      </c>
      <c r="KJ36" s="109">
        <v>0</v>
      </c>
      <c r="KK36" s="109">
        <v>0</v>
      </c>
      <c r="KL36" s="110">
        <v>136578</v>
      </c>
      <c r="KM36" s="130">
        <v>136578</v>
      </c>
      <c r="KN36" s="219">
        <v>0</v>
      </c>
      <c r="KO36" s="223">
        <v>0</v>
      </c>
      <c r="KP36" s="224">
        <v>0</v>
      </c>
      <c r="KQ36" s="127"/>
      <c r="KR36" s="109">
        <v>0</v>
      </c>
      <c r="KS36" s="109">
        <v>505968</v>
      </c>
      <c r="KT36" s="109">
        <v>0</v>
      </c>
      <c r="KU36" s="109">
        <v>444280</v>
      </c>
      <c r="KV36" s="109">
        <v>253728</v>
      </c>
      <c r="KW36" s="110">
        <v>1203976</v>
      </c>
      <c r="KX36" s="298">
        <v>1203976</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0</v>
      </c>
      <c r="ML36" s="109">
        <v>680281</v>
      </c>
      <c r="MM36" s="109">
        <v>277585</v>
      </c>
      <c r="MN36" s="109">
        <v>0</v>
      </c>
      <c r="MO36" s="110">
        <v>957866</v>
      </c>
      <c r="MP36" s="130">
        <v>957866</v>
      </c>
      <c r="MQ36" s="129">
        <v>0</v>
      </c>
      <c r="MR36" s="109">
        <v>0</v>
      </c>
      <c r="MS36" s="110">
        <v>0</v>
      </c>
      <c r="MT36" s="132"/>
      <c r="MU36" s="109">
        <v>0</v>
      </c>
      <c r="MV36" s="109">
        <v>0</v>
      </c>
      <c r="MW36" s="109">
        <v>430259</v>
      </c>
      <c r="MX36" s="109">
        <v>277585</v>
      </c>
      <c r="MY36" s="109">
        <v>0</v>
      </c>
      <c r="MZ36" s="110">
        <v>707844</v>
      </c>
      <c r="NA36" s="130">
        <v>707844</v>
      </c>
      <c r="NB36" s="129">
        <v>0</v>
      </c>
      <c r="NC36" s="109">
        <v>0</v>
      </c>
      <c r="ND36" s="110">
        <v>0</v>
      </c>
      <c r="NE36" s="132"/>
      <c r="NF36" s="109">
        <v>0</v>
      </c>
      <c r="NG36" s="109">
        <v>0</v>
      </c>
      <c r="NH36" s="109">
        <v>250022</v>
      </c>
      <c r="NI36" s="109">
        <v>0</v>
      </c>
      <c r="NJ36" s="109">
        <v>0</v>
      </c>
      <c r="NK36" s="110">
        <v>250022</v>
      </c>
      <c r="NL36" s="298">
        <v>250022</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12496</v>
      </c>
      <c r="OJ36" s="109">
        <v>10400</v>
      </c>
      <c r="OK36" s="128">
        <v>22896</v>
      </c>
      <c r="OL36" s="108">
        <v>0</v>
      </c>
      <c r="OM36" s="109">
        <v>227926</v>
      </c>
      <c r="ON36" s="109">
        <v>768620</v>
      </c>
      <c r="OO36" s="109">
        <v>1741468</v>
      </c>
      <c r="OP36" s="109">
        <v>1327680</v>
      </c>
      <c r="OQ36" s="109">
        <v>270400</v>
      </c>
      <c r="OR36" s="110">
        <v>4336094</v>
      </c>
      <c r="OS36" s="130">
        <v>4358990</v>
      </c>
    </row>
    <row r="37" spans="2:409" ht="21" customHeight="1" x14ac:dyDescent="0.2">
      <c r="B37" s="472" t="s">
        <v>32</v>
      </c>
      <c r="C37" s="100">
        <v>0</v>
      </c>
      <c r="D37" s="104">
        <v>23888</v>
      </c>
      <c r="E37" s="161">
        <v>23888</v>
      </c>
      <c r="F37" s="162">
        <v>0</v>
      </c>
      <c r="G37" s="163">
        <v>356420</v>
      </c>
      <c r="H37" s="163">
        <v>1273147</v>
      </c>
      <c r="I37" s="163">
        <v>486621</v>
      </c>
      <c r="J37" s="163">
        <v>618900</v>
      </c>
      <c r="K37" s="163">
        <v>750466</v>
      </c>
      <c r="L37" s="164">
        <v>3485554</v>
      </c>
      <c r="M37" s="106">
        <v>3509442</v>
      </c>
      <c r="N37" s="100">
        <v>0</v>
      </c>
      <c r="O37" s="104">
        <v>11888</v>
      </c>
      <c r="P37" s="103">
        <v>11888</v>
      </c>
      <c r="Q37" s="100">
        <v>0</v>
      </c>
      <c r="R37" s="104">
        <v>166384</v>
      </c>
      <c r="S37" s="104">
        <v>259254</v>
      </c>
      <c r="T37" s="104">
        <v>177533</v>
      </c>
      <c r="U37" s="104">
        <v>229520</v>
      </c>
      <c r="V37" s="104">
        <v>275290</v>
      </c>
      <c r="W37" s="103">
        <v>1107981</v>
      </c>
      <c r="X37" s="106">
        <v>1119869</v>
      </c>
      <c r="Y37" s="100">
        <v>0</v>
      </c>
      <c r="Z37" s="104">
        <v>0</v>
      </c>
      <c r="AA37" s="103">
        <v>0</v>
      </c>
      <c r="AB37" s="100">
        <v>0</v>
      </c>
      <c r="AC37" s="104">
        <v>103480</v>
      </c>
      <c r="AD37" s="104">
        <v>111405</v>
      </c>
      <c r="AE37" s="104">
        <v>78495</v>
      </c>
      <c r="AF37" s="104">
        <v>209008</v>
      </c>
      <c r="AG37" s="104">
        <v>176224</v>
      </c>
      <c r="AH37" s="103">
        <v>678612</v>
      </c>
      <c r="AI37" s="106">
        <v>678612</v>
      </c>
      <c r="AJ37" s="100">
        <v>0</v>
      </c>
      <c r="AK37" s="104">
        <v>0</v>
      </c>
      <c r="AL37" s="103">
        <v>0</v>
      </c>
      <c r="AM37" s="100">
        <v>0</v>
      </c>
      <c r="AN37" s="104">
        <v>0</v>
      </c>
      <c r="AO37" s="104">
        <v>0</v>
      </c>
      <c r="AP37" s="104">
        <v>0</v>
      </c>
      <c r="AQ37" s="104">
        <v>0</v>
      </c>
      <c r="AR37" s="104">
        <v>57642</v>
      </c>
      <c r="AS37" s="103">
        <v>57642</v>
      </c>
      <c r="AT37" s="106">
        <v>57642</v>
      </c>
      <c r="AU37" s="100">
        <v>0</v>
      </c>
      <c r="AV37" s="104">
        <v>11888</v>
      </c>
      <c r="AW37" s="103">
        <v>11888</v>
      </c>
      <c r="AX37" s="100">
        <v>0</v>
      </c>
      <c r="AY37" s="104">
        <v>50496</v>
      </c>
      <c r="AZ37" s="104">
        <v>66313</v>
      </c>
      <c r="BA37" s="104">
        <v>63294</v>
      </c>
      <c r="BB37" s="104">
        <v>0</v>
      </c>
      <c r="BC37" s="104">
        <v>0</v>
      </c>
      <c r="BD37" s="103">
        <v>180103</v>
      </c>
      <c r="BE37" s="106">
        <v>191991</v>
      </c>
      <c r="BF37" s="100">
        <v>0</v>
      </c>
      <c r="BG37" s="104">
        <v>0</v>
      </c>
      <c r="BH37" s="102">
        <v>0</v>
      </c>
      <c r="BI37" s="101">
        <v>0</v>
      </c>
      <c r="BJ37" s="104">
        <v>0</v>
      </c>
      <c r="BK37" s="104">
        <v>45888</v>
      </c>
      <c r="BL37" s="104">
        <v>0</v>
      </c>
      <c r="BM37" s="104">
        <v>0</v>
      </c>
      <c r="BN37" s="104">
        <v>0</v>
      </c>
      <c r="BO37" s="103">
        <v>45888</v>
      </c>
      <c r="BP37" s="106">
        <v>45888</v>
      </c>
      <c r="BQ37" s="100">
        <v>0</v>
      </c>
      <c r="BR37" s="104">
        <v>0</v>
      </c>
      <c r="BS37" s="103">
        <v>0</v>
      </c>
      <c r="BT37" s="100">
        <v>0</v>
      </c>
      <c r="BU37" s="104">
        <v>12408</v>
      </c>
      <c r="BV37" s="104">
        <v>35648</v>
      </c>
      <c r="BW37" s="104">
        <v>35744</v>
      </c>
      <c r="BX37" s="104">
        <v>20512</v>
      </c>
      <c r="BY37" s="104">
        <v>41424</v>
      </c>
      <c r="BZ37" s="103">
        <v>145736</v>
      </c>
      <c r="CA37" s="106">
        <v>145736</v>
      </c>
      <c r="CB37" s="100">
        <v>0</v>
      </c>
      <c r="CC37" s="104">
        <v>0</v>
      </c>
      <c r="CD37" s="103">
        <v>0</v>
      </c>
      <c r="CE37" s="100">
        <v>0</v>
      </c>
      <c r="CF37" s="104">
        <v>82352</v>
      </c>
      <c r="CG37" s="104">
        <v>468175</v>
      </c>
      <c r="CH37" s="104">
        <v>61944</v>
      </c>
      <c r="CI37" s="104">
        <v>53078</v>
      </c>
      <c r="CJ37" s="104">
        <v>0</v>
      </c>
      <c r="CK37" s="103">
        <v>665549</v>
      </c>
      <c r="CL37" s="106">
        <v>665549</v>
      </c>
      <c r="CM37" s="100">
        <v>0</v>
      </c>
      <c r="CN37" s="104">
        <v>0</v>
      </c>
      <c r="CO37" s="103">
        <v>0</v>
      </c>
      <c r="CP37" s="101">
        <v>0</v>
      </c>
      <c r="CQ37" s="104">
        <v>82352</v>
      </c>
      <c r="CR37" s="104">
        <v>289240</v>
      </c>
      <c r="CS37" s="104">
        <v>61944</v>
      </c>
      <c r="CT37" s="104">
        <v>0</v>
      </c>
      <c r="CU37" s="104">
        <v>0</v>
      </c>
      <c r="CV37" s="103">
        <v>433536</v>
      </c>
      <c r="CW37" s="106">
        <v>433536</v>
      </c>
      <c r="CX37" s="100">
        <v>0</v>
      </c>
      <c r="CY37" s="104">
        <v>0</v>
      </c>
      <c r="CZ37" s="103">
        <v>0</v>
      </c>
      <c r="DA37" s="100">
        <v>0</v>
      </c>
      <c r="DB37" s="104">
        <v>0</v>
      </c>
      <c r="DC37" s="104">
        <v>178935</v>
      </c>
      <c r="DD37" s="104">
        <v>0</v>
      </c>
      <c r="DE37" s="104">
        <v>53078</v>
      </c>
      <c r="DF37" s="104">
        <v>0</v>
      </c>
      <c r="DG37" s="103">
        <v>232013</v>
      </c>
      <c r="DH37" s="106">
        <v>232013</v>
      </c>
      <c r="DI37" s="100">
        <v>0</v>
      </c>
      <c r="DJ37" s="104">
        <v>0</v>
      </c>
      <c r="DK37" s="102">
        <v>0</v>
      </c>
      <c r="DL37" s="101">
        <v>0</v>
      </c>
      <c r="DM37" s="104">
        <v>67164</v>
      </c>
      <c r="DN37" s="104">
        <v>83850</v>
      </c>
      <c r="DO37" s="104">
        <v>0</v>
      </c>
      <c r="DP37" s="104">
        <v>62607</v>
      </c>
      <c r="DQ37" s="104">
        <v>0</v>
      </c>
      <c r="DR37" s="103">
        <v>213621</v>
      </c>
      <c r="DS37" s="106">
        <v>213621</v>
      </c>
      <c r="DT37" s="100">
        <v>0</v>
      </c>
      <c r="DU37" s="104">
        <v>0</v>
      </c>
      <c r="DV37" s="103">
        <v>0</v>
      </c>
      <c r="DW37" s="100">
        <v>0</v>
      </c>
      <c r="DX37" s="104">
        <v>0</v>
      </c>
      <c r="DY37" s="104">
        <v>0</v>
      </c>
      <c r="DZ37" s="104">
        <v>0</v>
      </c>
      <c r="EA37" s="104">
        <v>62607</v>
      </c>
      <c r="EB37" s="104">
        <v>0</v>
      </c>
      <c r="EC37" s="103">
        <v>62607</v>
      </c>
      <c r="ED37" s="106">
        <v>62607</v>
      </c>
      <c r="EE37" s="100">
        <v>0</v>
      </c>
      <c r="EF37" s="102">
        <v>0</v>
      </c>
      <c r="EG37" s="103">
        <v>0</v>
      </c>
      <c r="EH37" s="100">
        <v>0</v>
      </c>
      <c r="EI37" s="104">
        <v>67164</v>
      </c>
      <c r="EJ37" s="104">
        <v>83850</v>
      </c>
      <c r="EK37" s="104">
        <v>0</v>
      </c>
      <c r="EL37" s="104">
        <v>0</v>
      </c>
      <c r="EM37" s="104">
        <v>0</v>
      </c>
      <c r="EN37" s="102">
        <v>151014</v>
      </c>
      <c r="EO37" s="106">
        <v>151014</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v>0</v>
      </c>
      <c r="FE37" s="104">
        <v>0</v>
      </c>
      <c r="FF37" s="104">
        <v>0</v>
      </c>
      <c r="FG37" s="104">
        <v>0</v>
      </c>
      <c r="FH37" s="104">
        <v>0</v>
      </c>
      <c r="FI37" s="104">
        <v>0</v>
      </c>
      <c r="FJ37" s="103">
        <v>0</v>
      </c>
      <c r="FK37" s="106">
        <v>0</v>
      </c>
      <c r="FL37" s="100">
        <v>0</v>
      </c>
      <c r="FM37" s="104">
        <v>12000</v>
      </c>
      <c r="FN37" s="103">
        <v>12000</v>
      </c>
      <c r="FO37" s="100">
        <v>0</v>
      </c>
      <c r="FP37" s="104">
        <v>40520</v>
      </c>
      <c r="FQ37" s="104">
        <v>111416</v>
      </c>
      <c r="FR37" s="104">
        <v>56656</v>
      </c>
      <c r="FS37" s="104">
        <v>53744</v>
      </c>
      <c r="FT37" s="104">
        <v>22080</v>
      </c>
      <c r="FU37" s="103">
        <v>284416</v>
      </c>
      <c r="FV37" s="106">
        <v>296416</v>
      </c>
      <c r="FW37" s="105">
        <v>0</v>
      </c>
      <c r="FX37" s="104">
        <v>12000</v>
      </c>
      <c r="FY37" s="102">
        <v>12000</v>
      </c>
      <c r="FZ37" s="101">
        <v>0</v>
      </c>
      <c r="GA37" s="104">
        <v>40520</v>
      </c>
      <c r="GB37" s="104">
        <v>111416</v>
      </c>
      <c r="GC37" s="104">
        <v>56656</v>
      </c>
      <c r="GD37" s="104">
        <v>53744</v>
      </c>
      <c r="GE37" s="104">
        <v>22080</v>
      </c>
      <c r="GF37" s="103">
        <v>284416</v>
      </c>
      <c r="GG37" s="296">
        <v>296416</v>
      </c>
      <c r="GH37" s="105">
        <v>0</v>
      </c>
      <c r="GI37" s="104">
        <v>0</v>
      </c>
      <c r="GJ37" s="102">
        <v>0</v>
      </c>
      <c r="GK37" s="101">
        <v>0</v>
      </c>
      <c r="GL37" s="104">
        <v>0</v>
      </c>
      <c r="GM37" s="104">
        <v>0</v>
      </c>
      <c r="GN37" s="104">
        <v>0</v>
      </c>
      <c r="GO37" s="104">
        <v>0</v>
      </c>
      <c r="GP37" s="104">
        <v>0</v>
      </c>
      <c r="GQ37" s="103">
        <v>0</v>
      </c>
      <c r="GR37" s="106">
        <v>0</v>
      </c>
      <c r="GS37" s="100">
        <v>0</v>
      </c>
      <c r="GT37" s="104">
        <v>0</v>
      </c>
      <c r="GU37" s="103">
        <v>0</v>
      </c>
      <c r="GV37" s="100">
        <v>0</v>
      </c>
      <c r="GW37" s="104">
        <v>0</v>
      </c>
      <c r="GX37" s="104">
        <v>0</v>
      </c>
      <c r="GY37" s="104">
        <v>0</v>
      </c>
      <c r="GZ37" s="104">
        <v>0</v>
      </c>
      <c r="HA37" s="104">
        <v>0</v>
      </c>
      <c r="HB37" s="102">
        <v>0</v>
      </c>
      <c r="HC37" s="106">
        <v>0</v>
      </c>
      <c r="HD37" s="100">
        <v>0</v>
      </c>
      <c r="HE37" s="104">
        <v>0</v>
      </c>
      <c r="HF37" s="102">
        <v>0</v>
      </c>
      <c r="HG37" s="101">
        <v>0</v>
      </c>
      <c r="HH37" s="104">
        <v>0</v>
      </c>
      <c r="HI37" s="104">
        <v>350452</v>
      </c>
      <c r="HJ37" s="104">
        <v>190488</v>
      </c>
      <c r="HK37" s="104">
        <v>219951</v>
      </c>
      <c r="HL37" s="104">
        <v>453096</v>
      </c>
      <c r="HM37" s="103">
        <v>1213987</v>
      </c>
      <c r="HN37" s="99">
        <v>1213987</v>
      </c>
      <c r="HO37" s="306"/>
      <c r="HP37" s="307"/>
      <c r="HQ37" s="308"/>
      <c r="HR37" s="309"/>
      <c r="HS37" s="307"/>
      <c r="HT37" s="307"/>
      <c r="HU37" s="307"/>
      <c r="HV37" s="307"/>
      <c r="HW37" s="307"/>
      <c r="HX37" s="310"/>
      <c r="HY37" s="311"/>
      <c r="HZ37" s="118">
        <v>0</v>
      </c>
      <c r="IA37" s="119">
        <v>0</v>
      </c>
      <c r="IB37" s="120">
        <v>0</v>
      </c>
      <c r="IC37" s="133">
        <v>0</v>
      </c>
      <c r="ID37" s="119">
        <v>29192</v>
      </c>
      <c r="IE37" s="134">
        <v>112968</v>
      </c>
      <c r="IF37" s="120">
        <v>441616</v>
      </c>
      <c r="IG37" s="119">
        <v>0</v>
      </c>
      <c r="IH37" s="120">
        <v>42134</v>
      </c>
      <c r="II37" s="135">
        <v>625910</v>
      </c>
      <c r="IJ37" s="126">
        <v>625910</v>
      </c>
      <c r="IK37" s="219">
        <v>0</v>
      </c>
      <c r="IL37" s="223">
        <v>0</v>
      </c>
      <c r="IM37" s="224">
        <v>0</v>
      </c>
      <c r="IN37" s="127"/>
      <c r="IO37" s="109">
        <v>0</v>
      </c>
      <c r="IP37" s="109">
        <v>0</v>
      </c>
      <c r="IQ37" s="109">
        <v>0</v>
      </c>
      <c r="IR37" s="109">
        <v>0</v>
      </c>
      <c r="IS37" s="109">
        <v>0</v>
      </c>
      <c r="IT37" s="128">
        <v>0</v>
      </c>
      <c r="IU37" s="298">
        <v>0</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29192</v>
      </c>
      <c r="JL37" s="109">
        <v>112968</v>
      </c>
      <c r="JM37" s="109">
        <v>0</v>
      </c>
      <c r="JN37" s="109">
        <v>0</v>
      </c>
      <c r="JO37" s="109">
        <v>42134</v>
      </c>
      <c r="JP37" s="110">
        <v>184294</v>
      </c>
      <c r="JQ37" s="298">
        <v>184294</v>
      </c>
      <c r="JR37" s="129">
        <v>0</v>
      </c>
      <c r="JS37" s="109">
        <v>0</v>
      </c>
      <c r="JT37" s="128">
        <v>0</v>
      </c>
      <c r="JU37" s="108">
        <v>0</v>
      </c>
      <c r="JV37" s="109">
        <v>0</v>
      </c>
      <c r="JW37" s="109">
        <v>0</v>
      </c>
      <c r="JX37" s="109">
        <v>0</v>
      </c>
      <c r="JY37" s="109">
        <v>0</v>
      </c>
      <c r="JZ37" s="109">
        <v>0</v>
      </c>
      <c r="KA37" s="110">
        <v>0</v>
      </c>
      <c r="KB37" s="298">
        <v>0</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239048</v>
      </c>
      <c r="KU37" s="109">
        <v>0</v>
      </c>
      <c r="KV37" s="109">
        <v>0</v>
      </c>
      <c r="KW37" s="110">
        <v>239048</v>
      </c>
      <c r="KX37" s="298">
        <v>239048</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202568</v>
      </c>
      <c r="LQ37" s="109">
        <v>0</v>
      </c>
      <c r="LR37" s="109">
        <v>0</v>
      </c>
      <c r="LS37" s="110">
        <v>202568</v>
      </c>
      <c r="LT37" s="298">
        <v>202568</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130499</v>
      </c>
      <c r="MK37" s="109">
        <v>272476</v>
      </c>
      <c r="ML37" s="109">
        <v>217768</v>
      </c>
      <c r="MM37" s="109">
        <v>1136589</v>
      </c>
      <c r="MN37" s="109">
        <v>0</v>
      </c>
      <c r="MO37" s="110">
        <v>1757332</v>
      </c>
      <c r="MP37" s="130">
        <v>1757332</v>
      </c>
      <c r="MQ37" s="129">
        <v>0</v>
      </c>
      <c r="MR37" s="109">
        <v>0</v>
      </c>
      <c r="MS37" s="110">
        <v>0</v>
      </c>
      <c r="MT37" s="132"/>
      <c r="MU37" s="109">
        <v>0</v>
      </c>
      <c r="MV37" s="109">
        <v>0</v>
      </c>
      <c r="MW37" s="109">
        <v>217768</v>
      </c>
      <c r="MX37" s="109">
        <v>518937</v>
      </c>
      <c r="MY37" s="109">
        <v>0</v>
      </c>
      <c r="MZ37" s="110">
        <v>736705</v>
      </c>
      <c r="NA37" s="130">
        <v>736705</v>
      </c>
      <c r="NB37" s="129">
        <v>0</v>
      </c>
      <c r="NC37" s="109">
        <v>0</v>
      </c>
      <c r="ND37" s="110">
        <v>0</v>
      </c>
      <c r="NE37" s="132"/>
      <c r="NF37" s="109">
        <v>130499</v>
      </c>
      <c r="NG37" s="109">
        <v>272476</v>
      </c>
      <c r="NH37" s="109">
        <v>0</v>
      </c>
      <c r="NI37" s="109">
        <v>617652</v>
      </c>
      <c r="NJ37" s="109">
        <v>0</v>
      </c>
      <c r="NK37" s="110">
        <v>1020627</v>
      </c>
      <c r="NL37" s="298">
        <v>1020627</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0</v>
      </c>
      <c r="OJ37" s="109">
        <v>23888</v>
      </c>
      <c r="OK37" s="128">
        <v>23888</v>
      </c>
      <c r="OL37" s="108">
        <v>0</v>
      </c>
      <c r="OM37" s="109">
        <v>516111</v>
      </c>
      <c r="ON37" s="109">
        <v>1658591</v>
      </c>
      <c r="OO37" s="109">
        <v>1146005</v>
      </c>
      <c r="OP37" s="109">
        <v>1755489</v>
      </c>
      <c r="OQ37" s="109">
        <v>792600</v>
      </c>
      <c r="OR37" s="110">
        <v>5868796</v>
      </c>
      <c r="OS37" s="130">
        <v>5892684</v>
      </c>
    </row>
    <row r="38" spans="2:409" ht="21" customHeight="1" x14ac:dyDescent="0.2">
      <c r="B38" s="472" t="s">
        <v>33</v>
      </c>
      <c r="C38" s="100">
        <v>57341</v>
      </c>
      <c r="D38" s="104">
        <v>46427</v>
      </c>
      <c r="E38" s="103">
        <v>103768</v>
      </c>
      <c r="F38" s="99">
        <v>0</v>
      </c>
      <c r="G38" s="104">
        <v>171201</v>
      </c>
      <c r="H38" s="104">
        <v>326640</v>
      </c>
      <c r="I38" s="104">
        <v>127831</v>
      </c>
      <c r="J38" s="104">
        <v>235189</v>
      </c>
      <c r="K38" s="104">
        <v>0</v>
      </c>
      <c r="L38" s="160">
        <v>860861</v>
      </c>
      <c r="M38" s="106">
        <v>964629</v>
      </c>
      <c r="N38" s="100">
        <v>54941</v>
      </c>
      <c r="O38" s="104">
        <v>40027</v>
      </c>
      <c r="P38" s="103">
        <v>94968</v>
      </c>
      <c r="Q38" s="100">
        <v>0</v>
      </c>
      <c r="R38" s="104">
        <v>111838</v>
      </c>
      <c r="S38" s="104">
        <v>13128</v>
      </c>
      <c r="T38" s="104">
        <v>103905</v>
      </c>
      <c r="U38" s="104">
        <v>9328</v>
      </c>
      <c r="V38" s="104">
        <v>0</v>
      </c>
      <c r="W38" s="103">
        <v>238199</v>
      </c>
      <c r="X38" s="106">
        <v>333167</v>
      </c>
      <c r="Y38" s="100">
        <v>0</v>
      </c>
      <c r="Z38" s="104">
        <v>0</v>
      </c>
      <c r="AA38" s="103">
        <v>0</v>
      </c>
      <c r="AB38" s="100">
        <v>0</v>
      </c>
      <c r="AC38" s="104">
        <v>22788</v>
      </c>
      <c r="AD38" s="104">
        <v>8984</v>
      </c>
      <c r="AE38" s="104">
        <v>33888</v>
      </c>
      <c r="AF38" s="104">
        <v>0</v>
      </c>
      <c r="AG38" s="104">
        <v>0</v>
      </c>
      <c r="AH38" s="103">
        <v>65660</v>
      </c>
      <c r="AI38" s="106">
        <v>65660</v>
      </c>
      <c r="AJ38" s="100">
        <v>0</v>
      </c>
      <c r="AK38" s="104">
        <v>0</v>
      </c>
      <c r="AL38" s="103">
        <v>0</v>
      </c>
      <c r="AM38" s="100">
        <v>0</v>
      </c>
      <c r="AN38" s="104">
        <v>0</v>
      </c>
      <c r="AO38" s="104">
        <v>0</v>
      </c>
      <c r="AP38" s="104">
        <v>0</v>
      </c>
      <c r="AQ38" s="104">
        <v>0</v>
      </c>
      <c r="AR38" s="104">
        <v>0</v>
      </c>
      <c r="AS38" s="103">
        <v>0</v>
      </c>
      <c r="AT38" s="106">
        <v>0</v>
      </c>
      <c r="AU38" s="100">
        <v>0</v>
      </c>
      <c r="AV38" s="104">
        <v>0</v>
      </c>
      <c r="AW38" s="103">
        <v>0</v>
      </c>
      <c r="AX38" s="100">
        <v>0</v>
      </c>
      <c r="AY38" s="104">
        <v>45452</v>
      </c>
      <c r="AZ38" s="104">
        <v>0</v>
      </c>
      <c r="BA38" s="104">
        <v>20044</v>
      </c>
      <c r="BB38" s="104">
        <v>0</v>
      </c>
      <c r="BC38" s="104">
        <v>0</v>
      </c>
      <c r="BD38" s="103">
        <v>65496</v>
      </c>
      <c r="BE38" s="106">
        <v>65496</v>
      </c>
      <c r="BF38" s="100">
        <v>54941</v>
      </c>
      <c r="BG38" s="104">
        <v>40027</v>
      </c>
      <c r="BH38" s="102">
        <v>94968</v>
      </c>
      <c r="BI38" s="101">
        <v>0</v>
      </c>
      <c r="BJ38" s="104">
        <v>30558</v>
      </c>
      <c r="BK38" s="104">
        <v>0</v>
      </c>
      <c r="BL38" s="104">
        <v>45837</v>
      </c>
      <c r="BM38" s="104">
        <v>0</v>
      </c>
      <c r="BN38" s="104">
        <v>0</v>
      </c>
      <c r="BO38" s="103">
        <v>76395</v>
      </c>
      <c r="BP38" s="106">
        <v>171363</v>
      </c>
      <c r="BQ38" s="100">
        <v>0</v>
      </c>
      <c r="BR38" s="104">
        <v>0</v>
      </c>
      <c r="BS38" s="103">
        <v>0</v>
      </c>
      <c r="BT38" s="100">
        <v>0</v>
      </c>
      <c r="BU38" s="104">
        <v>13040</v>
      </c>
      <c r="BV38" s="104">
        <v>4144</v>
      </c>
      <c r="BW38" s="104">
        <v>4136</v>
      </c>
      <c r="BX38" s="104">
        <v>9328</v>
      </c>
      <c r="BY38" s="104">
        <v>0</v>
      </c>
      <c r="BZ38" s="103">
        <v>30648</v>
      </c>
      <c r="CA38" s="106">
        <v>30648</v>
      </c>
      <c r="CB38" s="100">
        <v>0</v>
      </c>
      <c r="CC38" s="104">
        <v>0</v>
      </c>
      <c r="CD38" s="103">
        <v>0</v>
      </c>
      <c r="CE38" s="100">
        <v>0</v>
      </c>
      <c r="CF38" s="104">
        <v>32563</v>
      </c>
      <c r="CG38" s="104">
        <v>120332</v>
      </c>
      <c r="CH38" s="104">
        <v>4246</v>
      </c>
      <c r="CI38" s="104">
        <v>0</v>
      </c>
      <c r="CJ38" s="104">
        <v>0</v>
      </c>
      <c r="CK38" s="103">
        <v>157141</v>
      </c>
      <c r="CL38" s="106">
        <v>157141</v>
      </c>
      <c r="CM38" s="100">
        <v>0</v>
      </c>
      <c r="CN38" s="104">
        <v>0</v>
      </c>
      <c r="CO38" s="103">
        <v>0</v>
      </c>
      <c r="CP38" s="101">
        <v>0</v>
      </c>
      <c r="CQ38" s="104">
        <v>0</v>
      </c>
      <c r="CR38" s="104">
        <v>29511</v>
      </c>
      <c r="CS38" s="104">
        <v>0</v>
      </c>
      <c r="CT38" s="104">
        <v>0</v>
      </c>
      <c r="CU38" s="104">
        <v>0</v>
      </c>
      <c r="CV38" s="103">
        <v>29511</v>
      </c>
      <c r="CW38" s="106">
        <v>29511</v>
      </c>
      <c r="CX38" s="100">
        <v>0</v>
      </c>
      <c r="CY38" s="104">
        <v>0</v>
      </c>
      <c r="CZ38" s="103">
        <v>0</v>
      </c>
      <c r="DA38" s="100">
        <v>0</v>
      </c>
      <c r="DB38" s="104">
        <v>32563</v>
      </c>
      <c r="DC38" s="104">
        <v>90821</v>
      </c>
      <c r="DD38" s="104">
        <v>4246</v>
      </c>
      <c r="DE38" s="104">
        <v>0</v>
      </c>
      <c r="DF38" s="104">
        <v>0</v>
      </c>
      <c r="DG38" s="103">
        <v>127630</v>
      </c>
      <c r="DH38" s="106">
        <v>127630</v>
      </c>
      <c r="DI38" s="100">
        <v>0</v>
      </c>
      <c r="DJ38" s="104">
        <v>0</v>
      </c>
      <c r="DK38" s="102">
        <v>0</v>
      </c>
      <c r="DL38" s="101">
        <v>0</v>
      </c>
      <c r="DM38" s="104">
        <v>0</v>
      </c>
      <c r="DN38" s="104">
        <v>0</v>
      </c>
      <c r="DO38" s="104">
        <v>0</v>
      </c>
      <c r="DP38" s="104">
        <v>0</v>
      </c>
      <c r="DQ38" s="104">
        <v>0</v>
      </c>
      <c r="DR38" s="103">
        <v>0</v>
      </c>
      <c r="DS38" s="106">
        <v>0</v>
      </c>
      <c r="DT38" s="100">
        <v>0</v>
      </c>
      <c r="DU38" s="104">
        <v>0</v>
      </c>
      <c r="DV38" s="103">
        <v>0</v>
      </c>
      <c r="DW38" s="100">
        <v>0</v>
      </c>
      <c r="DX38" s="104">
        <v>0</v>
      </c>
      <c r="DY38" s="104">
        <v>0</v>
      </c>
      <c r="DZ38" s="104">
        <v>0</v>
      </c>
      <c r="EA38" s="104">
        <v>0</v>
      </c>
      <c r="EB38" s="104">
        <v>0</v>
      </c>
      <c r="EC38" s="103">
        <v>0</v>
      </c>
      <c r="ED38" s="106">
        <v>0</v>
      </c>
      <c r="EE38" s="100">
        <v>0</v>
      </c>
      <c r="EF38" s="102">
        <v>0</v>
      </c>
      <c r="EG38" s="103">
        <v>0</v>
      </c>
      <c r="EH38" s="100">
        <v>0</v>
      </c>
      <c r="EI38" s="104">
        <v>0</v>
      </c>
      <c r="EJ38" s="104">
        <v>0</v>
      </c>
      <c r="EK38" s="104">
        <v>0</v>
      </c>
      <c r="EL38" s="104">
        <v>0</v>
      </c>
      <c r="EM38" s="104">
        <v>0</v>
      </c>
      <c r="EN38" s="102">
        <v>0</v>
      </c>
      <c r="EO38" s="106">
        <v>0</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v>0</v>
      </c>
      <c r="FE38" s="104">
        <v>0</v>
      </c>
      <c r="FF38" s="104">
        <v>0</v>
      </c>
      <c r="FG38" s="104">
        <v>0</v>
      </c>
      <c r="FH38" s="104">
        <v>0</v>
      </c>
      <c r="FI38" s="104">
        <v>0</v>
      </c>
      <c r="FJ38" s="103">
        <v>0</v>
      </c>
      <c r="FK38" s="106">
        <v>0</v>
      </c>
      <c r="FL38" s="100">
        <v>2400</v>
      </c>
      <c r="FM38" s="104">
        <v>6400</v>
      </c>
      <c r="FN38" s="103">
        <v>8800</v>
      </c>
      <c r="FO38" s="100">
        <v>0</v>
      </c>
      <c r="FP38" s="104">
        <v>26800</v>
      </c>
      <c r="FQ38" s="104">
        <v>13600</v>
      </c>
      <c r="FR38" s="104">
        <v>19680</v>
      </c>
      <c r="FS38" s="104">
        <v>0</v>
      </c>
      <c r="FT38" s="104">
        <v>0</v>
      </c>
      <c r="FU38" s="103">
        <v>60080</v>
      </c>
      <c r="FV38" s="106">
        <v>68880</v>
      </c>
      <c r="FW38" s="105">
        <v>2400</v>
      </c>
      <c r="FX38" s="104">
        <v>6400</v>
      </c>
      <c r="FY38" s="102">
        <v>8800</v>
      </c>
      <c r="FZ38" s="101">
        <v>0</v>
      </c>
      <c r="GA38" s="104">
        <v>26800</v>
      </c>
      <c r="GB38" s="104">
        <v>13600</v>
      </c>
      <c r="GC38" s="104">
        <v>19680</v>
      </c>
      <c r="GD38" s="104">
        <v>0</v>
      </c>
      <c r="GE38" s="104">
        <v>0</v>
      </c>
      <c r="GF38" s="103">
        <v>60080</v>
      </c>
      <c r="GG38" s="296">
        <v>68880</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0</v>
      </c>
      <c r="HE38" s="104">
        <v>0</v>
      </c>
      <c r="HF38" s="102">
        <v>0</v>
      </c>
      <c r="HG38" s="101">
        <v>0</v>
      </c>
      <c r="HH38" s="104">
        <v>0</v>
      </c>
      <c r="HI38" s="104">
        <v>179580</v>
      </c>
      <c r="HJ38" s="104">
        <v>0</v>
      </c>
      <c r="HK38" s="104">
        <v>225861</v>
      </c>
      <c r="HL38" s="104">
        <v>0</v>
      </c>
      <c r="HM38" s="103">
        <v>405441</v>
      </c>
      <c r="HN38" s="99">
        <v>405441</v>
      </c>
      <c r="HO38" s="306"/>
      <c r="HP38" s="307"/>
      <c r="HQ38" s="308"/>
      <c r="HR38" s="309"/>
      <c r="HS38" s="307"/>
      <c r="HT38" s="307"/>
      <c r="HU38" s="307"/>
      <c r="HV38" s="307"/>
      <c r="HW38" s="307"/>
      <c r="HX38" s="310"/>
      <c r="HY38" s="311"/>
      <c r="HZ38" s="137">
        <v>0</v>
      </c>
      <c r="IA38" s="122">
        <v>0</v>
      </c>
      <c r="IB38" s="137">
        <v>0</v>
      </c>
      <c r="IC38" s="133">
        <v>0</v>
      </c>
      <c r="ID38" s="119">
        <v>189916</v>
      </c>
      <c r="IE38" s="134">
        <v>0</v>
      </c>
      <c r="IF38" s="120">
        <v>231973</v>
      </c>
      <c r="IG38" s="119">
        <v>0</v>
      </c>
      <c r="IH38" s="120">
        <v>0</v>
      </c>
      <c r="II38" s="135">
        <v>421889</v>
      </c>
      <c r="IJ38" s="137">
        <v>421889</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47105</v>
      </c>
      <c r="JL38" s="109">
        <v>0</v>
      </c>
      <c r="JM38" s="109">
        <v>0</v>
      </c>
      <c r="JN38" s="109">
        <v>0</v>
      </c>
      <c r="JO38" s="109">
        <v>0</v>
      </c>
      <c r="JP38" s="110">
        <v>47105</v>
      </c>
      <c r="JQ38" s="298">
        <v>47105</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142811</v>
      </c>
      <c r="LZ38" s="109">
        <v>0</v>
      </c>
      <c r="MA38" s="109">
        <v>231973</v>
      </c>
      <c r="MB38" s="109">
        <v>0</v>
      </c>
      <c r="MC38" s="109">
        <v>0</v>
      </c>
      <c r="MD38" s="110">
        <v>374784</v>
      </c>
      <c r="ME38" s="111">
        <v>374784</v>
      </c>
      <c r="MF38" s="129">
        <v>0</v>
      </c>
      <c r="MG38" s="109">
        <v>0</v>
      </c>
      <c r="MH38" s="110">
        <v>0</v>
      </c>
      <c r="MI38" s="132"/>
      <c r="MJ38" s="109">
        <v>0</v>
      </c>
      <c r="MK38" s="109">
        <v>231813</v>
      </c>
      <c r="ML38" s="109">
        <v>0</v>
      </c>
      <c r="MM38" s="109">
        <v>0</v>
      </c>
      <c r="MN38" s="109">
        <v>368988</v>
      </c>
      <c r="MO38" s="110">
        <v>600801</v>
      </c>
      <c r="MP38" s="130">
        <v>600801</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0</v>
      </c>
      <c r="NI38" s="109">
        <v>0</v>
      </c>
      <c r="NJ38" s="109">
        <v>0</v>
      </c>
      <c r="NK38" s="110">
        <v>0</v>
      </c>
      <c r="NL38" s="298">
        <v>0</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231813</v>
      </c>
      <c r="OD38" s="109">
        <v>0</v>
      </c>
      <c r="OE38" s="109">
        <v>0</v>
      </c>
      <c r="OF38" s="109">
        <v>368988</v>
      </c>
      <c r="OG38" s="110">
        <v>600801</v>
      </c>
      <c r="OH38" s="111">
        <v>600801</v>
      </c>
      <c r="OI38" s="129">
        <v>57341</v>
      </c>
      <c r="OJ38" s="109">
        <v>46427</v>
      </c>
      <c r="OK38" s="128">
        <v>103768</v>
      </c>
      <c r="OL38" s="108">
        <v>0</v>
      </c>
      <c r="OM38" s="109">
        <v>361117</v>
      </c>
      <c r="ON38" s="109">
        <v>558453</v>
      </c>
      <c r="OO38" s="109">
        <v>359804</v>
      </c>
      <c r="OP38" s="109">
        <v>235189</v>
      </c>
      <c r="OQ38" s="109">
        <v>368988</v>
      </c>
      <c r="OR38" s="110">
        <v>1883551</v>
      </c>
      <c r="OS38" s="130">
        <v>1987319</v>
      </c>
    </row>
    <row r="39" spans="2:409" ht="21" customHeight="1" x14ac:dyDescent="0.2">
      <c r="B39" s="472" t="s">
        <v>34</v>
      </c>
      <c r="C39" s="100">
        <v>22984</v>
      </c>
      <c r="D39" s="104">
        <v>19520</v>
      </c>
      <c r="E39" s="161">
        <v>42504</v>
      </c>
      <c r="F39" s="162">
        <v>0</v>
      </c>
      <c r="G39" s="163">
        <v>5360</v>
      </c>
      <c r="H39" s="163">
        <v>400018</v>
      </c>
      <c r="I39" s="163">
        <v>0</v>
      </c>
      <c r="J39" s="163">
        <v>39792</v>
      </c>
      <c r="K39" s="163">
        <v>512264</v>
      </c>
      <c r="L39" s="164">
        <v>957434</v>
      </c>
      <c r="M39" s="106">
        <v>999938</v>
      </c>
      <c r="N39" s="100">
        <v>0</v>
      </c>
      <c r="O39" s="104">
        <v>0</v>
      </c>
      <c r="P39" s="103">
        <v>0</v>
      </c>
      <c r="Q39" s="100">
        <v>0</v>
      </c>
      <c r="R39" s="104">
        <v>3760</v>
      </c>
      <c r="S39" s="104">
        <v>139922</v>
      </c>
      <c r="T39" s="104">
        <v>0</v>
      </c>
      <c r="U39" s="104">
        <v>0</v>
      </c>
      <c r="V39" s="104">
        <v>37376</v>
      </c>
      <c r="W39" s="103">
        <v>181058</v>
      </c>
      <c r="X39" s="106">
        <v>181058</v>
      </c>
      <c r="Y39" s="100">
        <v>0</v>
      </c>
      <c r="Z39" s="104">
        <v>0</v>
      </c>
      <c r="AA39" s="103">
        <v>0</v>
      </c>
      <c r="AB39" s="100">
        <v>0</v>
      </c>
      <c r="AC39" s="104">
        <v>0</v>
      </c>
      <c r="AD39" s="104">
        <v>0</v>
      </c>
      <c r="AE39" s="104">
        <v>0</v>
      </c>
      <c r="AF39" s="104">
        <v>0</v>
      </c>
      <c r="AG39" s="104">
        <v>0</v>
      </c>
      <c r="AH39" s="103">
        <v>0</v>
      </c>
      <c r="AI39" s="106">
        <v>0</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3760</v>
      </c>
      <c r="AZ39" s="104">
        <v>50066</v>
      </c>
      <c r="BA39" s="104">
        <v>0</v>
      </c>
      <c r="BB39" s="104">
        <v>0</v>
      </c>
      <c r="BC39" s="104">
        <v>0</v>
      </c>
      <c r="BD39" s="103">
        <v>53826</v>
      </c>
      <c r="BE39" s="106">
        <v>53826</v>
      </c>
      <c r="BF39" s="100">
        <v>0</v>
      </c>
      <c r="BG39" s="104">
        <v>0</v>
      </c>
      <c r="BH39" s="102">
        <v>0</v>
      </c>
      <c r="BI39" s="101">
        <v>0</v>
      </c>
      <c r="BJ39" s="104">
        <v>0</v>
      </c>
      <c r="BK39" s="104">
        <v>66544</v>
      </c>
      <c r="BL39" s="104">
        <v>0</v>
      </c>
      <c r="BM39" s="104">
        <v>0</v>
      </c>
      <c r="BN39" s="104">
        <v>0</v>
      </c>
      <c r="BO39" s="103">
        <v>66544</v>
      </c>
      <c r="BP39" s="106">
        <v>66544</v>
      </c>
      <c r="BQ39" s="100">
        <v>0</v>
      </c>
      <c r="BR39" s="104">
        <v>0</v>
      </c>
      <c r="BS39" s="103">
        <v>0</v>
      </c>
      <c r="BT39" s="100">
        <v>0</v>
      </c>
      <c r="BU39" s="104">
        <v>0</v>
      </c>
      <c r="BV39" s="104">
        <v>23312</v>
      </c>
      <c r="BW39" s="104">
        <v>0</v>
      </c>
      <c r="BX39" s="104">
        <v>0</v>
      </c>
      <c r="BY39" s="104">
        <v>37376</v>
      </c>
      <c r="BZ39" s="103">
        <v>60688</v>
      </c>
      <c r="CA39" s="106">
        <v>60688</v>
      </c>
      <c r="CB39" s="100">
        <v>0</v>
      </c>
      <c r="CC39" s="104">
        <v>0</v>
      </c>
      <c r="CD39" s="103">
        <v>0</v>
      </c>
      <c r="CE39" s="100">
        <v>0</v>
      </c>
      <c r="CF39" s="104">
        <v>0</v>
      </c>
      <c r="CG39" s="104">
        <v>30912</v>
      </c>
      <c r="CH39" s="104">
        <v>0</v>
      </c>
      <c r="CI39" s="104">
        <v>35392</v>
      </c>
      <c r="CJ39" s="104">
        <v>0</v>
      </c>
      <c r="CK39" s="103">
        <v>66304</v>
      </c>
      <c r="CL39" s="106">
        <v>66304</v>
      </c>
      <c r="CM39" s="100">
        <v>0</v>
      </c>
      <c r="CN39" s="104">
        <v>0</v>
      </c>
      <c r="CO39" s="103">
        <v>0</v>
      </c>
      <c r="CP39" s="101">
        <v>0</v>
      </c>
      <c r="CQ39" s="104">
        <v>0</v>
      </c>
      <c r="CR39" s="104">
        <v>30912</v>
      </c>
      <c r="CS39" s="104">
        <v>0</v>
      </c>
      <c r="CT39" s="104">
        <v>35392</v>
      </c>
      <c r="CU39" s="104">
        <v>0</v>
      </c>
      <c r="CV39" s="103">
        <v>66304</v>
      </c>
      <c r="CW39" s="106">
        <v>66304</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v>0</v>
      </c>
      <c r="FE39" s="104">
        <v>0</v>
      </c>
      <c r="FF39" s="104">
        <v>0</v>
      </c>
      <c r="FG39" s="104">
        <v>0</v>
      </c>
      <c r="FH39" s="104">
        <v>0</v>
      </c>
      <c r="FI39" s="104">
        <v>0</v>
      </c>
      <c r="FJ39" s="103">
        <v>0</v>
      </c>
      <c r="FK39" s="106">
        <v>0</v>
      </c>
      <c r="FL39" s="100">
        <v>22984</v>
      </c>
      <c r="FM39" s="104">
        <v>19520</v>
      </c>
      <c r="FN39" s="103">
        <v>42504</v>
      </c>
      <c r="FO39" s="100">
        <v>0</v>
      </c>
      <c r="FP39" s="104">
        <v>1600</v>
      </c>
      <c r="FQ39" s="104">
        <v>62000</v>
      </c>
      <c r="FR39" s="104">
        <v>0</v>
      </c>
      <c r="FS39" s="104">
        <v>4400</v>
      </c>
      <c r="FT39" s="104">
        <v>0</v>
      </c>
      <c r="FU39" s="103">
        <v>68000</v>
      </c>
      <c r="FV39" s="106">
        <v>110504</v>
      </c>
      <c r="FW39" s="105">
        <v>0</v>
      </c>
      <c r="FX39" s="104">
        <v>19520</v>
      </c>
      <c r="FY39" s="102">
        <v>19520</v>
      </c>
      <c r="FZ39" s="101">
        <v>0</v>
      </c>
      <c r="GA39" s="104">
        <v>1600</v>
      </c>
      <c r="GB39" s="104">
        <v>62000</v>
      </c>
      <c r="GC39" s="104">
        <v>0</v>
      </c>
      <c r="GD39" s="104">
        <v>4400</v>
      </c>
      <c r="GE39" s="104">
        <v>0</v>
      </c>
      <c r="GF39" s="103">
        <v>68000</v>
      </c>
      <c r="GG39" s="296">
        <v>87520</v>
      </c>
      <c r="GH39" s="105">
        <v>0</v>
      </c>
      <c r="GI39" s="104">
        <v>0</v>
      </c>
      <c r="GJ39" s="102">
        <v>0</v>
      </c>
      <c r="GK39" s="101">
        <v>0</v>
      </c>
      <c r="GL39" s="104">
        <v>0</v>
      </c>
      <c r="GM39" s="104">
        <v>0</v>
      </c>
      <c r="GN39" s="104">
        <v>0</v>
      </c>
      <c r="GO39" s="104">
        <v>0</v>
      </c>
      <c r="GP39" s="104">
        <v>0</v>
      </c>
      <c r="GQ39" s="103">
        <v>0</v>
      </c>
      <c r="GR39" s="106">
        <v>0</v>
      </c>
      <c r="GS39" s="100">
        <v>22984</v>
      </c>
      <c r="GT39" s="104">
        <v>0</v>
      </c>
      <c r="GU39" s="103">
        <v>22984</v>
      </c>
      <c r="GV39" s="100">
        <v>0</v>
      </c>
      <c r="GW39" s="104">
        <v>0</v>
      </c>
      <c r="GX39" s="104">
        <v>0</v>
      </c>
      <c r="GY39" s="104">
        <v>0</v>
      </c>
      <c r="GZ39" s="104">
        <v>0</v>
      </c>
      <c r="HA39" s="104">
        <v>0</v>
      </c>
      <c r="HB39" s="102">
        <v>0</v>
      </c>
      <c r="HC39" s="106">
        <v>22984</v>
      </c>
      <c r="HD39" s="100">
        <v>0</v>
      </c>
      <c r="HE39" s="104">
        <v>0</v>
      </c>
      <c r="HF39" s="102">
        <v>0</v>
      </c>
      <c r="HG39" s="101">
        <v>0</v>
      </c>
      <c r="HH39" s="104">
        <v>0</v>
      </c>
      <c r="HI39" s="104">
        <v>167184</v>
      </c>
      <c r="HJ39" s="104">
        <v>0</v>
      </c>
      <c r="HK39" s="104">
        <v>0</v>
      </c>
      <c r="HL39" s="104">
        <v>474888</v>
      </c>
      <c r="HM39" s="103">
        <v>642072</v>
      </c>
      <c r="HN39" s="99">
        <v>642072</v>
      </c>
      <c r="HO39" s="306"/>
      <c r="HP39" s="307"/>
      <c r="HQ39" s="308"/>
      <c r="HR39" s="309"/>
      <c r="HS39" s="307"/>
      <c r="HT39" s="307"/>
      <c r="HU39" s="307"/>
      <c r="HV39" s="307"/>
      <c r="HW39" s="307"/>
      <c r="HX39" s="310"/>
      <c r="HY39" s="311"/>
      <c r="HZ39" s="118">
        <v>0</v>
      </c>
      <c r="IA39" s="119">
        <v>0</v>
      </c>
      <c r="IB39" s="120">
        <v>0</v>
      </c>
      <c r="IC39" s="133">
        <v>0</v>
      </c>
      <c r="ID39" s="119">
        <v>83288</v>
      </c>
      <c r="IE39" s="134">
        <v>260472</v>
      </c>
      <c r="IF39" s="120">
        <v>219712</v>
      </c>
      <c r="IG39" s="119">
        <v>0</v>
      </c>
      <c r="IH39" s="120">
        <v>0</v>
      </c>
      <c r="II39" s="135">
        <v>563472</v>
      </c>
      <c r="IJ39" s="126">
        <v>563472</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83288</v>
      </c>
      <c r="JL39" s="109">
        <v>96544</v>
      </c>
      <c r="JM39" s="109">
        <v>0</v>
      </c>
      <c r="JN39" s="109">
        <v>0</v>
      </c>
      <c r="JO39" s="109">
        <v>0</v>
      </c>
      <c r="JP39" s="110">
        <v>179832</v>
      </c>
      <c r="JQ39" s="298">
        <v>179832</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0</v>
      </c>
      <c r="KH39" s="109">
        <v>163928</v>
      </c>
      <c r="KI39" s="109">
        <v>219712</v>
      </c>
      <c r="KJ39" s="109">
        <v>0</v>
      </c>
      <c r="KK39" s="109">
        <v>0</v>
      </c>
      <c r="KL39" s="110">
        <v>383640</v>
      </c>
      <c r="KM39" s="130">
        <v>38364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0</v>
      </c>
      <c r="MA39" s="109">
        <v>0</v>
      </c>
      <c r="MB39" s="109">
        <v>0</v>
      </c>
      <c r="MC39" s="109">
        <v>0</v>
      </c>
      <c r="MD39" s="110">
        <v>0</v>
      </c>
      <c r="ME39" s="111">
        <v>0</v>
      </c>
      <c r="MF39" s="129">
        <v>0</v>
      </c>
      <c r="MG39" s="109">
        <v>0</v>
      </c>
      <c r="MH39" s="110">
        <v>0</v>
      </c>
      <c r="MI39" s="132"/>
      <c r="MJ39" s="109">
        <v>0</v>
      </c>
      <c r="MK39" s="109">
        <v>0</v>
      </c>
      <c r="ML39" s="109">
        <v>622928</v>
      </c>
      <c r="MM39" s="109">
        <v>0</v>
      </c>
      <c r="MN39" s="109">
        <v>0</v>
      </c>
      <c r="MO39" s="110">
        <v>622928</v>
      </c>
      <c r="MP39" s="130">
        <v>622928</v>
      </c>
      <c r="MQ39" s="129">
        <v>0</v>
      </c>
      <c r="MR39" s="109">
        <v>0</v>
      </c>
      <c r="MS39" s="110">
        <v>0</v>
      </c>
      <c r="MT39" s="132"/>
      <c r="MU39" s="109">
        <v>0</v>
      </c>
      <c r="MV39" s="109">
        <v>0</v>
      </c>
      <c r="MW39" s="109">
        <v>372544</v>
      </c>
      <c r="MX39" s="109">
        <v>0</v>
      </c>
      <c r="MY39" s="109">
        <v>0</v>
      </c>
      <c r="MZ39" s="110">
        <v>372544</v>
      </c>
      <c r="NA39" s="130">
        <v>372544</v>
      </c>
      <c r="NB39" s="129">
        <v>0</v>
      </c>
      <c r="NC39" s="109">
        <v>0</v>
      </c>
      <c r="ND39" s="110">
        <v>0</v>
      </c>
      <c r="NE39" s="132"/>
      <c r="NF39" s="109">
        <v>0</v>
      </c>
      <c r="NG39" s="109">
        <v>0</v>
      </c>
      <c r="NH39" s="109">
        <v>250384</v>
      </c>
      <c r="NI39" s="109">
        <v>0</v>
      </c>
      <c r="NJ39" s="109">
        <v>0</v>
      </c>
      <c r="NK39" s="110">
        <v>250384</v>
      </c>
      <c r="NL39" s="298">
        <v>250384</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22984</v>
      </c>
      <c r="OJ39" s="109">
        <v>19520</v>
      </c>
      <c r="OK39" s="128">
        <v>42504</v>
      </c>
      <c r="OL39" s="108">
        <v>0</v>
      </c>
      <c r="OM39" s="109">
        <v>88648</v>
      </c>
      <c r="ON39" s="109">
        <v>660490</v>
      </c>
      <c r="OO39" s="109">
        <v>842640</v>
      </c>
      <c r="OP39" s="109">
        <v>39792</v>
      </c>
      <c r="OQ39" s="109">
        <v>512264</v>
      </c>
      <c r="OR39" s="110">
        <v>2143834</v>
      </c>
      <c r="OS39" s="130">
        <v>2186338</v>
      </c>
    </row>
    <row r="40" spans="2:409" ht="21" customHeight="1" x14ac:dyDescent="0.2">
      <c r="B40" s="472" t="s">
        <v>35</v>
      </c>
      <c r="C40" s="100">
        <v>189712</v>
      </c>
      <c r="D40" s="104">
        <v>264263</v>
      </c>
      <c r="E40" s="103">
        <v>453975</v>
      </c>
      <c r="F40" s="99">
        <v>0</v>
      </c>
      <c r="G40" s="104">
        <v>1495774</v>
      </c>
      <c r="H40" s="104">
        <v>936574</v>
      </c>
      <c r="I40" s="104">
        <v>343776</v>
      </c>
      <c r="J40" s="104">
        <v>971268</v>
      </c>
      <c r="K40" s="104">
        <v>823083</v>
      </c>
      <c r="L40" s="160">
        <v>4570475</v>
      </c>
      <c r="M40" s="106">
        <v>5024450</v>
      </c>
      <c r="N40" s="100">
        <v>53480</v>
      </c>
      <c r="O40" s="104">
        <v>24624</v>
      </c>
      <c r="P40" s="103">
        <v>78104</v>
      </c>
      <c r="Q40" s="100">
        <v>0</v>
      </c>
      <c r="R40" s="104">
        <v>502567</v>
      </c>
      <c r="S40" s="104">
        <v>111784</v>
      </c>
      <c r="T40" s="104">
        <v>23408</v>
      </c>
      <c r="U40" s="104">
        <v>241128</v>
      </c>
      <c r="V40" s="104">
        <v>547622</v>
      </c>
      <c r="W40" s="103">
        <v>1426509</v>
      </c>
      <c r="X40" s="106">
        <v>1504613</v>
      </c>
      <c r="Y40" s="100">
        <v>0</v>
      </c>
      <c r="Z40" s="104">
        <v>0</v>
      </c>
      <c r="AA40" s="103">
        <v>0</v>
      </c>
      <c r="AB40" s="100">
        <v>0</v>
      </c>
      <c r="AC40" s="104">
        <v>282735</v>
      </c>
      <c r="AD40" s="104">
        <v>46032</v>
      </c>
      <c r="AE40" s="104">
        <v>0</v>
      </c>
      <c r="AF40" s="104">
        <v>97528</v>
      </c>
      <c r="AG40" s="104">
        <v>209950</v>
      </c>
      <c r="AH40" s="103">
        <v>636245</v>
      </c>
      <c r="AI40" s="106">
        <v>636245</v>
      </c>
      <c r="AJ40" s="100">
        <v>0</v>
      </c>
      <c r="AK40" s="104">
        <v>0</v>
      </c>
      <c r="AL40" s="103">
        <v>0</v>
      </c>
      <c r="AM40" s="100">
        <v>0</v>
      </c>
      <c r="AN40" s="104">
        <v>0</v>
      </c>
      <c r="AO40" s="104">
        <v>0</v>
      </c>
      <c r="AP40" s="104">
        <v>0</v>
      </c>
      <c r="AQ40" s="104">
        <v>87416</v>
      </c>
      <c r="AR40" s="104">
        <v>141640</v>
      </c>
      <c r="AS40" s="103">
        <v>229056</v>
      </c>
      <c r="AT40" s="106">
        <v>229056</v>
      </c>
      <c r="AU40" s="100">
        <v>0</v>
      </c>
      <c r="AV40" s="104">
        <v>0</v>
      </c>
      <c r="AW40" s="103">
        <v>0</v>
      </c>
      <c r="AX40" s="100">
        <v>0</v>
      </c>
      <c r="AY40" s="104">
        <v>45312</v>
      </c>
      <c r="AZ40" s="104">
        <v>30536</v>
      </c>
      <c r="BA40" s="104">
        <v>7696</v>
      </c>
      <c r="BB40" s="104">
        <v>0</v>
      </c>
      <c r="BC40" s="104">
        <v>136144</v>
      </c>
      <c r="BD40" s="103">
        <v>219688</v>
      </c>
      <c r="BE40" s="106">
        <v>219688</v>
      </c>
      <c r="BF40" s="100">
        <v>42568</v>
      </c>
      <c r="BG40" s="104">
        <v>15024</v>
      </c>
      <c r="BH40" s="102">
        <v>57592</v>
      </c>
      <c r="BI40" s="101">
        <v>0</v>
      </c>
      <c r="BJ40" s="104">
        <v>61248</v>
      </c>
      <c r="BK40" s="104">
        <v>0</v>
      </c>
      <c r="BL40" s="104">
        <v>0</v>
      </c>
      <c r="BM40" s="104">
        <v>0</v>
      </c>
      <c r="BN40" s="104">
        <v>10016</v>
      </c>
      <c r="BO40" s="103">
        <v>71264</v>
      </c>
      <c r="BP40" s="106">
        <v>128856</v>
      </c>
      <c r="BQ40" s="100">
        <v>10912</v>
      </c>
      <c r="BR40" s="104">
        <v>9600</v>
      </c>
      <c r="BS40" s="103">
        <v>20512</v>
      </c>
      <c r="BT40" s="100">
        <v>0</v>
      </c>
      <c r="BU40" s="104">
        <v>113272</v>
      </c>
      <c r="BV40" s="104">
        <v>35216</v>
      </c>
      <c r="BW40" s="104">
        <v>15712</v>
      </c>
      <c r="BX40" s="104">
        <v>56184</v>
      </c>
      <c r="BY40" s="104">
        <v>49872</v>
      </c>
      <c r="BZ40" s="103">
        <v>270256</v>
      </c>
      <c r="CA40" s="106">
        <v>290768</v>
      </c>
      <c r="CB40" s="100">
        <v>20728</v>
      </c>
      <c r="CC40" s="104">
        <v>40815</v>
      </c>
      <c r="CD40" s="103">
        <v>61543</v>
      </c>
      <c r="CE40" s="100">
        <v>0</v>
      </c>
      <c r="CF40" s="104">
        <v>237508</v>
      </c>
      <c r="CG40" s="104">
        <v>383528</v>
      </c>
      <c r="CH40" s="104">
        <v>85600</v>
      </c>
      <c r="CI40" s="104">
        <v>149152</v>
      </c>
      <c r="CJ40" s="104">
        <v>0</v>
      </c>
      <c r="CK40" s="103">
        <v>855788</v>
      </c>
      <c r="CL40" s="106">
        <v>917331</v>
      </c>
      <c r="CM40" s="100">
        <v>0</v>
      </c>
      <c r="CN40" s="104">
        <v>0</v>
      </c>
      <c r="CO40" s="103">
        <v>0</v>
      </c>
      <c r="CP40" s="101">
        <v>0</v>
      </c>
      <c r="CQ40" s="104">
        <v>191564</v>
      </c>
      <c r="CR40" s="104">
        <v>383528</v>
      </c>
      <c r="CS40" s="104">
        <v>85600</v>
      </c>
      <c r="CT40" s="104">
        <v>0</v>
      </c>
      <c r="CU40" s="104">
        <v>0</v>
      </c>
      <c r="CV40" s="103">
        <v>660692</v>
      </c>
      <c r="CW40" s="106">
        <v>660692</v>
      </c>
      <c r="CX40" s="100">
        <v>20728</v>
      </c>
      <c r="CY40" s="104">
        <v>40815</v>
      </c>
      <c r="CZ40" s="103">
        <v>61543</v>
      </c>
      <c r="DA40" s="100">
        <v>0</v>
      </c>
      <c r="DB40" s="104">
        <v>45944</v>
      </c>
      <c r="DC40" s="104">
        <v>0</v>
      </c>
      <c r="DD40" s="104">
        <v>0</v>
      </c>
      <c r="DE40" s="104">
        <v>149152</v>
      </c>
      <c r="DF40" s="104">
        <v>0</v>
      </c>
      <c r="DG40" s="103">
        <v>195096</v>
      </c>
      <c r="DH40" s="106">
        <v>256639</v>
      </c>
      <c r="DI40" s="100">
        <v>0</v>
      </c>
      <c r="DJ40" s="104">
        <v>0</v>
      </c>
      <c r="DK40" s="102">
        <v>0</v>
      </c>
      <c r="DL40" s="101">
        <v>0</v>
      </c>
      <c r="DM40" s="104">
        <v>0</v>
      </c>
      <c r="DN40" s="104">
        <v>65144</v>
      </c>
      <c r="DO40" s="104">
        <v>0</v>
      </c>
      <c r="DP40" s="104">
        <v>0</v>
      </c>
      <c r="DQ40" s="104">
        <v>0</v>
      </c>
      <c r="DR40" s="103">
        <v>65144</v>
      </c>
      <c r="DS40" s="106">
        <v>65144</v>
      </c>
      <c r="DT40" s="100">
        <v>0</v>
      </c>
      <c r="DU40" s="104">
        <v>0</v>
      </c>
      <c r="DV40" s="103">
        <v>0</v>
      </c>
      <c r="DW40" s="100">
        <v>0</v>
      </c>
      <c r="DX40" s="104">
        <v>0</v>
      </c>
      <c r="DY40" s="104">
        <v>65144</v>
      </c>
      <c r="DZ40" s="104">
        <v>0</v>
      </c>
      <c r="EA40" s="104">
        <v>0</v>
      </c>
      <c r="EB40" s="104">
        <v>0</v>
      </c>
      <c r="EC40" s="103">
        <v>65144</v>
      </c>
      <c r="ED40" s="106">
        <v>6514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v>0</v>
      </c>
      <c r="FE40" s="104">
        <v>0</v>
      </c>
      <c r="FF40" s="104">
        <v>0</v>
      </c>
      <c r="FG40" s="104">
        <v>0</v>
      </c>
      <c r="FH40" s="104">
        <v>0</v>
      </c>
      <c r="FI40" s="104">
        <v>0</v>
      </c>
      <c r="FJ40" s="103">
        <v>0</v>
      </c>
      <c r="FK40" s="106">
        <v>0</v>
      </c>
      <c r="FL40" s="100">
        <v>0</v>
      </c>
      <c r="FM40" s="104">
        <v>111960</v>
      </c>
      <c r="FN40" s="103">
        <v>111960</v>
      </c>
      <c r="FO40" s="100">
        <v>0</v>
      </c>
      <c r="FP40" s="104">
        <v>36768</v>
      </c>
      <c r="FQ40" s="104">
        <v>59344</v>
      </c>
      <c r="FR40" s="104">
        <v>38200</v>
      </c>
      <c r="FS40" s="104">
        <v>37600</v>
      </c>
      <c r="FT40" s="104">
        <v>30000</v>
      </c>
      <c r="FU40" s="103">
        <v>201912</v>
      </c>
      <c r="FV40" s="106">
        <v>313872</v>
      </c>
      <c r="FW40" s="105">
        <v>0</v>
      </c>
      <c r="FX40" s="104">
        <v>3800</v>
      </c>
      <c r="FY40" s="102">
        <v>3800</v>
      </c>
      <c r="FZ40" s="101">
        <v>0</v>
      </c>
      <c r="GA40" s="104">
        <v>36768</v>
      </c>
      <c r="GB40" s="104">
        <v>59344</v>
      </c>
      <c r="GC40" s="104">
        <v>38200</v>
      </c>
      <c r="GD40" s="104">
        <v>37600</v>
      </c>
      <c r="GE40" s="104">
        <v>30000</v>
      </c>
      <c r="GF40" s="103">
        <v>201912</v>
      </c>
      <c r="GG40" s="296">
        <v>205712</v>
      </c>
      <c r="GH40" s="105">
        <v>0</v>
      </c>
      <c r="GI40" s="104">
        <v>0</v>
      </c>
      <c r="GJ40" s="102">
        <v>0</v>
      </c>
      <c r="GK40" s="101">
        <v>0</v>
      </c>
      <c r="GL40" s="104">
        <v>0</v>
      </c>
      <c r="GM40" s="104">
        <v>0</v>
      </c>
      <c r="GN40" s="104">
        <v>0</v>
      </c>
      <c r="GO40" s="104">
        <v>0</v>
      </c>
      <c r="GP40" s="104">
        <v>0</v>
      </c>
      <c r="GQ40" s="103">
        <v>0</v>
      </c>
      <c r="GR40" s="106">
        <v>0</v>
      </c>
      <c r="GS40" s="100">
        <v>0</v>
      </c>
      <c r="GT40" s="104">
        <v>108160</v>
      </c>
      <c r="GU40" s="103">
        <v>108160</v>
      </c>
      <c r="GV40" s="100">
        <v>0</v>
      </c>
      <c r="GW40" s="104">
        <v>0</v>
      </c>
      <c r="GX40" s="104">
        <v>0</v>
      </c>
      <c r="GY40" s="104">
        <v>0</v>
      </c>
      <c r="GZ40" s="104">
        <v>0</v>
      </c>
      <c r="HA40" s="104">
        <v>0</v>
      </c>
      <c r="HB40" s="102">
        <v>0</v>
      </c>
      <c r="HC40" s="106">
        <v>108160</v>
      </c>
      <c r="HD40" s="100">
        <v>115504</v>
      </c>
      <c r="HE40" s="104">
        <v>86864</v>
      </c>
      <c r="HF40" s="102">
        <v>202368</v>
      </c>
      <c r="HG40" s="101">
        <v>0</v>
      </c>
      <c r="HH40" s="104">
        <v>718931</v>
      </c>
      <c r="HI40" s="104">
        <v>316774</v>
      </c>
      <c r="HJ40" s="104">
        <v>196568</v>
      </c>
      <c r="HK40" s="104">
        <v>543388</v>
      </c>
      <c r="HL40" s="104">
        <v>245461</v>
      </c>
      <c r="HM40" s="103">
        <v>2021122</v>
      </c>
      <c r="HN40" s="99">
        <v>2223490</v>
      </c>
      <c r="HO40" s="306"/>
      <c r="HP40" s="307"/>
      <c r="HQ40" s="308"/>
      <c r="HR40" s="309"/>
      <c r="HS40" s="307"/>
      <c r="HT40" s="307"/>
      <c r="HU40" s="307"/>
      <c r="HV40" s="307"/>
      <c r="HW40" s="307"/>
      <c r="HX40" s="310"/>
      <c r="HY40" s="311"/>
      <c r="HZ40" s="137">
        <v>0</v>
      </c>
      <c r="IA40" s="122">
        <v>0</v>
      </c>
      <c r="IB40" s="137">
        <v>0</v>
      </c>
      <c r="IC40" s="133">
        <v>0</v>
      </c>
      <c r="ID40" s="119">
        <v>228344</v>
      </c>
      <c r="IE40" s="134">
        <v>406728</v>
      </c>
      <c r="IF40" s="120">
        <v>78424</v>
      </c>
      <c r="IG40" s="119">
        <v>0</v>
      </c>
      <c r="IH40" s="120">
        <v>0</v>
      </c>
      <c r="II40" s="135">
        <v>713496</v>
      </c>
      <c r="IJ40" s="137">
        <v>713496</v>
      </c>
      <c r="IK40" s="219">
        <v>0</v>
      </c>
      <c r="IL40" s="223">
        <v>0</v>
      </c>
      <c r="IM40" s="224">
        <v>0</v>
      </c>
      <c r="IN40" s="127"/>
      <c r="IO40" s="109">
        <v>0</v>
      </c>
      <c r="IP40" s="109">
        <v>0</v>
      </c>
      <c r="IQ40" s="109">
        <v>78424</v>
      </c>
      <c r="IR40" s="109">
        <v>0</v>
      </c>
      <c r="IS40" s="109">
        <v>0</v>
      </c>
      <c r="IT40" s="128">
        <v>78424</v>
      </c>
      <c r="IU40" s="298">
        <v>78424</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169720</v>
      </c>
      <c r="KI40" s="109">
        <v>0</v>
      </c>
      <c r="KJ40" s="109">
        <v>0</v>
      </c>
      <c r="KK40" s="109">
        <v>0</v>
      </c>
      <c r="KL40" s="110">
        <v>169720</v>
      </c>
      <c r="KM40" s="130">
        <v>169720</v>
      </c>
      <c r="KN40" s="219">
        <v>0</v>
      </c>
      <c r="KO40" s="223">
        <v>0</v>
      </c>
      <c r="KP40" s="224">
        <v>0</v>
      </c>
      <c r="KQ40" s="127"/>
      <c r="KR40" s="109">
        <v>228344</v>
      </c>
      <c r="KS40" s="109">
        <v>237008</v>
      </c>
      <c r="KT40" s="109">
        <v>0</v>
      </c>
      <c r="KU40" s="109">
        <v>0</v>
      </c>
      <c r="KV40" s="109">
        <v>0</v>
      </c>
      <c r="KW40" s="110">
        <v>465352</v>
      </c>
      <c r="KX40" s="298">
        <v>465352</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456624</v>
      </c>
      <c r="MK40" s="109">
        <v>0</v>
      </c>
      <c r="ML40" s="109">
        <v>821604</v>
      </c>
      <c r="MM40" s="109">
        <v>265080</v>
      </c>
      <c r="MN40" s="109">
        <v>1296040</v>
      </c>
      <c r="MO40" s="110">
        <v>2839348</v>
      </c>
      <c r="MP40" s="130">
        <v>2839348</v>
      </c>
      <c r="MQ40" s="129">
        <v>0</v>
      </c>
      <c r="MR40" s="109">
        <v>0</v>
      </c>
      <c r="MS40" s="110">
        <v>0</v>
      </c>
      <c r="MT40" s="132"/>
      <c r="MU40" s="109">
        <v>0</v>
      </c>
      <c r="MV40" s="109">
        <v>0</v>
      </c>
      <c r="MW40" s="109">
        <v>0</v>
      </c>
      <c r="MX40" s="109">
        <v>265080</v>
      </c>
      <c r="MY40" s="109">
        <v>1296040</v>
      </c>
      <c r="MZ40" s="110">
        <v>1561120</v>
      </c>
      <c r="NA40" s="130">
        <v>1561120</v>
      </c>
      <c r="NB40" s="129">
        <v>0</v>
      </c>
      <c r="NC40" s="109">
        <v>0</v>
      </c>
      <c r="ND40" s="110">
        <v>0</v>
      </c>
      <c r="NE40" s="132"/>
      <c r="NF40" s="109">
        <v>456624</v>
      </c>
      <c r="NG40" s="109">
        <v>0</v>
      </c>
      <c r="NH40" s="109">
        <v>821604</v>
      </c>
      <c r="NI40" s="109">
        <v>0</v>
      </c>
      <c r="NJ40" s="109">
        <v>0</v>
      </c>
      <c r="NK40" s="110">
        <v>1278228</v>
      </c>
      <c r="NL40" s="298">
        <v>1278228</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189712</v>
      </c>
      <c r="OJ40" s="109">
        <v>264263</v>
      </c>
      <c r="OK40" s="128">
        <v>453975</v>
      </c>
      <c r="OL40" s="108">
        <v>0</v>
      </c>
      <c r="OM40" s="109">
        <v>2180742</v>
      </c>
      <c r="ON40" s="109">
        <v>1343302</v>
      </c>
      <c r="OO40" s="109">
        <v>1243804</v>
      </c>
      <c r="OP40" s="109">
        <v>1236348</v>
      </c>
      <c r="OQ40" s="109">
        <v>2119123</v>
      </c>
      <c r="OR40" s="110">
        <v>8123319</v>
      </c>
      <c r="OS40" s="130">
        <v>8577294</v>
      </c>
    </row>
    <row r="41" spans="2:409" ht="21" customHeight="1" x14ac:dyDescent="0.2">
      <c r="B41" s="472" t="s">
        <v>36</v>
      </c>
      <c r="C41" s="100">
        <v>160000</v>
      </c>
      <c r="D41" s="104">
        <v>95925</v>
      </c>
      <c r="E41" s="103">
        <v>255925</v>
      </c>
      <c r="F41" s="99">
        <v>0</v>
      </c>
      <c r="G41" s="104">
        <v>510438</v>
      </c>
      <c r="H41" s="104">
        <v>576270</v>
      </c>
      <c r="I41" s="104">
        <v>720584</v>
      </c>
      <c r="J41" s="104">
        <v>90608</v>
      </c>
      <c r="K41" s="104">
        <v>365844</v>
      </c>
      <c r="L41" s="160">
        <v>2263744</v>
      </c>
      <c r="M41" s="106">
        <v>2519669</v>
      </c>
      <c r="N41" s="100">
        <v>0</v>
      </c>
      <c r="O41" s="104">
        <v>36629</v>
      </c>
      <c r="P41" s="103">
        <v>36629</v>
      </c>
      <c r="Q41" s="100">
        <v>0</v>
      </c>
      <c r="R41" s="104">
        <v>181675</v>
      </c>
      <c r="S41" s="104">
        <v>268743</v>
      </c>
      <c r="T41" s="104">
        <v>172258</v>
      </c>
      <c r="U41" s="104">
        <v>13040</v>
      </c>
      <c r="V41" s="104">
        <v>120233</v>
      </c>
      <c r="W41" s="103">
        <v>755949</v>
      </c>
      <c r="X41" s="106">
        <v>792578</v>
      </c>
      <c r="Y41" s="100">
        <v>0</v>
      </c>
      <c r="Z41" s="104">
        <v>0</v>
      </c>
      <c r="AA41" s="103">
        <v>0</v>
      </c>
      <c r="AB41" s="100">
        <v>0</v>
      </c>
      <c r="AC41" s="104">
        <v>43429</v>
      </c>
      <c r="AD41" s="104">
        <v>153268</v>
      </c>
      <c r="AE41" s="104">
        <v>12738</v>
      </c>
      <c r="AF41" s="104">
        <v>0</v>
      </c>
      <c r="AG41" s="104">
        <v>28444</v>
      </c>
      <c r="AH41" s="103">
        <v>237879</v>
      </c>
      <c r="AI41" s="106">
        <v>237879</v>
      </c>
      <c r="AJ41" s="100">
        <v>0</v>
      </c>
      <c r="AK41" s="104">
        <v>0</v>
      </c>
      <c r="AL41" s="103">
        <v>0</v>
      </c>
      <c r="AM41" s="100">
        <v>0</v>
      </c>
      <c r="AN41" s="104">
        <v>0</v>
      </c>
      <c r="AO41" s="104">
        <v>0</v>
      </c>
      <c r="AP41" s="104">
        <v>0</v>
      </c>
      <c r="AQ41" s="104">
        <v>0</v>
      </c>
      <c r="AR41" s="104">
        <v>0</v>
      </c>
      <c r="AS41" s="103">
        <v>0</v>
      </c>
      <c r="AT41" s="106">
        <v>0</v>
      </c>
      <c r="AU41" s="100">
        <v>0</v>
      </c>
      <c r="AV41" s="104">
        <v>0</v>
      </c>
      <c r="AW41" s="103">
        <v>0</v>
      </c>
      <c r="AX41" s="100">
        <v>0</v>
      </c>
      <c r="AY41" s="104">
        <v>122758</v>
      </c>
      <c r="AZ41" s="104">
        <v>76278</v>
      </c>
      <c r="BA41" s="104">
        <v>142080</v>
      </c>
      <c r="BB41" s="104">
        <v>0</v>
      </c>
      <c r="BC41" s="104">
        <v>52069</v>
      </c>
      <c r="BD41" s="103">
        <v>393185</v>
      </c>
      <c r="BE41" s="106">
        <v>393185</v>
      </c>
      <c r="BF41" s="100">
        <v>0</v>
      </c>
      <c r="BG41" s="104">
        <v>36629</v>
      </c>
      <c r="BH41" s="102">
        <v>36629</v>
      </c>
      <c r="BI41" s="101">
        <v>0</v>
      </c>
      <c r="BJ41" s="104">
        <v>0</v>
      </c>
      <c r="BK41" s="104">
        <v>21933</v>
      </c>
      <c r="BL41" s="104">
        <v>0</v>
      </c>
      <c r="BM41" s="104">
        <v>0</v>
      </c>
      <c r="BN41" s="104">
        <v>0</v>
      </c>
      <c r="BO41" s="103">
        <v>21933</v>
      </c>
      <c r="BP41" s="106">
        <v>58562</v>
      </c>
      <c r="BQ41" s="100">
        <v>0</v>
      </c>
      <c r="BR41" s="104">
        <v>0</v>
      </c>
      <c r="BS41" s="103">
        <v>0</v>
      </c>
      <c r="BT41" s="100">
        <v>0</v>
      </c>
      <c r="BU41" s="104">
        <v>15488</v>
      </c>
      <c r="BV41" s="104">
        <v>17264</v>
      </c>
      <c r="BW41" s="104">
        <v>17440</v>
      </c>
      <c r="BX41" s="104">
        <v>13040</v>
      </c>
      <c r="BY41" s="104">
        <v>39720</v>
      </c>
      <c r="BZ41" s="103">
        <v>102952</v>
      </c>
      <c r="CA41" s="106">
        <v>102952</v>
      </c>
      <c r="CB41" s="100">
        <v>0</v>
      </c>
      <c r="CC41" s="104">
        <v>37296</v>
      </c>
      <c r="CD41" s="103">
        <v>37296</v>
      </c>
      <c r="CE41" s="100">
        <v>0</v>
      </c>
      <c r="CF41" s="104">
        <v>142291</v>
      </c>
      <c r="CG41" s="104">
        <v>57892</v>
      </c>
      <c r="CH41" s="104">
        <v>75828</v>
      </c>
      <c r="CI41" s="104">
        <v>53584</v>
      </c>
      <c r="CJ41" s="104">
        <v>0</v>
      </c>
      <c r="CK41" s="103">
        <v>329595</v>
      </c>
      <c r="CL41" s="106">
        <v>366891</v>
      </c>
      <c r="CM41" s="100">
        <v>0</v>
      </c>
      <c r="CN41" s="104">
        <v>0</v>
      </c>
      <c r="CO41" s="103">
        <v>0</v>
      </c>
      <c r="CP41" s="101">
        <v>0</v>
      </c>
      <c r="CQ41" s="104">
        <v>142291</v>
      </c>
      <c r="CR41" s="104">
        <v>57892</v>
      </c>
      <c r="CS41" s="104">
        <v>75828</v>
      </c>
      <c r="CT41" s="104">
        <v>0</v>
      </c>
      <c r="CU41" s="104">
        <v>0</v>
      </c>
      <c r="CV41" s="103">
        <v>276011</v>
      </c>
      <c r="CW41" s="106">
        <v>276011</v>
      </c>
      <c r="CX41" s="100">
        <v>0</v>
      </c>
      <c r="CY41" s="104">
        <v>37296</v>
      </c>
      <c r="CZ41" s="103">
        <v>37296</v>
      </c>
      <c r="DA41" s="100">
        <v>0</v>
      </c>
      <c r="DB41" s="104">
        <v>0</v>
      </c>
      <c r="DC41" s="104">
        <v>0</v>
      </c>
      <c r="DD41" s="104">
        <v>0</v>
      </c>
      <c r="DE41" s="104">
        <v>53584</v>
      </c>
      <c r="DF41" s="104">
        <v>0</v>
      </c>
      <c r="DG41" s="103">
        <v>53584</v>
      </c>
      <c r="DH41" s="106">
        <v>90880</v>
      </c>
      <c r="DI41" s="100">
        <v>0</v>
      </c>
      <c r="DJ41" s="104">
        <v>0</v>
      </c>
      <c r="DK41" s="102">
        <v>0</v>
      </c>
      <c r="DL41" s="101">
        <v>0</v>
      </c>
      <c r="DM41" s="104">
        <v>0</v>
      </c>
      <c r="DN41" s="104">
        <v>16483</v>
      </c>
      <c r="DO41" s="104">
        <v>100284</v>
      </c>
      <c r="DP41" s="104">
        <v>0</v>
      </c>
      <c r="DQ41" s="104">
        <v>0</v>
      </c>
      <c r="DR41" s="103">
        <v>116767</v>
      </c>
      <c r="DS41" s="106">
        <v>116767</v>
      </c>
      <c r="DT41" s="100">
        <v>0</v>
      </c>
      <c r="DU41" s="104">
        <v>0</v>
      </c>
      <c r="DV41" s="103">
        <v>0</v>
      </c>
      <c r="DW41" s="100">
        <v>0</v>
      </c>
      <c r="DX41" s="104">
        <v>0</v>
      </c>
      <c r="DY41" s="104">
        <v>16483</v>
      </c>
      <c r="DZ41" s="104">
        <v>100284</v>
      </c>
      <c r="EA41" s="104">
        <v>0</v>
      </c>
      <c r="EB41" s="104">
        <v>0</v>
      </c>
      <c r="EC41" s="103">
        <v>116767</v>
      </c>
      <c r="ED41" s="106">
        <v>116767</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v>0</v>
      </c>
      <c r="FE41" s="104">
        <v>0</v>
      </c>
      <c r="FF41" s="104">
        <v>0</v>
      </c>
      <c r="FG41" s="104">
        <v>0</v>
      </c>
      <c r="FH41" s="104">
        <v>0</v>
      </c>
      <c r="FI41" s="104">
        <v>0</v>
      </c>
      <c r="FJ41" s="103">
        <v>0</v>
      </c>
      <c r="FK41" s="106">
        <v>0</v>
      </c>
      <c r="FL41" s="100">
        <v>160000</v>
      </c>
      <c r="FM41" s="104">
        <v>22000</v>
      </c>
      <c r="FN41" s="103">
        <v>182000</v>
      </c>
      <c r="FO41" s="100">
        <v>0</v>
      </c>
      <c r="FP41" s="104">
        <v>23600</v>
      </c>
      <c r="FQ41" s="104">
        <v>58160</v>
      </c>
      <c r="FR41" s="104">
        <v>170800</v>
      </c>
      <c r="FS41" s="104">
        <v>23984</v>
      </c>
      <c r="FT41" s="104">
        <v>9408</v>
      </c>
      <c r="FU41" s="103">
        <v>285952</v>
      </c>
      <c r="FV41" s="106">
        <v>467952</v>
      </c>
      <c r="FW41" s="105">
        <v>0</v>
      </c>
      <c r="FX41" s="104">
        <v>22000</v>
      </c>
      <c r="FY41" s="102">
        <v>22000</v>
      </c>
      <c r="FZ41" s="101">
        <v>0</v>
      </c>
      <c r="GA41" s="104">
        <v>23600</v>
      </c>
      <c r="GB41" s="104">
        <v>58160</v>
      </c>
      <c r="GC41" s="104">
        <v>14800</v>
      </c>
      <c r="GD41" s="104">
        <v>23984</v>
      </c>
      <c r="GE41" s="104">
        <v>9408</v>
      </c>
      <c r="GF41" s="103">
        <v>129952</v>
      </c>
      <c r="GG41" s="296">
        <v>151952</v>
      </c>
      <c r="GH41" s="105">
        <v>0</v>
      </c>
      <c r="GI41" s="104">
        <v>0</v>
      </c>
      <c r="GJ41" s="102">
        <v>0</v>
      </c>
      <c r="GK41" s="101">
        <v>0</v>
      </c>
      <c r="GL41" s="104">
        <v>0</v>
      </c>
      <c r="GM41" s="104">
        <v>0</v>
      </c>
      <c r="GN41" s="104">
        <v>0</v>
      </c>
      <c r="GO41" s="104">
        <v>0</v>
      </c>
      <c r="GP41" s="104">
        <v>0</v>
      </c>
      <c r="GQ41" s="103">
        <v>0</v>
      </c>
      <c r="GR41" s="106">
        <v>0</v>
      </c>
      <c r="GS41" s="100">
        <v>160000</v>
      </c>
      <c r="GT41" s="104">
        <v>0</v>
      </c>
      <c r="GU41" s="103">
        <v>160000</v>
      </c>
      <c r="GV41" s="100">
        <v>0</v>
      </c>
      <c r="GW41" s="104">
        <v>0</v>
      </c>
      <c r="GX41" s="104">
        <v>0</v>
      </c>
      <c r="GY41" s="104">
        <v>156000</v>
      </c>
      <c r="GZ41" s="104">
        <v>0</v>
      </c>
      <c r="HA41" s="104">
        <v>0</v>
      </c>
      <c r="HB41" s="102">
        <v>156000</v>
      </c>
      <c r="HC41" s="106">
        <v>316000</v>
      </c>
      <c r="HD41" s="100">
        <v>0</v>
      </c>
      <c r="HE41" s="104">
        <v>0</v>
      </c>
      <c r="HF41" s="102">
        <v>0</v>
      </c>
      <c r="HG41" s="101">
        <v>0</v>
      </c>
      <c r="HH41" s="104">
        <v>162872</v>
      </c>
      <c r="HI41" s="104">
        <v>174992</v>
      </c>
      <c r="HJ41" s="104">
        <v>201414</v>
      </c>
      <c r="HK41" s="104">
        <v>0</v>
      </c>
      <c r="HL41" s="104">
        <v>236203</v>
      </c>
      <c r="HM41" s="103">
        <v>775481</v>
      </c>
      <c r="HN41" s="99">
        <v>775481</v>
      </c>
      <c r="HO41" s="306"/>
      <c r="HP41" s="307"/>
      <c r="HQ41" s="308"/>
      <c r="HR41" s="309"/>
      <c r="HS41" s="307"/>
      <c r="HT41" s="307"/>
      <c r="HU41" s="307"/>
      <c r="HV41" s="307"/>
      <c r="HW41" s="307"/>
      <c r="HX41" s="310"/>
      <c r="HY41" s="311"/>
      <c r="HZ41" s="118">
        <v>0</v>
      </c>
      <c r="IA41" s="119">
        <v>0</v>
      </c>
      <c r="IB41" s="120">
        <v>0</v>
      </c>
      <c r="IC41" s="133">
        <v>0</v>
      </c>
      <c r="ID41" s="119">
        <v>88203</v>
      </c>
      <c r="IE41" s="134">
        <v>537537</v>
      </c>
      <c r="IF41" s="120">
        <v>0</v>
      </c>
      <c r="IG41" s="119">
        <v>372102</v>
      </c>
      <c r="IH41" s="120">
        <v>0</v>
      </c>
      <c r="II41" s="135">
        <v>997842</v>
      </c>
      <c r="IJ41" s="126">
        <v>997842</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88203</v>
      </c>
      <c r="JL41" s="109">
        <v>33481</v>
      </c>
      <c r="JM41" s="109">
        <v>0</v>
      </c>
      <c r="JN41" s="109">
        <v>112441</v>
      </c>
      <c r="JO41" s="109">
        <v>0</v>
      </c>
      <c r="JP41" s="110">
        <v>234125</v>
      </c>
      <c r="JQ41" s="298">
        <v>234125</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c r="KR41" s="109">
        <v>0</v>
      </c>
      <c r="KS41" s="109">
        <v>504056</v>
      </c>
      <c r="KT41" s="109">
        <v>0</v>
      </c>
      <c r="KU41" s="109">
        <v>259661</v>
      </c>
      <c r="KV41" s="109">
        <v>0</v>
      </c>
      <c r="KW41" s="110">
        <v>763717</v>
      </c>
      <c r="KX41" s="298">
        <v>763717</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0</v>
      </c>
      <c r="MK41" s="109">
        <v>0</v>
      </c>
      <c r="ML41" s="109">
        <v>261007</v>
      </c>
      <c r="MM41" s="109">
        <v>888564</v>
      </c>
      <c r="MN41" s="109">
        <v>584798</v>
      </c>
      <c r="MO41" s="110">
        <v>1734369</v>
      </c>
      <c r="MP41" s="130">
        <v>1734369</v>
      </c>
      <c r="MQ41" s="129">
        <v>0</v>
      </c>
      <c r="MR41" s="109">
        <v>0</v>
      </c>
      <c r="MS41" s="110">
        <v>0</v>
      </c>
      <c r="MT41" s="132"/>
      <c r="MU41" s="109">
        <v>0</v>
      </c>
      <c r="MV41" s="109">
        <v>0</v>
      </c>
      <c r="MW41" s="109">
        <v>0</v>
      </c>
      <c r="MX41" s="109">
        <v>529927</v>
      </c>
      <c r="MY41" s="109">
        <v>584798</v>
      </c>
      <c r="MZ41" s="110">
        <v>1114725</v>
      </c>
      <c r="NA41" s="130">
        <v>1114725</v>
      </c>
      <c r="NB41" s="129">
        <v>0</v>
      </c>
      <c r="NC41" s="109">
        <v>0</v>
      </c>
      <c r="ND41" s="110">
        <v>0</v>
      </c>
      <c r="NE41" s="132"/>
      <c r="NF41" s="109">
        <v>0</v>
      </c>
      <c r="NG41" s="109">
        <v>0</v>
      </c>
      <c r="NH41" s="109">
        <v>261007</v>
      </c>
      <c r="NI41" s="109">
        <v>358637</v>
      </c>
      <c r="NJ41" s="109">
        <v>0</v>
      </c>
      <c r="NK41" s="110">
        <v>619644</v>
      </c>
      <c r="NL41" s="298">
        <v>619644</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160000</v>
      </c>
      <c r="OJ41" s="109">
        <v>95925</v>
      </c>
      <c r="OK41" s="128">
        <v>255925</v>
      </c>
      <c r="OL41" s="108">
        <v>0</v>
      </c>
      <c r="OM41" s="109">
        <v>598641</v>
      </c>
      <c r="ON41" s="109">
        <v>1113807</v>
      </c>
      <c r="OO41" s="109">
        <v>981591</v>
      </c>
      <c r="OP41" s="109">
        <v>1351274</v>
      </c>
      <c r="OQ41" s="109">
        <v>950642</v>
      </c>
      <c r="OR41" s="110">
        <v>4995955</v>
      </c>
      <c r="OS41" s="130">
        <v>5251880</v>
      </c>
    </row>
    <row r="42" spans="2:409" ht="21" customHeight="1" thickBot="1" x14ac:dyDescent="0.25">
      <c r="B42" s="473" t="s">
        <v>37</v>
      </c>
      <c r="C42" s="107">
        <v>0</v>
      </c>
      <c r="D42" s="165">
        <v>37972</v>
      </c>
      <c r="E42" s="166">
        <v>37972</v>
      </c>
      <c r="F42" s="167">
        <v>0</v>
      </c>
      <c r="G42" s="165">
        <v>11128</v>
      </c>
      <c r="H42" s="165">
        <v>105587</v>
      </c>
      <c r="I42" s="165">
        <v>0</v>
      </c>
      <c r="J42" s="165">
        <v>235024</v>
      </c>
      <c r="K42" s="165">
        <v>0</v>
      </c>
      <c r="L42" s="167">
        <v>351739</v>
      </c>
      <c r="M42" s="168">
        <v>389711</v>
      </c>
      <c r="N42" s="107">
        <v>0</v>
      </c>
      <c r="O42" s="165">
        <v>0</v>
      </c>
      <c r="P42" s="166">
        <v>0</v>
      </c>
      <c r="Q42" s="107">
        <v>0</v>
      </c>
      <c r="R42" s="165">
        <v>11128</v>
      </c>
      <c r="S42" s="165">
        <v>0</v>
      </c>
      <c r="T42" s="165">
        <v>0</v>
      </c>
      <c r="U42" s="165">
        <v>12976</v>
      </c>
      <c r="V42" s="165">
        <v>0</v>
      </c>
      <c r="W42" s="166">
        <v>24104</v>
      </c>
      <c r="X42" s="168">
        <v>24104</v>
      </c>
      <c r="Y42" s="107">
        <v>0</v>
      </c>
      <c r="Z42" s="165">
        <v>0</v>
      </c>
      <c r="AA42" s="166">
        <v>0</v>
      </c>
      <c r="AB42" s="107">
        <v>0</v>
      </c>
      <c r="AC42" s="165">
        <v>0</v>
      </c>
      <c r="AD42" s="165">
        <v>0</v>
      </c>
      <c r="AE42" s="165">
        <v>0</v>
      </c>
      <c r="AF42" s="165">
        <v>0</v>
      </c>
      <c r="AG42" s="165">
        <v>0</v>
      </c>
      <c r="AH42" s="166">
        <v>0</v>
      </c>
      <c r="AI42" s="168">
        <v>0</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11128</v>
      </c>
      <c r="AZ42" s="165">
        <v>0</v>
      </c>
      <c r="BA42" s="165">
        <v>0</v>
      </c>
      <c r="BB42" s="165">
        <v>0</v>
      </c>
      <c r="BC42" s="165">
        <v>0</v>
      </c>
      <c r="BD42" s="166">
        <v>11128</v>
      </c>
      <c r="BE42" s="168">
        <v>11128</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12976</v>
      </c>
      <c r="BY42" s="165">
        <v>0</v>
      </c>
      <c r="BZ42" s="166">
        <v>12976</v>
      </c>
      <c r="CA42" s="168">
        <v>12976</v>
      </c>
      <c r="CB42" s="107">
        <v>0</v>
      </c>
      <c r="CC42" s="165">
        <v>36772</v>
      </c>
      <c r="CD42" s="166">
        <v>36772</v>
      </c>
      <c r="CE42" s="107">
        <v>0</v>
      </c>
      <c r="CF42" s="165">
        <v>0</v>
      </c>
      <c r="CG42" s="165">
        <v>86579</v>
      </c>
      <c r="CH42" s="165">
        <v>0</v>
      </c>
      <c r="CI42" s="165">
        <v>0</v>
      </c>
      <c r="CJ42" s="165">
        <v>0</v>
      </c>
      <c r="CK42" s="166">
        <v>86579</v>
      </c>
      <c r="CL42" s="168">
        <v>123351</v>
      </c>
      <c r="CM42" s="107">
        <v>0</v>
      </c>
      <c r="CN42" s="165">
        <v>0</v>
      </c>
      <c r="CO42" s="166">
        <v>0</v>
      </c>
      <c r="CP42" s="169">
        <v>0</v>
      </c>
      <c r="CQ42" s="165">
        <v>0</v>
      </c>
      <c r="CR42" s="165">
        <v>86579</v>
      </c>
      <c r="CS42" s="165">
        <v>0</v>
      </c>
      <c r="CT42" s="165">
        <v>0</v>
      </c>
      <c r="CU42" s="165">
        <v>0</v>
      </c>
      <c r="CV42" s="166">
        <v>86579</v>
      </c>
      <c r="CW42" s="168">
        <v>86579</v>
      </c>
      <c r="CX42" s="107">
        <v>0</v>
      </c>
      <c r="CY42" s="165">
        <v>36772</v>
      </c>
      <c r="CZ42" s="166">
        <v>36772</v>
      </c>
      <c r="DA42" s="107">
        <v>0</v>
      </c>
      <c r="DB42" s="165">
        <v>0</v>
      </c>
      <c r="DC42" s="165">
        <v>0</v>
      </c>
      <c r="DD42" s="165">
        <v>0</v>
      </c>
      <c r="DE42" s="165">
        <v>0</v>
      </c>
      <c r="DF42" s="165">
        <v>0</v>
      </c>
      <c r="DG42" s="166">
        <v>0</v>
      </c>
      <c r="DH42" s="168">
        <v>36772</v>
      </c>
      <c r="DI42" s="107">
        <v>0</v>
      </c>
      <c r="DJ42" s="165">
        <v>0</v>
      </c>
      <c r="DK42" s="170">
        <v>0</v>
      </c>
      <c r="DL42" s="169">
        <v>0</v>
      </c>
      <c r="DM42" s="165">
        <v>0</v>
      </c>
      <c r="DN42" s="165">
        <v>0</v>
      </c>
      <c r="DO42" s="165">
        <v>0</v>
      </c>
      <c r="DP42" s="165">
        <v>0</v>
      </c>
      <c r="DQ42" s="165">
        <v>0</v>
      </c>
      <c r="DR42" s="166">
        <v>0</v>
      </c>
      <c r="DS42" s="168">
        <v>0</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0</v>
      </c>
      <c r="EN42" s="170">
        <v>0</v>
      </c>
      <c r="EO42" s="168">
        <v>0</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v>0</v>
      </c>
      <c r="FE42" s="165">
        <v>0</v>
      </c>
      <c r="FF42" s="165">
        <v>0</v>
      </c>
      <c r="FG42" s="165">
        <v>0</v>
      </c>
      <c r="FH42" s="165">
        <v>0</v>
      </c>
      <c r="FI42" s="165">
        <v>0</v>
      </c>
      <c r="FJ42" s="166">
        <v>0</v>
      </c>
      <c r="FK42" s="168">
        <v>0</v>
      </c>
      <c r="FL42" s="107">
        <v>0</v>
      </c>
      <c r="FM42" s="165">
        <v>1200</v>
      </c>
      <c r="FN42" s="166">
        <v>1200</v>
      </c>
      <c r="FO42" s="107">
        <v>0</v>
      </c>
      <c r="FP42" s="165">
        <v>0</v>
      </c>
      <c r="FQ42" s="165">
        <v>19008</v>
      </c>
      <c r="FR42" s="165">
        <v>0</v>
      </c>
      <c r="FS42" s="165">
        <v>0</v>
      </c>
      <c r="FT42" s="165">
        <v>0</v>
      </c>
      <c r="FU42" s="166">
        <v>19008</v>
      </c>
      <c r="FV42" s="168">
        <v>20208</v>
      </c>
      <c r="FW42" s="171">
        <v>0</v>
      </c>
      <c r="FX42" s="165">
        <v>1200</v>
      </c>
      <c r="FY42" s="170">
        <v>1200</v>
      </c>
      <c r="FZ42" s="169">
        <v>0</v>
      </c>
      <c r="GA42" s="165">
        <v>0</v>
      </c>
      <c r="GB42" s="165">
        <v>19008</v>
      </c>
      <c r="GC42" s="165">
        <v>0</v>
      </c>
      <c r="GD42" s="165">
        <v>0</v>
      </c>
      <c r="GE42" s="165">
        <v>0</v>
      </c>
      <c r="GF42" s="166">
        <v>19008</v>
      </c>
      <c r="GG42" s="297">
        <v>20208</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222048</v>
      </c>
      <c r="HL42" s="165">
        <v>0</v>
      </c>
      <c r="HM42" s="166">
        <v>222048</v>
      </c>
      <c r="HN42" s="167">
        <v>222048</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0</v>
      </c>
      <c r="II42" s="145">
        <v>0</v>
      </c>
      <c r="IJ42" s="146">
        <v>0</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0</v>
      </c>
      <c r="JP42" s="152">
        <v>0</v>
      </c>
      <c r="JQ42" s="299">
        <v>0</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233548</v>
      </c>
      <c r="MM42" s="148">
        <v>0</v>
      </c>
      <c r="MN42" s="148">
        <v>0</v>
      </c>
      <c r="MO42" s="152">
        <v>233548</v>
      </c>
      <c r="MP42" s="154">
        <v>233548</v>
      </c>
      <c r="MQ42" s="150">
        <v>0</v>
      </c>
      <c r="MR42" s="148">
        <v>0</v>
      </c>
      <c r="MS42" s="152">
        <v>0</v>
      </c>
      <c r="MT42" s="156"/>
      <c r="MU42" s="148">
        <v>0</v>
      </c>
      <c r="MV42" s="148">
        <v>0</v>
      </c>
      <c r="MW42" s="148">
        <v>233548</v>
      </c>
      <c r="MX42" s="148">
        <v>0</v>
      </c>
      <c r="MY42" s="148">
        <v>0</v>
      </c>
      <c r="MZ42" s="152">
        <v>233548</v>
      </c>
      <c r="NA42" s="154">
        <v>233548</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0</v>
      </c>
      <c r="OJ42" s="148">
        <v>37972</v>
      </c>
      <c r="OK42" s="149">
        <v>37972</v>
      </c>
      <c r="OL42" s="151">
        <v>0</v>
      </c>
      <c r="OM42" s="148">
        <v>11128</v>
      </c>
      <c r="ON42" s="148">
        <v>105587</v>
      </c>
      <c r="OO42" s="148">
        <v>233548</v>
      </c>
      <c r="OP42" s="148">
        <v>235024</v>
      </c>
      <c r="OQ42" s="148">
        <v>0</v>
      </c>
      <c r="OR42" s="152">
        <v>585287</v>
      </c>
      <c r="OS42" s="154">
        <v>623259</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3.77734375" style="39" customWidth="1"/>
    <col min="2" max="2" width="9.77734375" style="39" customWidth="1"/>
    <col min="3" max="3" width="8.21875" style="39" customWidth="1"/>
    <col min="4" max="5" width="10" style="39" customWidth="1"/>
    <col min="6" max="6" width="7.77734375" style="39" customWidth="1"/>
    <col min="7" max="8" width="10" style="39" customWidth="1"/>
    <col min="9" max="9" width="9.88671875" style="39" customWidth="1"/>
    <col min="10" max="10" width="9.77734375" style="39" customWidth="1"/>
    <col min="11" max="11" width="9.88671875" style="39" customWidth="1"/>
    <col min="12" max="12" width="10.88671875" style="39" customWidth="1"/>
    <col min="13" max="13" width="11.109375" style="39" customWidth="1"/>
    <col min="14" max="16" width="8.21875" style="39" customWidth="1"/>
    <col min="17" max="17" width="7.21875" style="39" customWidth="1"/>
    <col min="18" max="18" width="8.21875" style="39" customWidth="1"/>
    <col min="19" max="19" width="10.109375" style="39" customWidth="1"/>
    <col min="20" max="20" width="9.109375" style="39" customWidth="1"/>
    <col min="21" max="21" width="9.77734375" style="39" customWidth="1"/>
    <col min="22" max="22" width="10.33203125" style="39" customWidth="1"/>
    <col min="23" max="23" width="10.44140625" style="39" customWidth="1"/>
    <col min="24" max="24" width="11" style="39" customWidth="1"/>
    <col min="25" max="27" width="8.21875" style="39" customWidth="1"/>
    <col min="28" max="28" width="7" style="39" customWidth="1"/>
    <col min="29" max="33" width="8.21875" style="39" customWidth="1"/>
    <col min="34" max="34" width="10.6640625" style="39" customWidth="1"/>
    <col min="35" max="35" width="10" style="39" customWidth="1"/>
    <col min="36" max="38" width="8.21875" style="39" customWidth="1"/>
    <col min="39" max="39" width="7" style="39" customWidth="1"/>
    <col min="40" max="49" width="8.21875" style="39" customWidth="1"/>
    <col min="50" max="50" width="7.21875" style="39" customWidth="1"/>
    <col min="51" max="55" width="8.21875" style="39" customWidth="1"/>
    <col min="56" max="57" width="9.33203125" style="39" customWidth="1"/>
    <col min="58" max="60" width="8.21875" style="39" customWidth="1"/>
    <col min="61" max="61" width="6.88671875" style="39" customWidth="1"/>
    <col min="62" max="71" width="8.21875" style="39" customWidth="1"/>
    <col min="72" max="72" width="7.21875" style="39" customWidth="1"/>
    <col min="73" max="79" width="8.21875" style="39" customWidth="1"/>
    <col min="80" max="82" width="8.21875" style="302" customWidth="1"/>
    <col min="83" max="83" width="7.6640625" style="302" customWidth="1"/>
    <col min="84" max="84" width="9.88671875" style="302" customWidth="1"/>
    <col min="85" max="85" width="10" style="302" customWidth="1"/>
    <col min="86" max="86" width="9.77734375" style="302" customWidth="1"/>
    <col min="87" max="87" width="9.21875" style="302" customWidth="1"/>
    <col min="88" max="88" width="8.77734375" style="302" customWidth="1"/>
    <col min="89" max="89" width="9.88671875" style="302" customWidth="1"/>
    <col min="90" max="90" width="9.77734375" style="302" customWidth="1"/>
    <col min="91" max="93" width="8.21875" style="39" customWidth="1"/>
    <col min="94" max="94" width="7.33203125" style="39" customWidth="1"/>
    <col min="95" max="95" width="9.88671875" style="39" bestFit="1" customWidth="1"/>
    <col min="96" max="96" width="10" style="39" customWidth="1"/>
    <col min="97" max="97" width="9.6640625" style="39" customWidth="1"/>
    <col min="98" max="99" width="8.21875" style="39" customWidth="1"/>
    <col min="100" max="101" width="9.88671875" style="39" customWidth="1"/>
    <col min="102" max="104" width="8.21875" style="39" customWidth="1"/>
    <col min="105" max="105" width="7.44140625" style="39" customWidth="1"/>
    <col min="106" max="110" width="8.21875" style="39" customWidth="1"/>
    <col min="111" max="111" width="10" style="39" customWidth="1"/>
    <col min="112" max="112" width="9.88671875" style="39" customWidth="1"/>
    <col min="113" max="115" width="8.21875" style="302" customWidth="1"/>
    <col min="116" max="116" width="7.21875" style="302" customWidth="1"/>
    <col min="117" max="121" width="8.21875" style="302" customWidth="1"/>
    <col min="122" max="122" width="10.109375" style="302" customWidth="1"/>
    <col min="123" max="123" width="9.77734375" style="302" customWidth="1"/>
    <col min="124" max="126" width="8.21875" style="39" customWidth="1"/>
    <col min="127" max="127" width="7.33203125" style="39" customWidth="1"/>
    <col min="128" max="132" width="8.21875" style="39" customWidth="1"/>
    <col min="133" max="133" width="10.33203125" style="39" customWidth="1"/>
    <col min="134" max="134" width="10.109375" style="39" customWidth="1"/>
    <col min="135" max="137" width="8.21875" style="39" customWidth="1"/>
    <col min="138" max="138" width="7.109375" style="39" customWidth="1"/>
    <col min="139" max="148" width="8.21875" style="39" customWidth="1"/>
    <col min="149" max="149" width="7.21875" style="39" customWidth="1"/>
    <col min="150" max="159" width="8.21875" style="39" customWidth="1"/>
    <col min="160" max="160" width="7.21875" style="39" customWidth="1"/>
    <col min="161" max="167" width="8.21875" style="39" customWidth="1"/>
    <col min="168" max="170" width="8.21875" style="302" customWidth="1"/>
    <col min="171" max="171" width="6.6640625" style="302" customWidth="1"/>
    <col min="172" max="176" width="8.21875" style="302" customWidth="1"/>
    <col min="177" max="177" width="10.109375" style="302" customWidth="1"/>
    <col min="178" max="178" width="9.88671875" style="302" customWidth="1"/>
    <col min="179" max="181" width="8.21875" style="39" customWidth="1"/>
    <col min="182" max="182" width="7.33203125" style="39" customWidth="1"/>
    <col min="183" max="187" width="8.21875" style="39" customWidth="1"/>
    <col min="188" max="188" width="10" style="39" customWidth="1"/>
    <col min="189" max="189" width="10.6640625" style="39" customWidth="1"/>
    <col min="190" max="192" width="8.21875" style="39" customWidth="1"/>
    <col min="193" max="193" width="7.21875" style="39" customWidth="1"/>
    <col min="194" max="203" width="8.21875" style="39" customWidth="1"/>
    <col min="204" max="204" width="7.109375" style="39" customWidth="1"/>
    <col min="205" max="214" width="8.21875" style="39" customWidth="1"/>
    <col min="215" max="215" width="7.109375" style="39" customWidth="1"/>
    <col min="216" max="220" width="8.21875" style="39" customWidth="1"/>
    <col min="221" max="222" width="9.77734375" style="39" customWidth="1"/>
    <col min="223" max="225" width="8.21875" style="39" customWidth="1"/>
    <col min="226" max="226" width="7.21875" style="39" customWidth="1"/>
    <col min="227" max="231" width="8.21875" style="39" customWidth="1"/>
    <col min="232" max="233" width="10" style="39" customWidth="1"/>
    <col min="234" max="235" width="7.44140625" style="34" customWidth="1"/>
    <col min="236" max="236" width="9.33203125" style="34" customWidth="1"/>
    <col min="237" max="237" width="7.44140625" style="34" customWidth="1"/>
    <col min="238" max="244" width="10.109375" style="34"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4" customWidth="1"/>
    <col min="314" max="314" width="7.109375" style="34" customWidth="1"/>
    <col min="315" max="324" width="10.109375" style="34" customWidth="1"/>
    <col min="325" max="325" width="7.44140625" style="34" customWidth="1"/>
    <col min="326" max="335" width="10.109375" style="34" customWidth="1"/>
    <col min="336" max="336" width="6.88671875" style="34" customWidth="1"/>
    <col min="337" max="343" width="10.109375" style="34"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39"/>
  </cols>
  <sheetData>
    <row r="1" spans="2:409" ht="24" customHeight="1" x14ac:dyDescent="0.2">
      <c r="B1" s="15" t="s">
        <v>135</v>
      </c>
      <c r="E1" s="468">
        <f>第１表!F2</f>
        <v>5</v>
      </c>
      <c r="F1" s="233">
        <f>第１表!G2</f>
        <v>9</v>
      </c>
      <c r="G1" s="654">
        <f>IF(F1&lt;3,F1-2+12,F1-2)</f>
        <v>7</v>
      </c>
      <c r="H1" s="654"/>
      <c r="IB1" s="341"/>
      <c r="IC1" s="239"/>
      <c r="ID1" s="624"/>
      <c r="IE1" s="624"/>
    </row>
    <row r="2" spans="2:409" ht="24" customHeight="1" x14ac:dyDescent="0.2">
      <c r="B2" s="15" t="s">
        <v>146</v>
      </c>
      <c r="E2" s="236"/>
      <c r="F2" s="237"/>
      <c r="G2" s="330"/>
      <c r="H2" s="330"/>
      <c r="IB2" s="238"/>
      <c r="IC2" s="239"/>
      <c r="ID2" s="344"/>
      <c r="IE2" s="344"/>
    </row>
    <row r="3" spans="2:409" ht="24" customHeight="1" thickBot="1" x14ac:dyDescent="0.25">
      <c r="B3" s="15" t="s">
        <v>155</v>
      </c>
    </row>
    <row r="4" spans="2:409" ht="21" customHeight="1" thickBot="1" x14ac:dyDescent="0.25">
      <c r="B4" s="684" t="s">
        <v>42</v>
      </c>
      <c r="C4" s="687" t="s">
        <v>63</v>
      </c>
      <c r="D4" s="687"/>
      <c r="E4" s="687"/>
      <c r="F4" s="687"/>
      <c r="G4" s="687"/>
      <c r="H4" s="687"/>
      <c r="I4" s="687"/>
      <c r="J4" s="687"/>
      <c r="K4" s="687"/>
      <c r="L4" s="687"/>
      <c r="M4" s="687"/>
      <c r="N4" s="690"/>
      <c r="O4" s="690"/>
      <c r="P4" s="690"/>
      <c r="Q4" s="690"/>
      <c r="R4" s="690"/>
      <c r="S4" s="690"/>
      <c r="T4" s="690"/>
      <c r="U4" s="690"/>
      <c r="V4" s="690"/>
      <c r="W4" s="690"/>
      <c r="X4" s="690"/>
      <c r="Y4" s="690"/>
      <c r="Z4" s="690"/>
      <c r="AA4" s="690"/>
      <c r="AB4" s="690"/>
      <c r="AC4" s="690"/>
      <c r="AD4" s="690"/>
      <c r="AE4" s="690"/>
      <c r="AF4" s="690"/>
      <c r="AG4" s="690"/>
      <c r="AH4" s="690"/>
      <c r="AI4" s="690"/>
      <c r="AJ4" s="690"/>
      <c r="AK4" s="690"/>
      <c r="AL4" s="690"/>
      <c r="AM4" s="690"/>
      <c r="AN4" s="690"/>
      <c r="AO4" s="690"/>
      <c r="AP4" s="690"/>
      <c r="AQ4" s="690"/>
      <c r="AR4" s="690"/>
      <c r="AS4" s="690"/>
      <c r="AT4" s="690"/>
      <c r="AU4" s="690"/>
      <c r="AV4" s="690"/>
      <c r="AW4" s="690"/>
      <c r="AX4" s="690"/>
      <c r="AY4" s="690"/>
      <c r="AZ4" s="690"/>
      <c r="BA4" s="690"/>
      <c r="BB4" s="690"/>
      <c r="BC4" s="690"/>
      <c r="BD4" s="690"/>
      <c r="BE4" s="690"/>
      <c r="BF4" s="690"/>
      <c r="BG4" s="690"/>
      <c r="BH4" s="690"/>
      <c r="BI4" s="690"/>
      <c r="BJ4" s="690"/>
      <c r="BK4" s="690"/>
      <c r="BL4" s="690"/>
      <c r="BM4" s="690"/>
      <c r="BN4" s="690"/>
      <c r="BO4" s="690"/>
      <c r="BP4" s="690"/>
      <c r="BQ4" s="690"/>
      <c r="BR4" s="690"/>
      <c r="BS4" s="690"/>
      <c r="BT4" s="690"/>
      <c r="BU4" s="690"/>
      <c r="BV4" s="690"/>
      <c r="BW4" s="690"/>
      <c r="BX4" s="690"/>
      <c r="BY4" s="690"/>
      <c r="BZ4" s="690"/>
      <c r="CA4" s="690"/>
      <c r="CB4" s="690"/>
      <c r="CC4" s="690"/>
      <c r="CD4" s="690"/>
      <c r="CE4" s="690"/>
      <c r="CF4" s="690"/>
      <c r="CG4" s="690"/>
      <c r="CH4" s="690"/>
      <c r="CI4" s="690"/>
      <c r="CJ4" s="690"/>
      <c r="CK4" s="690"/>
      <c r="CL4" s="690"/>
      <c r="CM4" s="690"/>
      <c r="CN4" s="690"/>
      <c r="CO4" s="690"/>
      <c r="CP4" s="690"/>
      <c r="CQ4" s="690"/>
      <c r="CR4" s="690"/>
      <c r="CS4" s="690"/>
      <c r="CT4" s="690"/>
      <c r="CU4" s="690"/>
      <c r="CV4" s="690"/>
      <c r="CW4" s="690"/>
      <c r="CX4" s="690"/>
      <c r="CY4" s="690"/>
      <c r="CZ4" s="690"/>
      <c r="DA4" s="690"/>
      <c r="DB4" s="690"/>
      <c r="DC4" s="690"/>
      <c r="DD4" s="690"/>
      <c r="DE4" s="690"/>
      <c r="DF4" s="690"/>
      <c r="DG4" s="690"/>
      <c r="DH4" s="690"/>
      <c r="DI4" s="690"/>
      <c r="DJ4" s="690"/>
      <c r="DK4" s="690"/>
      <c r="DL4" s="690"/>
      <c r="DM4" s="690"/>
      <c r="DN4" s="690"/>
      <c r="DO4" s="690"/>
      <c r="DP4" s="690"/>
      <c r="DQ4" s="690"/>
      <c r="DR4" s="690"/>
      <c r="DS4" s="690"/>
      <c r="DT4" s="690"/>
      <c r="DU4" s="690"/>
      <c r="DV4" s="690"/>
      <c r="DW4" s="690"/>
      <c r="DX4" s="690"/>
      <c r="DY4" s="690"/>
      <c r="DZ4" s="690"/>
      <c r="EA4" s="690"/>
      <c r="EB4" s="690"/>
      <c r="EC4" s="690"/>
      <c r="ED4" s="690"/>
      <c r="EE4" s="690"/>
      <c r="EF4" s="690"/>
      <c r="EG4" s="690"/>
      <c r="EH4" s="690"/>
      <c r="EI4" s="690"/>
      <c r="EJ4" s="690"/>
      <c r="EK4" s="690"/>
      <c r="EL4" s="690"/>
      <c r="EM4" s="690"/>
      <c r="EN4" s="690"/>
      <c r="EO4" s="690"/>
      <c r="EP4" s="690"/>
      <c r="EQ4" s="690"/>
      <c r="ER4" s="690"/>
      <c r="ES4" s="690"/>
      <c r="ET4" s="690"/>
      <c r="EU4" s="690"/>
      <c r="EV4" s="690"/>
      <c r="EW4" s="690"/>
      <c r="EX4" s="690"/>
      <c r="EY4" s="690"/>
      <c r="EZ4" s="690"/>
      <c r="FA4" s="690"/>
      <c r="FB4" s="690"/>
      <c r="FC4" s="690"/>
      <c r="FD4" s="690"/>
      <c r="FE4" s="690"/>
      <c r="FF4" s="690"/>
      <c r="FG4" s="690"/>
      <c r="FH4" s="690"/>
      <c r="FI4" s="690"/>
      <c r="FJ4" s="690"/>
      <c r="FK4" s="690"/>
      <c r="FL4" s="690"/>
      <c r="FM4" s="690"/>
      <c r="FN4" s="690"/>
      <c r="FO4" s="690"/>
      <c r="FP4" s="690"/>
      <c r="FQ4" s="690"/>
      <c r="FR4" s="690"/>
      <c r="FS4" s="690"/>
      <c r="FT4" s="690"/>
      <c r="FU4" s="690"/>
      <c r="FV4" s="690"/>
      <c r="FW4" s="690"/>
      <c r="FX4" s="690"/>
      <c r="FY4" s="690"/>
      <c r="FZ4" s="690"/>
      <c r="GA4" s="690"/>
      <c r="GB4" s="690"/>
      <c r="GC4" s="690"/>
      <c r="GD4" s="690"/>
      <c r="GE4" s="690"/>
      <c r="GF4" s="690"/>
      <c r="GG4" s="690"/>
      <c r="GH4" s="690"/>
      <c r="GI4" s="690"/>
      <c r="GJ4" s="690"/>
      <c r="GK4" s="690"/>
      <c r="GL4" s="690"/>
      <c r="GM4" s="690"/>
      <c r="GN4" s="690"/>
      <c r="GO4" s="690"/>
      <c r="GP4" s="690"/>
      <c r="GQ4" s="690"/>
      <c r="GR4" s="690"/>
      <c r="GS4" s="690"/>
      <c r="GT4" s="690"/>
      <c r="GU4" s="690"/>
      <c r="GV4" s="690"/>
      <c r="GW4" s="690"/>
      <c r="GX4" s="690"/>
      <c r="GY4" s="690"/>
      <c r="GZ4" s="690"/>
      <c r="HA4" s="690"/>
      <c r="HB4" s="690"/>
      <c r="HC4" s="690"/>
      <c r="HD4" s="690"/>
      <c r="HE4" s="690"/>
      <c r="HF4" s="690"/>
      <c r="HG4" s="690"/>
      <c r="HH4" s="690"/>
      <c r="HI4" s="690"/>
      <c r="HJ4" s="690"/>
      <c r="HK4" s="690"/>
      <c r="HL4" s="690"/>
      <c r="HM4" s="690"/>
      <c r="HN4" s="690"/>
      <c r="HO4" s="690"/>
      <c r="HP4" s="690"/>
      <c r="HQ4" s="690"/>
      <c r="HR4" s="690"/>
      <c r="HS4" s="690"/>
      <c r="HT4" s="690"/>
      <c r="HU4" s="690"/>
      <c r="HV4" s="690"/>
      <c r="HW4" s="690"/>
      <c r="HX4" s="690"/>
      <c r="HY4" s="691"/>
      <c r="HZ4" s="585" t="s">
        <v>85</v>
      </c>
      <c r="IA4" s="586"/>
      <c r="IB4" s="586"/>
      <c r="IC4" s="586"/>
      <c r="ID4" s="586"/>
      <c r="IE4" s="586"/>
      <c r="IF4" s="586"/>
      <c r="IG4" s="586"/>
      <c r="IH4" s="586"/>
      <c r="II4" s="586"/>
      <c r="IJ4" s="586"/>
      <c r="IK4" s="586"/>
      <c r="IL4" s="586"/>
      <c r="IM4" s="586"/>
      <c r="IN4" s="586"/>
      <c r="IO4" s="586"/>
      <c r="IP4" s="586"/>
      <c r="IQ4" s="586"/>
      <c r="IR4" s="586"/>
      <c r="IS4" s="586"/>
      <c r="IT4" s="586"/>
      <c r="IU4" s="586"/>
      <c r="IV4" s="586"/>
      <c r="IW4" s="586"/>
      <c r="IX4" s="586"/>
      <c r="IY4" s="586"/>
      <c r="IZ4" s="586"/>
      <c r="JA4" s="586"/>
      <c r="JB4" s="586"/>
      <c r="JC4" s="586"/>
      <c r="JD4" s="586"/>
      <c r="JE4" s="586"/>
      <c r="JF4" s="586"/>
      <c r="JG4" s="586"/>
      <c r="JH4" s="586"/>
      <c r="JI4" s="586"/>
      <c r="JJ4" s="586"/>
      <c r="JK4" s="586"/>
      <c r="JL4" s="586"/>
      <c r="JM4" s="586"/>
      <c r="JN4" s="586"/>
      <c r="JO4" s="586"/>
      <c r="JP4" s="586"/>
      <c r="JQ4" s="586"/>
      <c r="JR4" s="586"/>
      <c r="JS4" s="586"/>
      <c r="JT4" s="586"/>
      <c r="JU4" s="586"/>
      <c r="JV4" s="586"/>
      <c r="JW4" s="586"/>
      <c r="JX4" s="586"/>
      <c r="JY4" s="586"/>
      <c r="JZ4" s="586"/>
      <c r="KA4" s="586"/>
      <c r="KB4" s="586"/>
      <c r="KC4" s="586"/>
      <c r="KD4" s="586"/>
      <c r="KE4" s="586"/>
      <c r="KF4" s="586"/>
      <c r="KG4" s="586"/>
      <c r="KH4" s="586"/>
      <c r="KI4" s="586"/>
      <c r="KJ4" s="586"/>
      <c r="KK4" s="586"/>
      <c r="KL4" s="586"/>
      <c r="KM4" s="586"/>
      <c r="KN4" s="586"/>
      <c r="KO4" s="586"/>
      <c r="KP4" s="586"/>
      <c r="KQ4" s="586"/>
      <c r="KR4" s="586"/>
      <c r="KS4" s="586"/>
      <c r="KT4" s="586"/>
      <c r="KU4" s="586"/>
      <c r="KV4" s="586"/>
      <c r="KW4" s="586"/>
      <c r="KX4" s="586"/>
      <c r="KY4" s="586"/>
      <c r="KZ4" s="586"/>
      <c r="LA4" s="586"/>
      <c r="LB4" s="586"/>
      <c r="LC4" s="586"/>
      <c r="LD4" s="586"/>
      <c r="LE4" s="586"/>
      <c r="LF4" s="586"/>
      <c r="LG4" s="586"/>
      <c r="LH4" s="586"/>
      <c r="LI4" s="586"/>
      <c r="LJ4" s="586"/>
      <c r="LK4" s="586"/>
      <c r="LL4" s="586"/>
      <c r="LM4" s="586"/>
      <c r="LN4" s="586"/>
      <c r="LO4" s="586"/>
      <c r="LP4" s="586"/>
      <c r="LQ4" s="586"/>
      <c r="LR4" s="586"/>
      <c r="LS4" s="586"/>
      <c r="LT4" s="586"/>
      <c r="LU4" s="586"/>
      <c r="LV4" s="586"/>
      <c r="LW4" s="586"/>
      <c r="LX4" s="586"/>
      <c r="LY4" s="586"/>
      <c r="LZ4" s="586"/>
      <c r="MA4" s="586"/>
      <c r="MB4" s="586"/>
      <c r="MC4" s="586"/>
      <c r="MD4" s="586"/>
      <c r="ME4" s="587"/>
      <c r="MF4" s="585" t="s">
        <v>86</v>
      </c>
      <c r="MG4" s="586"/>
      <c r="MH4" s="586"/>
      <c r="MI4" s="586"/>
      <c r="MJ4" s="586"/>
      <c r="MK4" s="586"/>
      <c r="ML4" s="586"/>
      <c r="MM4" s="586"/>
      <c r="MN4" s="586"/>
      <c r="MO4" s="586"/>
      <c r="MP4" s="586"/>
      <c r="MQ4" s="586"/>
      <c r="MR4" s="586"/>
      <c r="MS4" s="586"/>
      <c r="MT4" s="586"/>
      <c r="MU4" s="586"/>
      <c r="MV4" s="586"/>
      <c r="MW4" s="586"/>
      <c r="MX4" s="586"/>
      <c r="MY4" s="586"/>
      <c r="MZ4" s="586"/>
      <c r="NA4" s="586"/>
      <c r="NB4" s="586"/>
      <c r="NC4" s="586"/>
      <c r="ND4" s="586"/>
      <c r="NE4" s="586"/>
      <c r="NF4" s="586"/>
      <c r="NG4" s="586"/>
      <c r="NH4" s="586"/>
      <c r="NI4" s="586"/>
      <c r="NJ4" s="586"/>
      <c r="NK4" s="586"/>
      <c r="NL4" s="586"/>
      <c r="NM4" s="586"/>
      <c r="NN4" s="586"/>
      <c r="NO4" s="586"/>
      <c r="NP4" s="586"/>
      <c r="NQ4" s="586"/>
      <c r="NR4" s="586"/>
      <c r="NS4" s="586"/>
      <c r="NT4" s="586"/>
      <c r="NU4" s="586"/>
      <c r="NV4" s="586"/>
      <c r="NW4" s="586"/>
      <c r="NX4" s="586"/>
      <c r="NY4" s="586"/>
      <c r="NZ4" s="586"/>
      <c r="OA4" s="586"/>
      <c r="OB4" s="586"/>
      <c r="OC4" s="586"/>
      <c r="OD4" s="586"/>
      <c r="OE4" s="586"/>
      <c r="OF4" s="586"/>
      <c r="OG4" s="586"/>
      <c r="OH4" s="587"/>
      <c r="OI4" s="574" t="s">
        <v>60</v>
      </c>
      <c r="OJ4" s="479"/>
      <c r="OK4" s="479"/>
      <c r="OL4" s="479"/>
      <c r="OM4" s="479"/>
      <c r="ON4" s="479"/>
      <c r="OO4" s="479"/>
      <c r="OP4" s="479"/>
      <c r="OQ4" s="479"/>
      <c r="OR4" s="479"/>
      <c r="OS4" s="480"/>
    </row>
    <row r="5" spans="2:409" ht="21" customHeight="1" thickBot="1" x14ac:dyDescent="0.25">
      <c r="B5" s="685"/>
      <c r="C5" s="688"/>
      <c r="D5" s="688"/>
      <c r="E5" s="688"/>
      <c r="F5" s="688"/>
      <c r="G5" s="688"/>
      <c r="H5" s="688"/>
      <c r="I5" s="688"/>
      <c r="J5" s="688"/>
      <c r="K5" s="688"/>
      <c r="L5" s="688"/>
      <c r="M5" s="688"/>
      <c r="N5" s="692" t="s">
        <v>64</v>
      </c>
      <c r="O5" s="693"/>
      <c r="P5" s="693"/>
      <c r="Q5" s="693"/>
      <c r="R5" s="693"/>
      <c r="S5" s="693"/>
      <c r="T5" s="693"/>
      <c r="U5" s="693"/>
      <c r="V5" s="693"/>
      <c r="W5" s="693"/>
      <c r="X5" s="693"/>
      <c r="Y5" s="693"/>
      <c r="Z5" s="693"/>
      <c r="AA5" s="693"/>
      <c r="AB5" s="693"/>
      <c r="AC5" s="693"/>
      <c r="AD5" s="693"/>
      <c r="AE5" s="693"/>
      <c r="AF5" s="693"/>
      <c r="AG5" s="693"/>
      <c r="AH5" s="693"/>
      <c r="AI5" s="693"/>
      <c r="AJ5" s="693"/>
      <c r="AK5" s="693"/>
      <c r="AL5" s="693"/>
      <c r="AM5" s="693"/>
      <c r="AN5" s="693"/>
      <c r="AO5" s="693"/>
      <c r="AP5" s="693"/>
      <c r="AQ5" s="693"/>
      <c r="AR5" s="693"/>
      <c r="AS5" s="693"/>
      <c r="AT5" s="693"/>
      <c r="AU5" s="693"/>
      <c r="AV5" s="693"/>
      <c r="AW5" s="693"/>
      <c r="AX5" s="693"/>
      <c r="AY5" s="693"/>
      <c r="AZ5" s="693"/>
      <c r="BA5" s="693"/>
      <c r="BB5" s="693"/>
      <c r="BC5" s="693"/>
      <c r="BD5" s="693"/>
      <c r="BE5" s="693"/>
      <c r="BF5" s="693"/>
      <c r="BG5" s="693"/>
      <c r="BH5" s="693"/>
      <c r="BI5" s="693"/>
      <c r="BJ5" s="693"/>
      <c r="BK5" s="693"/>
      <c r="BL5" s="693"/>
      <c r="BM5" s="693"/>
      <c r="BN5" s="693"/>
      <c r="BO5" s="693"/>
      <c r="BP5" s="693"/>
      <c r="BQ5" s="693"/>
      <c r="BR5" s="693"/>
      <c r="BS5" s="693"/>
      <c r="BT5" s="693"/>
      <c r="BU5" s="693"/>
      <c r="BV5" s="693"/>
      <c r="BW5" s="693"/>
      <c r="BX5" s="693"/>
      <c r="BY5" s="693"/>
      <c r="BZ5" s="693"/>
      <c r="CA5" s="694"/>
      <c r="CB5" s="692" t="s">
        <v>65</v>
      </c>
      <c r="CC5" s="693"/>
      <c r="CD5" s="693"/>
      <c r="CE5" s="693"/>
      <c r="CF5" s="693"/>
      <c r="CG5" s="693"/>
      <c r="CH5" s="693"/>
      <c r="CI5" s="693"/>
      <c r="CJ5" s="693"/>
      <c r="CK5" s="693"/>
      <c r="CL5" s="693"/>
      <c r="CM5" s="693"/>
      <c r="CN5" s="693"/>
      <c r="CO5" s="693"/>
      <c r="CP5" s="693"/>
      <c r="CQ5" s="693"/>
      <c r="CR5" s="693"/>
      <c r="CS5" s="693"/>
      <c r="CT5" s="693"/>
      <c r="CU5" s="693"/>
      <c r="CV5" s="693"/>
      <c r="CW5" s="693"/>
      <c r="CX5" s="693"/>
      <c r="CY5" s="693"/>
      <c r="CZ5" s="693"/>
      <c r="DA5" s="693"/>
      <c r="DB5" s="693"/>
      <c r="DC5" s="693"/>
      <c r="DD5" s="693"/>
      <c r="DE5" s="693"/>
      <c r="DF5" s="693"/>
      <c r="DG5" s="693"/>
      <c r="DH5" s="694"/>
      <c r="DI5" s="496" t="s">
        <v>66</v>
      </c>
      <c r="DJ5" s="497"/>
      <c r="DK5" s="497"/>
      <c r="DL5" s="497"/>
      <c r="DM5" s="497"/>
      <c r="DN5" s="497"/>
      <c r="DO5" s="497"/>
      <c r="DP5" s="497"/>
      <c r="DQ5" s="497"/>
      <c r="DR5" s="497"/>
      <c r="DS5" s="497"/>
      <c r="DT5" s="497"/>
      <c r="DU5" s="497"/>
      <c r="DV5" s="497"/>
      <c r="DW5" s="497"/>
      <c r="DX5" s="497"/>
      <c r="DY5" s="497"/>
      <c r="DZ5" s="497"/>
      <c r="EA5" s="497"/>
      <c r="EB5" s="497"/>
      <c r="EC5" s="497"/>
      <c r="ED5" s="497"/>
      <c r="EE5" s="497"/>
      <c r="EF5" s="497"/>
      <c r="EG5" s="497"/>
      <c r="EH5" s="497"/>
      <c r="EI5" s="497"/>
      <c r="EJ5" s="497"/>
      <c r="EK5" s="497"/>
      <c r="EL5" s="497"/>
      <c r="EM5" s="497"/>
      <c r="EN5" s="497"/>
      <c r="EO5" s="497"/>
      <c r="EP5" s="497"/>
      <c r="EQ5" s="497"/>
      <c r="ER5" s="497"/>
      <c r="ES5" s="497"/>
      <c r="ET5" s="497"/>
      <c r="EU5" s="497"/>
      <c r="EV5" s="497"/>
      <c r="EW5" s="497"/>
      <c r="EX5" s="497"/>
      <c r="EY5" s="497"/>
      <c r="EZ5" s="497"/>
      <c r="FA5" s="497"/>
      <c r="FB5" s="497"/>
      <c r="FC5" s="497"/>
      <c r="FD5" s="497"/>
      <c r="FE5" s="497"/>
      <c r="FF5" s="497"/>
      <c r="FG5" s="497"/>
      <c r="FH5" s="497"/>
      <c r="FI5" s="497"/>
      <c r="FJ5" s="497"/>
      <c r="FK5" s="498"/>
      <c r="FL5" s="692" t="s">
        <v>67</v>
      </c>
      <c r="FM5" s="693"/>
      <c r="FN5" s="693"/>
      <c r="FO5" s="693"/>
      <c r="FP5" s="693"/>
      <c r="FQ5" s="693"/>
      <c r="FR5" s="693"/>
      <c r="FS5" s="693"/>
      <c r="FT5" s="693"/>
      <c r="FU5" s="693"/>
      <c r="FV5" s="693"/>
      <c r="FW5" s="693"/>
      <c r="FX5" s="693"/>
      <c r="FY5" s="693"/>
      <c r="FZ5" s="693"/>
      <c r="GA5" s="693"/>
      <c r="GB5" s="693"/>
      <c r="GC5" s="693"/>
      <c r="GD5" s="693"/>
      <c r="GE5" s="693"/>
      <c r="GF5" s="693"/>
      <c r="GG5" s="693"/>
      <c r="GH5" s="693"/>
      <c r="GI5" s="693"/>
      <c r="GJ5" s="693"/>
      <c r="GK5" s="693"/>
      <c r="GL5" s="693"/>
      <c r="GM5" s="693"/>
      <c r="GN5" s="693"/>
      <c r="GO5" s="693"/>
      <c r="GP5" s="693"/>
      <c r="GQ5" s="693"/>
      <c r="GR5" s="693"/>
      <c r="GS5" s="693"/>
      <c r="GT5" s="693"/>
      <c r="GU5" s="693"/>
      <c r="GV5" s="693"/>
      <c r="GW5" s="693"/>
      <c r="GX5" s="693"/>
      <c r="GY5" s="693"/>
      <c r="GZ5" s="693"/>
      <c r="HA5" s="693"/>
      <c r="HB5" s="693"/>
      <c r="HC5" s="694"/>
      <c r="HD5" s="695" t="s">
        <v>68</v>
      </c>
      <c r="HE5" s="696"/>
      <c r="HF5" s="696"/>
      <c r="HG5" s="696"/>
      <c r="HH5" s="696"/>
      <c r="HI5" s="696"/>
      <c r="HJ5" s="696"/>
      <c r="HK5" s="696"/>
      <c r="HL5" s="696"/>
      <c r="HM5" s="696"/>
      <c r="HN5" s="697"/>
      <c r="HO5" s="695" t="s">
        <v>69</v>
      </c>
      <c r="HP5" s="696"/>
      <c r="HQ5" s="696"/>
      <c r="HR5" s="696"/>
      <c r="HS5" s="696"/>
      <c r="HT5" s="696"/>
      <c r="HU5" s="696"/>
      <c r="HV5" s="696"/>
      <c r="HW5" s="696"/>
      <c r="HX5" s="696"/>
      <c r="HY5" s="697"/>
      <c r="HZ5" s="636"/>
      <c r="IA5" s="637"/>
      <c r="IB5" s="637"/>
      <c r="IC5" s="637"/>
      <c r="ID5" s="637"/>
      <c r="IE5" s="637"/>
      <c r="IF5" s="637"/>
      <c r="IG5" s="637"/>
      <c r="IH5" s="637"/>
      <c r="II5" s="637"/>
      <c r="IJ5" s="638"/>
      <c r="IK5" s="574" t="s">
        <v>94</v>
      </c>
      <c r="IL5" s="479"/>
      <c r="IM5" s="479"/>
      <c r="IN5" s="479"/>
      <c r="IO5" s="479"/>
      <c r="IP5" s="479"/>
      <c r="IQ5" s="479"/>
      <c r="IR5" s="479"/>
      <c r="IS5" s="479"/>
      <c r="IT5" s="479"/>
      <c r="IU5" s="480"/>
      <c r="IV5" s="574" t="s">
        <v>88</v>
      </c>
      <c r="IW5" s="479"/>
      <c r="IX5" s="479"/>
      <c r="IY5" s="479"/>
      <c r="IZ5" s="479"/>
      <c r="JA5" s="479"/>
      <c r="JB5" s="479"/>
      <c r="JC5" s="479"/>
      <c r="JD5" s="479"/>
      <c r="JE5" s="479"/>
      <c r="JF5" s="480"/>
      <c r="JG5" s="639" t="s">
        <v>143</v>
      </c>
      <c r="JH5" s="640"/>
      <c r="JI5" s="640"/>
      <c r="JJ5" s="640"/>
      <c r="JK5" s="640"/>
      <c r="JL5" s="640"/>
      <c r="JM5" s="640"/>
      <c r="JN5" s="640"/>
      <c r="JO5" s="640"/>
      <c r="JP5" s="640"/>
      <c r="JQ5" s="641"/>
      <c r="JR5" s="574" t="s">
        <v>90</v>
      </c>
      <c r="JS5" s="479"/>
      <c r="JT5" s="479"/>
      <c r="JU5" s="479"/>
      <c r="JV5" s="479"/>
      <c r="JW5" s="479"/>
      <c r="JX5" s="479"/>
      <c r="JY5" s="479"/>
      <c r="JZ5" s="479"/>
      <c r="KA5" s="479"/>
      <c r="KB5" s="480"/>
      <c r="KC5" s="574" t="s">
        <v>89</v>
      </c>
      <c r="KD5" s="479"/>
      <c r="KE5" s="479"/>
      <c r="KF5" s="479"/>
      <c r="KG5" s="479"/>
      <c r="KH5" s="479"/>
      <c r="KI5" s="479"/>
      <c r="KJ5" s="479"/>
      <c r="KK5" s="479"/>
      <c r="KL5" s="479"/>
      <c r="KM5" s="480"/>
      <c r="KN5" s="574" t="s">
        <v>91</v>
      </c>
      <c r="KO5" s="479"/>
      <c r="KP5" s="479"/>
      <c r="KQ5" s="479"/>
      <c r="KR5" s="479"/>
      <c r="KS5" s="479"/>
      <c r="KT5" s="479"/>
      <c r="KU5" s="479"/>
      <c r="KV5" s="479"/>
      <c r="KW5" s="479"/>
      <c r="KX5" s="480"/>
      <c r="KY5" s="574" t="s">
        <v>92</v>
      </c>
      <c r="KZ5" s="479"/>
      <c r="LA5" s="479"/>
      <c r="LB5" s="479"/>
      <c r="LC5" s="479"/>
      <c r="LD5" s="479"/>
      <c r="LE5" s="479"/>
      <c r="LF5" s="479"/>
      <c r="LG5" s="479"/>
      <c r="LH5" s="479"/>
      <c r="LI5" s="480"/>
      <c r="LJ5" s="645" t="s">
        <v>93</v>
      </c>
      <c r="LK5" s="646"/>
      <c r="LL5" s="646"/>
      <c r="LM5" s="646"/>
      <c r="LN5" s="646"/>
      <c r="LO5" s="646"/>
      <c r="LP5" s="646"/>
      <c r="LQ5" s="646"/>
      <c r="LR5" s="646"/>
      <c r="LS5" s="646"/>
      <c r="LT5" s="647"/>
      <c r="LU5" s="648" t="s">
        <v>144</v>
      </c>
      <c r="LV5" s="649"/>
      <c r="LW5" s="649"/>
      <c r="LX5" s="649"/>
      <c r="LY5" s="649"/>
      <c r="LZ5" s="649"/>
      <c r="MA5" s="649"/>
      <c r="MB5" s="649"/>
      <c r="MC5" s="649"/>
      <c r="MD5" s="649"/>
      <c r="ME5" s="650"/>
      <c r="MF5" s="636"/>
      <c r="MG5" s="637"/>
      <c r="MH5" s="637"/>
      <c r="MI5" s="637"/>
      <c r="MJ5" s="637"/>
      <c r="MK5" s="637"/>
      <c r="ML5" s="637"/>
      <c r="MM5" s="637"/>
      <c r="MN5" s="637"/>
      <c r="MO5" s="637"/>
      <c r="MP5" s="638"/>
      <c r="MQ5" s="574" t="s">
        <v>57</v>
      </c>
      <c r="MR5" s="479"/>
      <c r="MS5" s="479"/>
      <c r="MT5" s="479"/>
      <c r="MU5" s="479"/>
      <c r="MV5" s="479"/>
      <c r="MW5" s="479"/>
      <c r="MX5" s="479"/>
      <c r="MY5" s="479"/>
      <c r="MZ5" s="479"/>
      <c r="NA5" s="480"/>
      <c r="NB5" s="574" t="s">
        <v>58</v>
      </c>
      <c r="NC5" s="479"/>
      <c r="ND5" s="479"/>
      <c r="NE5" s="479"/>
      <c r="NF5" s="479"/>
      <c r="NG5" s="479"/>
      <c r="NH5" s="479"/>
      <c r="NI5" s="479"/>
      <c r="NJ5" s="479"/>
      <c r="NK5" s="479"/>
      <c r="NL5" s="480"/>
      <c r="NM5" s="574" t="s">
        <v>59</v>
      </c>
      <c r="NN5" s="479"/>
      <c r="NO5" s="479"/>
      <c r="NP5" s="479"/>
      <c r="NQ5" s="479"/>
      <c r="NR5" s="479"/>
      <c r="NS5" s="479"/>
      <c r="NT5" s="479"/>
      <c r="NU5" s="479"/>
      <c r="NV5" s="479"/>
      <c r="NW5" s="480"/>
      <c r="NX5" s="626" t="s">
        <v>150</v>
      </c>
      <c r="NY5" s="627"/>
      <c r="NZ5" s="627"/>
      <c r="OA5" s="627"/>
      <c r="OB5" s="627"/>
      <c r="OC5" s="627"/>
      <c r="OD5" s="627"/>
      <c r="OE5" s="627"/>
      <c r="OF5" s="627"/>
      <c r="OG5" s="627"/>
      <c r="OH5" s="628"/>
      <c r="OI5" s="633"/>
      <c r="OJ5" s="634"/>
      <c r="OK5" s="634"/>
      <c r="OL5" s="634"/>
      <c r="OM5" s="634"/>
      <c r="ON5" s="634"/>
      <c r="OO5" s="634"/>
      <c r="OP5" s="634"/>
      <c r="OQ5" s="634"/>
      <c r="OR5" s="634"/>
      <c r="OS5" s="635"/>
    </row>
    <row r="6" spans="2:409" ht="21" customHeight="1" thickBot="1" x14ac:dyDescent="0.25">
      <c r="B6" s="685"/>
      <c r="C6" s="689"/>
      <c r="D6" s="689"/>
      <c r="E6" s="689"/>
      <c r="F6" s="689"/>
      <c r="G6" s="689"/>
      <c r="H6" s="689"/>
      <c r="I6" s="689"/>
      <c r="J6" s="689"/>
      <c r="K6" s="689"/>
      <c r="L6" s="689"/>
      <c r="M6" s="689"/>
      <c r="N6" s="488"/>
      <c r="O6" s="489"/>
      <c r="P6" s="489"/>
      <c r="Q6" s="489"/>
      <c r="R6" s="489"/>
      <c r="S6" s="489"/>
      <c r="T6" s="489"/>
      <c r="U6" s="489"/>
      <c r="V6" s="489"/>
      <c r="W6" s="489"/>
      <c r="X6" s="490"/>
      <c r="Y6" s="677" t="s">
        <v>70</v>
      </c>
      <c r="Z6" s="492"/>
      <c r="AA6" s="492"/>
      <c r="AB6" s="492"/>
      <c r="AC6" s="492"/>
      <c r="AD6" s="492"/>
      <c r="AE6" s="492"/>
      <c r="AF6" s="492"/>
      <c r="AG6" s="492"/>
      <c r="AH6" s="492"/>
      <c r="AI6" s="493"/>
      <c r="AJ6" s="672" t="s">
        <v>71</v>
      </c>
      <c r="AK6" s="673"/>
      <c r="AL6" s="673"/>
      <c r="AM6" s="673"/>
      <c r="AN6" s="673"/>
      <c r="AO6" s="673"/>
      <c r="AP6" s="673"/>
      <c r="AQ6" s="673"/>
      <c r="AR6" s="673"/>
      <c r="AS6" s="673"/>
      <c r="AT6" s="674"/>
      <c r="AU6" s="672" t="s">
        <v>72</v>
      </c>
      <c r="AV6" s="673"/>
      <c r="AW6" s="673"/>
      <c r="AX6" s="673"/>
      <c r="AY6" s="673"/>
      <c r="AZ6" s="673"/>
      <c r="BA6" s="673"/>
      <c r="BB6" s="673"/>
      <c r="BC6" s="673"/>
      <c r="BD6" s="673"/>
      <c r="BE6" s="674"/>
      <c r="BF6" s="672" t="s">
        <v>73</v>
      </c>
      <c r="BG6" s="673"/>
      <c r="BH6" s="673"/>
      <c r="BI6" s="673"/>
      <c r="BJ6" s="673"/>
      <c r="BK6" s="673"/>
      <c r="BL6" s="673"/>
      <c r="BM6" s="673"/>
      <c r="BN6" s="673"/>
      <c r="BO6" s="673"/>
      <c r="BP6" s="674"/>
      <c r="BQ6" s="672" t="s">
        <v>74</v>
      </c>
      <c r="BR6" s="673"/>
      <c r="BS6" s="673"/>
      <c r="BT6" s="673"/>
      <c r="BU6" s="673"/>
      <c r="BV6" s="673"/>
      <c r="BW6" s="673"/>
      <c r="BX6" s="673"/>
      <c r="BY6" s="673"/>
      <c r="BZ6" s="673"/>
      <c r="CA6" s="674"/>
      <c r="CB6" s="675"/>
      <c r="CC6" s="676"/>
      <c r="CD6" s="676"/>
      <c r="CE6" s="676"/>
      <c r="CF6" s="676"/>
      <c r="CG6" s="676"/>
      <c r="CH6" s="676"/>
      <c r="CI6" s="676"/>
      <c r="CJ6" s="676"/>
      <c r="CK6" s="676"/>
      <c r="CL6" s="701"/>
      <c r="CM6" s="672" t="s">
        <v>75</v>
      </c>
      <c r="CN6" s="673"/>
      <c r="CO6" s="673"/>
      <c r="CP6" s="673"/>
      <c r="CQ6" s="673"/>
      <c r="CR6" s="673"/>
      <c r="CS6" s="673"/>
      <c r="CT6" s="673"/>
      <c r="CU6" s="673"/>
      <c r="CV6" s="673"/>
      <c r="CW6" s="674"/>
      <c r="CX6" s="672" t="s">
        <v>76</v>
      </c>
      <c r="CY6" s="673"/>
      <c r="CZ6" s="673"/>
      <c r="DA6" s="673"/>
      <c r="DB6" s="673"/>
      <c r="DC6" s="673"/>
      <c r="DD6" s="673"/>
      <c r="DE6" s="673"/>
      <c r="DF6" s="673"/>
      <c r="DG6" s="673"/>
      <c r="DH6" s="674"/>
      <c r="DI6" s="675"/>
      <c r="DJ6" s="676"/>
      <c r="DK6" s="676"/>
      <c r="DL6" s="676"/>
      <c r="DM6" s="676"/>
      <c r="DN6" s="676"/>
      <c r="DO6" s="676"/>
      <c r="DP6" s="676"/>
      <c r="DQ6" s="676"/>
      <c r="DR6" s="676"/>
      <c r="DS6" s="676"/>
      <c r="DT6" s="672" t="s">
        <v>77</v>
      </c>
      <c r="DU6" s="673"/>
      <c r="DV6" s="673"/>
      <c r="DW6" s="673"/>
      <c r="DX6" s="673"/>
      <c r="DY6" s="673"/>
      <c r="DZ6" s="673"/>
      <c r="EA6" s="673"/>
      <c r="EB6" s="673"/>
      <c r="EC6" s="673"/>
      <c r="ED6" s="674"/>
      <c r="EE6" s="672" t="s">
        <v>78</v>
      </c>
      <c r="EF6" s="673"/>
      <c r="EG6" s="673"/>
      <c r="EH6" s="673"/>
      <c r="EI6" s="673"/>
      <c r="EJ6" s="673"/>
      <c r="EK6" s="673"/>
      <c r="EL6" s="673"/>
      <c r="EM6" s="673"/>
      <c r="EN6" s="673"/>
      <c r="EO6" s="674"/>
      <c r="EP6" s="672" t="s">
        <v>79</v>
      </c>
      <c r="EQ6" s="673"/>
      <c r="ER6" s="673"/>
      <c r="ES6" s="673"/>
      <c r="ET6" s="673"/>
      <c r="EU6" s="673"/>
      <c r="EV6" s="673"/>
      <c r="EW6" s="673"/>
      <c r="EX6" s="673"/>
      <c r="EY6" s="673"/>
      <c r="EZ6" s="674"/>
      <c r="FA6" s="594" t="s">
        <v>151</v>
      </c>
      <c r="FB6" s="673"/>
      <c r="FC6" s="673"/>
      <c r="FD6" s="673"/>
      <c r="FE6" s="673"/>
      <c r="FF6" s="673"/>
      <c r="FG6" s="673"/>
      <c r="FH6" s="673"/>
      <c r="FI6" s="673"/>
      <c r="FJ6" s="673"/>
      <c r="FK6" s="674"/>
      <c r="FL6" s="675"/>
      <c r="FM6" s="676"/>
      <c r="FN6" s="676"/>
      <c r="FO6" s="676"/>
      <c r="FP6" s="676"/>
      <c r="FQ6" s="676"/>
      <c r="FR6" s="676"/>
      <c r="FS6" s="676"/>
      <c r="FT6" s="676"/>
      <c r="FU6" s="676"/>
      <c r="FV6" s="676"/>
      <c r="FW6" s="672" t="s">
        <v>80</v>
      </c>
      <c r="FX6" s="673"/>
      <c r="FY6" s="673"/>
      <c r="FZ6" s="673"/>
      <c r="GA6" s="673"/>
      <c r="GB6" s="673"/>
      <c r="GC6" s="673"/>
      <c r="GD6" s="673"/>
      <c r="GE6" s="673"/>
      <c r="GF6" s="673"/>
      <c r="GG6" s="674"/>
      <c r="GH6" s="677" t="s">
        <v>81</v>
      </c>
      <c r="GI6" s="492"/>
      <c r="GJ6" s="492"/>
      <c r="GK6" s="492"/>
      <c r="GL6" s="492"/>
      <c r="GM6" s="492"/>
      <c r="GN6" s="492"/>
      <c r="GO6" s="492"/>
      <c r="GP6" s="492"/>
      <c r="GQ6" s="492"/>
      <c r="GR6" s="493"/>
      <c r="GS6" s="677" t="s">
        <v>82</v>
      </c>
      <c r="GT6" s="492"/>
      <c r="GU6" s="492"/>
      <c r="GV6" s="492"/>
      <c r="GW6" s="492"/>
      <c r="GX6" s="492"/>
      <c r="GY6" s="492"/>
      <c r="GZ6" s="492"/>
      <c r="HA6" s="492"/>
      <c r="HB6" s="492"/>
      <c r="HC6" s="493"/>
      <c r="HD6" s="698"/>
      <c r="HE6" s="699"/>
      <c r="HF6" s="699"/>
      <c r="HG6" s="699"/>
      <c r="HH6" s="699"/>
      <c r="HI6" s="699"/>
      <c r="HJ6" s="699"/>
      <c r="HK6" s="699"/>
      <c r="HL6" s="699"/>
      <c r="HM6" s="699"/>
      <c r="HN6" s="700"/>
      <c r="HO6" s="698"/>
      <c r="HP6" s="699"/>
      <c r="HQ6" s="699"/>
      <c r="HR6" s="699"/>
      <c r="HS6" s="699"/>
      <c r="HT6" s="699"/>
      <c r="HU6" s="699"/>
      <c r="HV6" s="699"/>
      <c r="HW6" s="699"/>
      <c r="HX6" s="699"/>
      <c r="HY6" s="700"/>
      <c r="HZ6" s="588"/>
      <c r="IA6" s="589"/>
      <c r="IB6" s="589"/>
      <c r="IC6" s="589"/>
      <c r="ID6" s="589"/>
      <c r="IE6" s="589"/>
      <c r="IF6" s="589"/>
      <c r="IG6" s="589"/>
      <c r="IH6" s="589"/>
      <c r="II6" s="589"/>
      <c r="IJ6" s="590"/>
      <c r="IK6" s="575"/>
      <c r="IL6" s="568"/>
      <c r="IM6" s="568"/>
      <c r="IN6" s="568"/>
      <c r="IO6" s="568"/>
      <c r="IP6" s="568"/>
      <c r="IQ6" s="568"/>
      <c r="IR6" s="568"/>
      <c r="IS6" s="568"/>
      <c r="IT6" s="568"/>
      <c r="IU6" s="576"/>
      <c r="IV6" s="575"/>
      <c r="IW6" s="568"/>
      <c r="IX6" s="568"/>
      <c r="IY6" s="568"/>
      <c r="IZ6" s="568"/>
      <c r="JA6" s="568"/>
      <c r="JB6" s="568"/>
      <c r="JC6" s="568"/>
      <c r="JD6" s="568"/>
      <c r="JE6" s="568"/>
      <c r="JF6" s="576"/>
      <c r="JG6" s="642"/>
      <c r="JH6" s="643"/>
      <c r="JI6" s="643"/>
      <c r="JJ6" s="643"/>
      <c r="JK6" s="643"/>
      <c r="JL6" s="643"/>
      <c r="JM6" s="643"/>
      <c r="JN6" s="643"/>
      <c r="JO6" s="643"/>
      <c r="JP6" s="643"/>
      <c r="JQ6" s="644"/>
      <c r="JR6" s="575"/>
      <c r="JS6" s="568"/>
      <c r="JT6" s="568"/>
      <c r="JU6" s="568"/>
      <c r="JV6" s="568"/>
      <c r="JW6" s="568"/>
      <c r="JX6" s="568"/>
      <c r="JY6" s="568"/>
      <c r="JZ6" s="568"/>
      <c r="KA6" s="568"/>
      <c r="KB6" s="576"/>
      <c r="KC6" s="575"/>
      <c r="KD6" s="568"/>
      <c r="KE6" s="568"/>
      <c r="KF6" s="568"/>
      <c r="KG6" s="568"/>
      <c r="KH6" s="568"/>
      <c r="KI6" s="568"/>
      <c r="KJ6" s="568"/>
      <c r="KK6" s="568"/>
      <c r="KL6" s="568"/>
      <c r="KM6" s="576"/>
      <c r="KN6" s="575"/>
      <c r="KO6" s="568"/>
      <c r="KP6" s="568"/>
      <c r="KQ6" s="568"/>
      <c r="KR6" s="568"/>
      <c r="KS6" s="568"/>
      <c r="KT6" s="568"/>
      <c r="KU6" s="568"/>
      <c r="KV6" s="568"/>
      <c r="KW6" s="568"/>
      <c r="KX6" s="576"/>
      <c r="KY6" s="575"/>
      <c r="KZ6" s="568"/>
      <c r="LA6" s="568"/>
      <c r="LB6" s="568"/>
      <c r="LC6" s="568"/>
      <c r="LD6" s="568"/>
      <c r="LE6" s="568"/>
      <c r="LF6" s="568"/>
      <c r="LG6" s="568"/>
      <c r="LH6" s="568"/>
      <c r="LI6" s="576"/>
      <c r="LJ6" s="588"/>
      <c r="LK6" s="589"/>
      <c r="LL6" s="589"/>
      <c r="LM6" s="589"/>
      <c r="LN6" s="589"/>
      <c r="LO6" s="589"/>
      <c r="LP6" s="589"/>
      <c r="LQ6" s="589"/>
      <c r="LR6" s="589"/>
      <c r="LS6" s="589"/>
      <c r="LT6" s="590"/>
      <c r="LU6" s="651"/>
      <c r="LV6" s="652"/>
      <c r="LW6" s="652"/>
      <c r="LX6" s="652"/>
      <c r="LY6" s="652"/>
      <c r="LZ6" s="652"/>
      <c r="MA6" s="652"/>
      <c r="MB6" s="652"/>
      <c r="MC6" s="652"/>
      <c r="MD6" s="652"/>
      <c r="ME6" s="653"/>
      <c r="MF6" s="588"/>
      <c r="MG6" s="589"/>
      <c r="MH6" s="589"/>
      <c r="MI6" s="589"/>
      <c r="MJ6" s="589"/>
      <c r="MK6" s="589"/>
      <c r="ML6" s="589"/>
      <c r="MM6" s="589"/>
      <c r="MN6" s="589"/>
      <c r="MO6" s="589"/>
      <c r="MP6" s="590"/>
      <c r="MQ6" s="575"/>
      <c r="MR6" s="568"/>
      <c r="MS6" s="568"/>
      <c r="MT6" s="568"/>
      <c r="MU6" s="568"/>
      <c r="MV6" s="568"/>
      <c r="MW6" s="568"/>
      <c r="MX6" s="568"/>
      <c r="MY6" s="568"/>
      <c r="MZ6" s="568"/>
      <c r="NA6" s="576"/>
      <c r="NB6" s="575"/>
      <c r="NC6" s="568"/>
      <c r="ND6" s="568"/>
      <c r="NE6" s="568"/>
      <c r="NF6" s="568"/>
      <c r="NG6" s="568"/>
      <c r="NH6" s="568"/>
      <c r="NI6" s="568"/>
      <c r="NJ6" s="568"/>
      <c r="NK6" s="568"/>
      <c r="NL6" s="576"/>
      <c r="NM6" s="575"/>
      <c r="NN6" s="568"/>
      <c r="NO6" s="568"/>
      <c r="NP6" s="568"/>
      <c r="NQ6" s="568"/>
      <c r="NR6" s="568"/>
      <c r="NS6" s="568"/>
      <c r="NT6" s="568"/>
      <c r="NU6" s="568"/>
      <c r="NV6" s="568"/>
      <c r="NW6" s="576"/>
      <c r="NX6" s="629"/>
      <c r="NY6" s="630"/>
      <c r="NZ6" s="630"/>
      <c r="OA6" s="630"/>
      <c r="OB6" s="630"/>
      <c r="OC6" s="630"/>
      <c r="OD6" s="630"/>
      <c r="OE6" s="630"/>
      <c r="OF6" s="630"/>
      <c r="OG6" s="630"/>
      <c r="OH6" s="631"/>
      <c r="OI6" s="575"/>
      <c r="OJ6" s="568"/>
      <c r="OK6" s="568"/>
      <c r="OL6" s="568"/>
      <c r="OM6" s="568"/>
      <c r="ON6" s="568"/>
      <c r="OO6" s="568"/>
      <c r="OP6" s="568"/>
      <c r="OQ6" s="568"/>
      <c r="OR6" s="568"/>
      <c r="OS6" s="576"/>
    </row>
    <row r="7" spans="2:409" ht="21" customHeight="1" x14ac:dyDescent="0.2">
      <c r="B7" s="685"/>
      <c r="C7" s="670" t="s">
        <v>61</v>
      </c>
      <c r="D7" s="670"/>
      <c r="E7" s="670"/>
      <c r="F7" s="682" t="s">
        <v>62</v>
      </c>
      <c r="G7" s="670"/>
      <c r="H7" s="670"/>
      <c r="I7" s="670"/>
      <c r="J7" s="670"/>
      <c r="K7" s="670"/>
      <c r="L7" s="670"/>
      <c r="M7" s="682" t="s">
        <v>52</v>
      </c>
      <c r="N7" s="681" t="s">
        <v>61</v>
      </c>
      <c r="O7" s="670"/>
      <c r="P7" s="670"/>
      <c r="Q7" s="682" t="s">
        <v>62</v>
      </c>
      <c r="R7" s="670"/>
      <c r="S7" s="670"/>
      <c r="T7" s="670"/>
      <c r="U7" s="670"/>
      <c r="V7" s="670"/>
      <c r="W7" s="683"/>
      <c r="X7" s="678" t="s">
        <v>52</v>
      </c>
      <c r="Y7" s="488" t="s">
        <v>61</v>
      </c>
      <c r="Z7" s="489"/>
      <c r="AA7" s="664"/>
      <c r="AB7" s="663" t="s">
        <v>62</v>
      </c>
      <c r="AC7" s="489"/>
      <c r="AD7" s="489"/>
      <c r="AE7" s="489"/>
      <c r="AF7" s="489"/>
      <c r="AG7" s="489"/>
      <c r="AH7" s="664"/>
      <c r="AI7" s="490" t="s">
        <v>52</v>
      </c>
      <c r="AJ7" s="658" t="s">
        <v>61</v>
      </c>
      <c r="AK7" s="659"/>
      <c r="AL7" s="660"/>
      <c r="AM7" s="661" t="s">
        <v>62</v>
      </c>
      <c r="AN7" s="659"/>
      <c r="AO7" s="659"/>
      <c r="AP7" s="659"/>
      <c r="AQ7" s="659"/>
      <c r="AR7" s="659"/>
      <c r="AS7" s="662"/>
      <c r="AT7" s="490" t="s">
        <v>52</v>
      </c>
      <c r="AU7" s="658" t="s">
        <v>61</v>
      </c>
      <c r="AV7" s="659"/>
      <c r="AW7" s="660"/>
      <c r="AX7" s="661" t="s">
        <v>62</v>
      </c>
      <c r="AY7" s="659"/>
      <c r="AZ7" s="659"/>
      <c r="BA7" s="659"/>
      <c r="BB7" s="659"/>
      <c r="BC7" s="659"/>
      <c r="BD7" s="662"/>
      <c r="BE7" s="490" t="s">
        <v>52</v>
      </c>
      <c r="BF7" s="658" t="s">
        <v>61</v>
      </c>
      <c r="BG7" s="659"/>
      <c r="BH7" s="660"/>
      <c r="BI7" s="661" t="s">
        <v>62</v>
      </c>
      <c r="BJ7" s="659"/>
      <c r="BK7" s="659"/>
      <c r="BL7" s="659"/>
      <c r="BM7" s="659"/>
      <c r="BN7" s="659"/>
      <c r="BO7" s="662"/>
      <c r="BP7" s="490" t="s">
        <v>52</v>
      </c>
      <c r="BQ7" s="658" t="s">
        <v>61</v>
      </c>
      <c r="BR7" s="659"/>
      <c r="BS7" s="660"/>
      <c r="BT7" s="661" t="s">
        <v>62</v>
      </c>
      <c r="BU7" s="659"/>
      <c r="BV7" s="659"/>
      <c r="BW7" s="659"/>
      <c r="BX7" s="659"/>
      <c r="BY7" s="659"/>
      <c r="BZ7" s="662"/>
      <c r="CA7" s="490" t="s">
        <v>52</v>
      </c>
      <c r="CB7" s="665" t="s">
        <v>61</v>
      </c>
      <c r="CC7" s="666"/>
      <c r="CD7" s="667"/>
      <c r="CE7" s="668" t="s">
        <v>62</v>
      </c>
      <c r="CF7" s="666"/>
      <c r="CG7" s="666"/>
      <c r="CH7" s="666"/>
      <c r="CI7" s="666"/>
      <c r="CJ7" s="666"/>
      <c r="CK7" s="669"/>
      <c r="CL7" s="678" t="s">
        <v>52</v>
      </c>
      <c r="CM7" s="658" t="s">
        <v>61</v>
      </c>
      <c r="CN7" s="659"/>
      <c r="CO7" s="662"/>
      <c r="CP7" s="661" t="s">
        <v>62</v>
      </c>
      <c r="CQ7" s="659"/>
      <c r="CR7" s="659"/>
      <c r="CS7" s="659"/>
      <c r="CT7" s="659"/>
      <c r="CU7" s="659"/>
      <c r="CV7" s="662"/>
      <c r="CW7" s="680" t="s">
        <v>52</v>
      </c>
      <c r="CX7" s="658" t="s">
        <v>61</v>
      </c>
      <c r="CY7" s="659"/>
      <c r="CZ7" s="662"/>
      <c r="DA7" s="661" t="s">
        <v>62</v>
      </c>
      <c r="DB7" s="659"/>
      <c r="DC7" s="659"/>
      <c r="DD7" s="659"/>
      <c r="DE7" s="659"/>
      <c r="DF7" s="659"/>
      <c r="DG7" s="662"/>
      <c r="DH7" s="680" t="s">
        <v>52</v>
      </c>
      <c r="DI7" s="665" t="s">
        <v>61</v>
      </c>
      <c r="DJ7" s="666"/>
      <c r="DK7" s="669"/>
      <c r="DL7" s="668" t="s">
        <v>62</v>
      </c>
      <c r="DM7" s="666"/>
      <c r="DN7" s="666"/>
      <c r="DO7" s="666"/>
      <c r="DP7" s="666"/>
      <c r="DQ7" s="666"/>
      <c r="DR7" s="669"/>
      <c r="DS7" s="678" t="s">
        <v>52</v>
      </c>
      <c r="DT7" s="658" t="s">
        <v>61</v>
      </c>
      <c r="DU7" s="659"/>
      <c r="DV7" s="660"/>
      <c r="DW7" s="661" t="s">
        <v>62</v>
      </c>
      <c r="DX7" s="659"/>
      <c r="DY7" s="659"/>
      <c r="DZ7" s="659"/>
      <c r="EA7" s="659"/>
      <c r="EB7" s="659"/>
      <c r="EC7" s="662"/>
      <c r="ED7" s="490" t="s">
        <v>52</v>
      </c>
      <c r="EE7" s="658" t="s">
        <v>61</v>
      </c>
      <c r="EF7" s="659"/>
      <c r="EG7" s="660"/>
      <c r="EH7" s="661" t="s">
        <v>62</v>
      </c>
      <c r="EI7" s="659"/>
      <c r="EJ7" s="659"/>
      <c r="EK7" s="659"/>
      <c r="EL7" s="659"/>
      <c r="EM7" s="659"/>
      <c r="EN7" s="662"/>
      <c r="EO7" s="490" t="s">
        <v>52</v>
      </c>
      <c r="EP7" s="658" t="s">
        <v>61</v>
      </c>
      <c r="EQ7" s="659"/>
      <c r="ER7" s="660"/>
      <c r="ES7" s="661" t="s">
        <v>62</v>
      </c>
      <c r="ET7" s="659"/>
      <c r="EU7" s="659"/>
      <c r="EV7" s="659"/>
      <c r="EW7" s="659"/>
      <c r="EX7" s="659"/>
      <c r="EY7" s="662"/>
      <c r="EZ7" s="490" t="s">
        <v>52</v>
      </c>
      <c r="FA7" s="658" t="s">
        <v>61</v>
      </c>
      <c r="FB7" s="659"/>
      <c r="FC7" s="660"/>
      <c r="FD7" s="661" t="s">
        <v>62</v>
      </c>
      <c r="FE7" s="659"/>
      <c r="FF7" s="659"/>
      <c r="FG7" s="659"/>
      <c r="FH7" s="659"/>
      <c r="FI7" s="659"/>
      <c r="FJ7" s="662"/>
      <c r="FK7" s="490" t="s">
        <v>52</v>
      </c>
      <c r="FL7" s="665" t="s">
        <v>61</v>
      </c>
      <c r="FM7" s="666"/>
      <c r="FN7" s="667"/>
      <c r="FO7" s="668" t="s">
        <v>62</v>
      </c>
      <c r="FP7" s="666"/>
      <c r="FQ7" s="666"/>
      <c r="FR7" s="666"/>
      <c r="FS7" s="666"/>
      <c r="FT7" s="666"/>
      <c r="FU7" s="669"/>
      <c r="FV7" s="670" t="s">
        <v>52</v>
      </c>
      <c r="FW7" s="658" t="s">
        <v>61</v>
      </c>
      <c r="FX7" s="659"/>
      <c r="FY7" s="660"/>
      <c r="FZ7" s="661" t="s">
        <v>62</v>
      </c>
      <c r="GA7" s="659"/>
      <c r="GB7" s="659"/>
      <c r="GC7" s="659"/>
      <c r="GD7" s="659"/>
      <c r="GE7" s="659"/>
      <c r="GF7" s="662"/>
      <c r="GG7" s="490" t="s">
        <v>52</v>
      </c>
      <c r="GH7" s="488" t="s">
        <v>61</v>
      </c>
      <c r="GI7" s="489"/>
      <c r="GJ7" s="489"/>
      <c r="GK7" s="663" t="s">
        <v>62</v>
      </c>
      <c r="GL7" s="489"/>
      <c r="GM7" s="489"/>
      <c r="GN7" s="489"/>
      <c r="GO7" s="489"/>
      <c r="GP7" s="489"/>
      <c r="GQ7" s="664"/>
      <c r="GR7" s="656" t="s">
        <v>52</v>
      </c>
      <c r="GS7" s="488" t="s">
        <v>61</v>
      </c>
      <c r="GT7" s="489"/>
      <c r="GU7" s="664"/>
      <c r="GV7" s="663" t="s">
        <v>62</v>
      </c>
      <c r="GW7" s="489"/>
      <c r="GX7" s="489"/>
      <c r="GY7" s="489"/>
      <c r="GZ7" s="489"/>
      <c r="HA7" s="489"/>
      <c r="HB7" s="664"/>
      <c r="HC7" s="656" t="s">
        <v>52</v>
      </c>
      <c r="HD7" s="658" t="s">
        <v>61</v>
      </c>
      <c r="HE7" s="659"/>
      <c r="HF7" s="660"/>
      <c r="HG7" s="661" t="s">
        <v>62</v>
      </c>
      <c r="HH7" s="659"/>
      <c r="HI7" s="659"/>
      <c r="HJ7" s="659"/>
      <c r="HK7" s="659"/>
      <c r="HL7" s="659"/>
      <c r="HM7" s="662"/>
      <c r="HN7" s="490" t="s">
        <v>52</v>
      </c>
      <c r="HO7" s="658" t="s">
        <v>61</v>
      </c>
      <c r="HP7" s="659"/>
      <c r="HQ7" s="660"/>
      <c r="HR7" s="661" t="s">
        <v>62</v>
      </c>
      <c r="HS7" s="659"/>
      <c r="HT7" s="659"/>
      <c r="HU7" s="659"/>
      <c r="HV7" s="659"/>
      <c r="HW7" s="659"/>
      <c r="HX7" s="662"/>
      <c r="HY7" s="490" t="s">
        <v>52</v>
      </c>
      <c r="HZ7" s="556" t="s">
        <v>61</v>
      </c>
      <c r="IA7" s="557"/>
      <c r="IB7" s="558"/>
      <c r="IC7" s="617" t="s">
        <v>62</v>
      </c>
      <c r="ID7" s="557"/>
      <c r="IE7" s="557"/>
      <c r="IF7" s="557"/>
      <c r="IG7" s="557"/>
      <c r="IH7" s="557"/>
      <c r="II7" s="618"/>
      <c r="IJ7" s="560" t="s">
        <v>52</v>
      </c>
      <c r="IK7" s="564" t="s">
        <v>61</v>
      </c>
      <c r="IL7" s="565"/>
      <c r="IM7" s="566"/>
      <c r="IN7" s="599" t="s">
        <v>62</v>
      </c>
      <c r="IO7" s="565"/>
      <c r="IP7" s="565"/>
      <c r="IQ7" s="565"/>
      <c r="IR7" s="565"/>
      <c r="IS7" s="565"/>
      <c r="IT7" s="600"/>
      <c r="IU7" s="576" t="s">
        <v>52</v>
      </c>
      <c r="IV7" s="564" t="s">
        <v>61</v>
      </c>
      <c r="IW7" s="565"/>
      <c r="IX7" s="600"/>
      <c r="IY7" s="599" t="s">
        <v>62</v>
      </c>
      <c r="IZ7" s="565"/>
      <c r="JA7" s="565"/>
      <c r="JB7" s="565"/>
      <c r="JC7" s="565"/>
      <c r="JD7" s="565"/>
      <c r="JE7" s="600"/>
      <c r="JF7" s="576" t="s">
        <v>52</v>
      </c>
      <c r="JG7" s="564" t="s">
        <v>61</v>
      </c>
      <c r="JH7" s="565"/>
      <c r="JI7" s="566"/>
      <c r="JJ7" s="599" t="s">
        <v>62</v>
      </c>
      <c r="JK7" s="565"/>
      <c r="JL7" s="565"/>
      <c r="JM7" s="565"/>
      <c r="JN7" s="565"/>
      <c r="JO7" s="565"/>
      <c r="JP7" s="600"/>
      <c r="JQ7" s="623" t="s">
        <v>52</v>
      </c>
      <c r="JR7" s="564" t="s">
        <v>61</v>
      </c>
      <c r="JS7" s="565"/>
      <c r="JT7" s="566"/>
      <c r="JU7" s="599" t="s">
        <v>62</v>
      </c>
      <c r="JV7" s="565"/>
      <c r="JW7" s="565"/>
      <c r="JX7" s="565"/>
      <c r="JY7" s="565"/>
      <c r="JZ7" s="565"/>
      <c r="KA7" s="600"/>
      <c r="KB7" s="623" t="s">
        <v>52</v>
      </c>
      <c r="KC7" s="564" t="s">
        <v>61</v>
      </c>
      <c r="KD7" s="565"/>
      <c r="KE7" s="566"/>
      <c r="KF7" s="599" t="s">
        <v>62</v>
      </c>
      <c r="KG7" s="565"/>
      <c r="KH7" s="565"/>
      <c r="KI7" s="565"/>
      <c r="KJ7" s="565"/>
      <c r="KK7" s="565"/>
      <c r="KL7" s="600"/>
      <c r="KM7" s="623" t="s">
        <v>52</v>
      </c>
      <c r="KN7" s="564" t="s">
        <v>61</v>
      </c>
      <c r="KO7" s="565"/>
      <c r="KP7" s="566"/>
      <c r="KQ7" s="599" t="s">
        <v>62</v>
      </c>
      <c r="KR7" s="565"/>
      <c r="KS7" s="565"/>
      <c r="KT7" s="565"/>
      <c r="KU7" s="565"/>
      <c r="KV7" s="565"/>
      <c r="KW7" s="600"/>
      <c r="KX7" s="623" t="s">
        <v>52</v>
      </c>
      <c r="KY7" s="564" t="s">
        <v>61</v>
      </c>
      <c r="KZ7" s="565"/>
      <c r="LA7" s="566"/>
      <c r="LB7" s="599" t="s">
        <v>62</v>
      </c>
      <c r="LC7" s="565"/>
      <c r="LD7" s="565"/>
      <c r="LE7" s="565"/>
      <c r="LF7" s="565"/>
      <c r="LG7" s="565"/>
      <c r="LH7" s="600"/>
      <c r="LI7" s="623" t="s">
        <v>52</v>
      </c>
      <c r="LJ7" s="564" t="s">
        <v>61</v>
      </c>
      <c r="LK7" s="565"/>
      <c r="LL7" s="566"/>
      <c r="LM7" s="599" t="s">
        <v>62</v>
      </c>
      <c r="LN7" s="565"/>
      <c r="LO7" s="565"/>
      <c r="LP7" s="565"/>
      <c r="LQ7" s="565"/>
      <c r="LR7" s="565"/>
      <c r="LS7" s="600"/>
      <c r="LT7" s="623" t="s">
        <v>52</v>
      </c>
      <c r="LU7" s="564" t="s">
        <v>61</v>
      </c>
      <c r="LV7" s="565"/>
      <c r="LW7" s="566"/>
      <c r="LX7" s="599" t="s">
        <v>62</v>
      </c>
      <c r="LY7" s="565"/>
      <c r="LZ7" s="565"/>
      <c r="MA7" s="565"/>
      <c r="MB7" s="565"/>
      <c r="MC7" s="565"/>
      <c r="MD7" s="600"/>
      <c r="ME7" s="623" t="s">
        <v>52</v>
      </c>
      <c r="MF7" s="556" t="s">
        <v>61</v>
      </c>
      <c r="MG7" s="557"/>
      <c r="MH7" s="558"/>
      <c r="MI7" s="617" t="s">
        <v>62</v>
      </c>
      <c r="MJ7" s="557"/>
      <c r="MK7" s="557"/>
      <c r="ML7" s="557"/>
      <c r="MM7" s="557"/>
      <c r="MN7" s="557"/>
      <c r="MO7" s="618"/>
      <c r="MP7" s="601" t="s">
        <v>52</v>
      </c>
      <c r="MQ7" s="564" t="s">
        <v>61</v>
      </c>
      <c r="MR7" s="565"/>
      <c r="MS7" s="566"/>
      <c r="MT7" s="599" t="s">
        <v>62</v>
      </c>
      <c r="MU7" s="565"/>
      <c r="MV7" s="565"/>
      <c r="MW7" s="565"/>
      <c r="MX7" s="565"/>
      <c r="MY7" s="565"/>
      <c r="MZ7" s="600"/>
      <c r="NA7" s="623" t="s">
        <v>52</v>
      </c>
      <c r="NB7" s="564" t="s">
        <v>61</v>
      </c>
      <c r="NC7" s="565"/>
      <c r="ND7" s="566"/>
      <c r="NE7" s="599" t="s">
        <v>62</v>
      </c>
      <c r="NF7" s="565"/>
      <c r="NG7" s="565"/>
      <c r="NH7" s="565"/>
      <c r="NI7" s="565"/>
      <c r="NJ7" s="565"/>
      <c r="NK7" s="600"/>
      <c r="NL7" s="623" t="s">
        <v>52</v>
      </c>
      <c r="NM7" s="564" t="s">
        <v>61</v>
      </c>
      <c r="NN7" s="565"/>
      <c r="NO7" s="566"/>
      <c r="NP7" s="599" t="s">
        <v>62</v>
      </c>
      <c r="NQ7" s="565"/>
      <c r="NR7" s="565"/>
      <c r="NS7" s="565"/>
      <c r="NT7" s="565"/>
      <c r="NU7" s="565"/>
      <c r="NV7" s="600"/>
      <c r="NW7" s="623" t="s">
        <v>52</v>
      </c>
      <c r="NX7" s="564" t="s">
        <v>61</v>
      </c>
      <c r="NY7" s="565"/>
      <c r="NZ7" s="566"/>
      <c r="OA7" s="599" t="s">
        <v>62</v>
      </c>
      <c r="OB7" s="565"/>
      <c r="OC7" s="565"/>
      <c r="OD7" s="565"/>
      <c r="OE7" s="565"/>
      <c r="OF7" s="565"/>
      <c r="OG7" s="600"/>
      <c r="OH7" s="623" t="s">
        <v>52</v>
      </c>
      <c r="OI7" s="556" t="s">
        <v>61</v>
      </c>
      <c r="OJ7" s="557"/>
      <c r="OK7" s="558"/>
      <c r="OL7" s="617" t="s">
        <v>62</v>
      </c>
      <c r="OM7" s="557"/>
      <c r="ON7" s="557"/>
      <c r="OO7" s="557"/>
      <c r="OP7" s="557"/>
      <c r="OQ7" s="557"/>
      <c r="OR7" s="618"/>
      <c r="OS7" s="601" t="s">
        <v>52</v>
      </c>
    </row>
    <row r="8" spans="2:409" ht="30" customHeight="1" thickBot="1" x14ac:dyDescent="0.25">
      <c r="B8" s="686"/>
      <c r="C8" s="303" t="s">
        <v>43</v>
      </c>
      <c r="D8" s="41" t="s">
        <v>44</v>
      </c>
      <c r="E8" s="304" t="s">
        <v>45</v>
      </c>
      <c r="F8" s="44" t="s">
        <v>83</v>
      </c>
      <c r="G8" s="41" t="s">
        <v>47</v>
      </c>
      <c r="H8" s="41" t="s">
        <v>48</v>
      </c>
      <c r="I8" s="41" t="s">
        <v>49</v>
      </c>
      <c r="J8" s="41" t="s">
        <v>50</v>
      </c>
      <c r="K8" s="41" t="s">
        <v>51</v>
      </c>
      <c r="L8" s="42" t="s">
        <v>45</v>
      </c>
      <c r="M8" s="702"/>
      <c r="N8" s="43" t="s">
        <v>43</v>
      </c>
      <c r="O8" s="41" t="s">
        <v>44</v>
      </c>
      <c r="P8" s="42" t="s">
        <v>45</v>
      </c>
      <c r="Q8" s="44" t="s">
        <v>83</v>
      </c>
      <c r="R8" s="41" t="s">
        <v>47</v>
      </c>
      <c r="S8" s="41" t="s">
        <v>48</v>
      </c>
      <c r="T8" s="41" t="s">
        <v>49</v>
      </c>
      <c r="U8" s="41" t="s">
        <v>50</v>
      </c>
      <c r="V8" s="41" t="s">
        <v>51</v>
      </c>
      <c r="W8" s="42" t="s">
        <v>45</v>
      </c>
      <c r="X8" s="679"/>
      <c r="Y8" s="43" t="s">
        <v>43</v>
      </c>
      <c r="Z8" s="41" t="s">
        <v>44</v>
      </c>
      <c r="AA8" s="42" t="s">
        <v>45</v>
      </c>
      <c r="AB8" s="44" t="s">
        <v>83</v>
      </c>
      <c r="AC8" s="41" t="s">
        <v>47</v>
      </c>
      <c r="AD8" s="41" t="s">
        <v>48</v>
      </c>
      <c r="AE8" s="41" t="s">
        <v>49</v>
      </c>
      <c r="AF8" s="41" t="s">
        <v>50</v>
      </c>
      <c r="AG8" s="41" t="s">
        <v>51</v>
      </c>
      <c r="AH8" s="42" t="s">
        <v>45</v>
      </c>
      <c r="AI8" s="655"/>
      <c r="AJ8" s="43" t="s">
        <v>43</v>
      </c>
      <c r="AK8" s="41" t="s">
        <v>44</v>
      </c>
      <c r="AL8" s="304" t="s">
        <v>45</v>
      </c>
      <c r="AM8" s="44" t="s">
        <v>83</v>
      </c>
      <c r="AN8" s="41" t="s">
        <v>47</v>
      </c>
      <c r="AO8" s="41" t="s">
        <v>48</v>
      </c>
      <c r="AP8" s="41" t="s">
        <v>49</v>
      </c>
      <c r="AQ8" s="41" t="s">
        <v>50</v>
      </c>
      <c r="AR8" s="41" t="s">
        <v>51</v>
      </c>
      <c r="AS8" s="42" t="s">
        <v>45</v>
      </c>
      <c r="AT8" s="655"/>
      <c r="AU8" s="43" t="s">
        <v>43</v>
      </c>
      <c r="AV8" s="41" t="s">
        <v>44</v>
      </c>
      <c r="AW8" s="304" t="s">
        <v>45</v>
      </c>
      <c r="AX8" s="44" t="s">
        <v>83</v>
      </c>
      <c r="AY8" s="41" t="s">
        <v>47</v>
      </c>
      <c r="AZ8" s="41" t="s">
        <v>48</v>
      </c>
      <c r="BA8" s="41" t="s">
        <v>49</v>
      </c>
      <c r="BB8" s="41" t="s">
        <v>50</v>
      </c>
      <c r="BC8" s="41" t="s">
        <v>51</v>
      </c>
      <c r="BD8" s="42" t="s">
        <v>45</v>
      </c>
      <c r="BE8" s="655"/>
      <c r="BF8" s="305" t="s">
        <v>43</v>
      </c>
      <c r="BG8" s="41" t="s">
        <v>44</v>
      </c>
      <c r="BH8" s="304" t="s">
        <v>45</v>
      </c>
      <c r="BI8" s="44" t="s">
        <v>83</v>
      </c>
      <c r="BJ8" s="41" t="s">
        <v>47</v>
      </c>
      <c r="BK8" s="41" t="s">
        <v>48</v>
      </c>
      <c r="BL8" s="41" t="s">
        <v>49</v>
      </c>
      <c r="BM8" s="41" t="s">
        <v>50</v>
      </c>
      <c r="BN8" s="41" t="s">
        <v>51</v>
      </c>
      <c r="BO8" s="42" t="s">
        <v>45</v>
      </c>
      <c r="BP8" s="655"/>
      <c r="BQ8" s="43" t="s">
        <v>43</v>
      </c>
      <c r="BR8" s="41" t="s">
        <v>44</v>
      </c>
      <c r="BS8" s="304" t="s">
        <v>45</v>
      </c>
      <c r="BT8" s="44" t="s">
        <v>83</v>
      </c>
      <c r="BU8" s="41" t="s">
        <v>47</v>
      </c>
      <c r="BV8" s="41" t="s">
        <v>48</v>
      </c>
      <c r="BW8" s="41" t="s">
        <v>49</v>
      </c>
      <c r="BX8" s="41" t="s">
        <v>50</v>
      </c>
      <c r="BY8" s="41" t="s">
        <v>51</v>
      </c>
      <c r="BZ8" s="42" t="s">
        <v>45</v>
      </c>
      <c r="CA8" s="655"/>
      <c r="CB8" s="43" t="s">
        <v>43</v>
      </c>
      <c r="CC8" s="41" t="s">
        <v>44</v>
      </c>
      <c r="CD8" s="304" t="s">
        <v>45</v>
      </c>
      <c r="CE8" s="44" t="s">
        <v>83</v>
      </c>
      <c r="CF8" s="41" t="s">
        <v>47</v>
      </c>
      <c r="CG8" s="41" t="s">
        <v>48</v>
      </c>
      <c r="CH8" s="41" t="s">
        <v>49</v>
      </c>
      <c r="CI8" s="41" t="s">
        <v>50</v>
      </c>
      <c r="CJ8" s="41" t="s">
        <v>51</v>
      </c>
      <c r="CK8" s="42" t="s">
        <v>45</v>
      </c>
      <c r="CL8" s="679"/>
      <c r="CM8" s="43" t="s">
        <v>43</v>
      </c>
      <c r="CN8" s="41" t="s">
        <v>44</v>
      </c>
      <c r="CO8" s="42" t="s">
        <v>45</v>
      </c>
      <c r="CP8" s="44" t="s">
        <v>83</v>
      </c>
      <c r="CQ8" s="41" t="s">
        <v>47</v>
      </c>
      <c r="CR8" s="41" t="s">
        <v>48</v>
      </c>
      <c r="CS8" s="41" t="s">
        <v>49</v>
      </c>
      <c r="CT8" s="41" t="s">
        <v>50</v>
      </c>
      <c r="CU8" s="41" t="s">
        <v>51</v>
      </c>
      <c r="CV8" s="42" t="s">
        <v>45</v>
      </c>
      <c r="CW8" s="679"/>
      <c r="CX8" s="43" t="s">
        <v>43</v>
      </c>
      <c r="CY8" s="41" t="s">
        <v>44</v>
      </c>
      <c r="CZ8" s="42" t="s">
        <v>45</v>
      </c>
      <c r="DA8" s="44" t="s">
        <v>83</v>
      </c>
      <c r="DB8" s="41" t="s">
        <v>47</v>
      </c>
      <c r="DC8" s="41" t="s">
        <v>48</v>
      </c>
      <c r="DD8" s="41" t="s">
        <v>49</v>
      </c>
      <c r="DE8" s="41" t="s">
        <v>50</v>
      </c>
      <c r="DF8" s="41" t="s">
        <v>51</v>
      </c>
      <c r="DG8" s="42" t="s">
        <v>45</v>
      </c>
      <c r="DH8" s="679"/>
      <c r="DI8" s="43" t="s">
        <v>43</v>
      </c>
      <c r="DJ8" s="41" t="s">
        <v>44</v>
      </c>
      <c r="DK8" s="42" t="s">
        <v>45</v>
      </c>
      <c r="DL8" s="44" t="s">
        <v>83</v>
      </c>
      <c r="DM8" s="41" t="s">
        <v>47</v>
      </c>
      <c r="DN8" s="41" t="s">
        <v>48</v>
      </c>
      <c r="DO8" s="41" t="s">
        <v>49</v>
      </c>
      <c r="DP8" s="41" t="s">
        <v>50</v>
      </c>
      <c r="DQ8" s="41" t="s">
        <v>51</v>
      </c>
      <c r="DR8" s="42" t="s">
        <v>45</v>
      </c>
      <c r="DS8" s="679"/>
      <c r="DT8" s="43" t="s">
        <v>43</v>
      </c>
      <c r="DU8" s="41" t="s">
        <v>44</v>
      </c>
      <c r="DV8" s="304" t="s">
        <v>45</v>
      </c>
      <c r="DW8" s="44" t="s">
        <v>83</v>
      </c>
      <c r="DX8" s="41" t="s">
        <v>47</v>
      </c>
      <c r="DY8" s="41" t="s">
        <v>48</v>
      </c>
      <c r="DZ8" s="41" t="s">
        <v>49</v>
      </c>
      <c r="EA8" s="41" t="s">
        <v>50</v>
      </c>
      <c r="EB8" s="41" t="s">
        <v>51</v>
      </c>
      <c r="EC8" s="42" t="s">
        <v>45</v>
      </c>
      <c r="ED8" s="655"/>
      <c r="EE8" s="43" t="s">
        <v>43</v>
      </c>
      <c r="EF8" s="41" t="s">
        <v>44</v>
      </c>
      <c r="EG8" s="304" t="s">
        <v>45</v>
      </c>
      <c r="EH8" s="44" t="s">
        <v>83</v>
      </c>
      <c r="EI8" s="41" t="s">
        <v>47</v>
      </c>
      <c r="EJ8" s="41" t="s">
        <v>48</v>
      </c>
      <c r="EK8" s="41" t="s">
        <v>49</v>
      </c>
      <c r="EL8" s="41" t="s">
        <v>50</v>
      </c>
      <c r="EM8" s="41" t="s">
        <v>51</v>
      </c>
      <c r="EN8" s="42" t="s">
        <v>45</v>
      </c>
      <c r="EO8" s="655"/>
      <c r="EP8" s="43" t="s">
        <v>43</v>
      </c>
      <c r="EQ8" s="41" t="s">
        <v>44</v>
      </c>
      <c r="ER8" s="304" t="s">
        <v>45</v>
      </c>
      <c r="ES8" s="44" t="s">
        <v>83</v>
      </c>
      <c r="ET8" s="41" t="s">
        <v>47</v>
      </c>
      <c r="EU8" s="41" t="s">
        <v>48</v>
      </c>
      <c r="EV8" s="41" t="s">
        <v>49</v>
      </c>
      <c r="EW8" s="41" t="s">
        <v>50</v>
      </c>
      <c r="EX8" s="41" t="s">
        <v>51</v>
      </c>
      <c r="EY8" s="42" t="s">
        <v>45</v>
      </c>
      <c r="EZ8" s="655"/>
      <c r="FA8" s="43" t="s">
        <v>43</v>
      </c>
      <c r="FB8" s="41" t="s">
        <v>44</v>
      </c>
      <c r="FC8" s="304" t="s">
        <v>45</v>
      </c>
      <c r="FD8" s="44" t="s">
        <v>83</v>
      </c>
      <c r="FE8" s="41" t="s">
        <v>47</v>
      </c>
      <c r="FF8" s="41" t="s">
        <v>48</v>
      </c>
      <c r="FG8" s="41" t="s">
        <v>49</v>
      </c>
      <c r="FH8" s="41" t="s">
        <v>50</v>
      </c>
      <c r="FI8" s="41" t="s">
        <v>51</v>
      </c>
      <c r="FJ8" s="42" t="s">
        <v>45</v>
      </c>
      <c r="FK8" s="655"/>
      <c r="FL8" s="43" t="s">
        <v>43</v>
      </c>
      <c r="FM8" s="41" t="s">
        <v>44</v>
      </c>
      <c r="FN8" s="304" t="s">
        <v>45</v>
      </c>
      <c r="FO8" s="44" t="s">
        <v>83</v>
      </c>
      <c r="FP8" s="41" t="s">
        <v>47</v>
      </c>
      <c r="FQ8" s="41" t="s">
        <v>48</v>
      </c>
      <c r="FR8" s="41" t="s">
        <v>49</v>
      </c>
      <c r="FS8" s="41" t="s">
        <v>50</v>
      </c>
      <c r="FT8" s="41" t="s">
        <v>51</v>
      </c>
      <c r="FU8" s="42" t="s">
        <v>45</v>
      </c>
      <c r="FV8" s="671"/>
      <c r="FW8" s="43" t="s">
        <v>43</v>
      </c>
      <c r="FX8" s="41" t="s">
        <v>44</v>
      </c>
      <c r="FY8" s="304" t="s">
        <v>45</v>
      </c>
      <c r="FZ8" s="44" t="s">
        <v>83</v>
      </c>
      <c r="GA8" s="41" t="s">
        <v>47</v>
      </c>
      <c r="GB8" s="41" t="s">
        <v>48</v>
      </c>
      <c r="GC8" s="41" t="s">
        <v>49</v>
      </c>
      <c r="GD8" s="41" t="s">
        <v>50</v>
      </c>
      <c r="GE8" s="41" t="s">
        <v>51</v>
      </c>
      <c r="GF8" s="42" t="s">
        <v>45</v>
      </c>
      <c r="GG8" s="655"/>
      <c r="GH8" s="43" t="s">
        <v>43</v>
      </c>
      <c r="GI8" s="41" t="s">
        <v>44</v>
      </c>
      <c r="GJ8" s="304" t="s">
        <v>45</v>
      </c>
      <c r="GK8" s="44" t="s">
        <v>83</v>
      </c>
      <c r="GL8" s="41" t="s">
        <v>47</v>
      </c>
      <c r="GM8" s="41" t="s">
        <v>48</v>
      </c>
      <c r="GN8" s="41" t="s">
        <v>49</v>
      </c>
      <c r="GO8" s="41" t="s">
        <v>50</v>
      </c>
      <c r="GP8" s="41" t="s">
        <v>51</v>
      </c>
      <c r="GQ8" s="42" t="s">
        <v>45</v>
      </c>
      <c r="GR8" s="657"/>
      <c r="GS8" s="43" t="s">
        <v>43</v>
      </c>
      <c r="GT8" s="41" t="s">
        <v>44</v>
      </c>
      <c r="GU8" s="304" t="s">
        <v>45</v>
      </c>
      <c r="GV8" s="44" t="s">
        <v>83</v>
      </c>
      <c r="GW8" s="41" t="s">
        <v>47</v>
      </c>
      <c r="GX8" s="41" t="s">
        <v>48</v>
      </c>
      <c r="GY8" s="41" t="s">
        <v>49</v>
      </c>
      <c r="GZ8" s="41" t="s">
        <v>50</v>
      </c>
      <c r="HA8" s="41" t="s">
        <v>51</v>
      </c>
      <c r="HB8" s="42" t="s">
        <v>45</v>
      </c>
      <c r="HC8" s="657"/>
      <c r="HD8" s="43" t="s">
        <v>43</v>
      </c>
      <c r="HE8" s="41" t="s">
        <v>44</v>
      </c>
      <c r="HF8" s="304" t="s">
        <v>45</v>
      </c>
      <c r="HG8" s="44" t="s">
        <v>83</v>
      </c>
      <c r="HH8" s="41" t="s">
        <v>47</v>
      </c>
      <c r="HI8" s="41" t="s">
        <v>48</v>
      </c>
      <c r="HJ8" s="41" t="s">
        <v>49</v>
      </c>
      <c r="HK8" s="41" t="s">
        <v>50</v>
      </c>
      <c r="HL8" s="41" t="s">
        <v>51</v>
      </c>
      <c r="HM8" s="42" t="s">
        <v>45</v>
      </c>
      <c r="HN8" s="655"/>
      <c r="HO8" s="43" t="s">
        <v>43</v>
      </c>
      <c r="HP8" s="41" t="s">
        <v>44</v>
      </c>
      <c r="HQ8" s="304" t="s">
        <v>45</v>
      </c>
      <c r="HR8" s="44" t="s">
        <v>83</v>
      </c>
      <c r="HS8" s="41" t="s">
        <v>47</v>
      </c>
      <c r="HT8" s="41" t="s">
        <v>48</v>
      </c>
      <c r="HU8" s="41" t="s">
        <v>49</v>
      </c>
      <c r="HV8" s="41" t="s">
        <v>50</v>
      </c>
      <c r="HW8" s="41" t="s">
        <v>51</v>
      </c>
      <c r="HX8" s="42" t="s">
        <v>45</v>
      </c>
      <c r="HY8" s="655"/>
      <c r="HZ8" s="342" t="s">
        <v>43</v>
      </c>
      <c r="IA8" s="343" t="s">
        <v>44</v>
      </c>
      <c r="IB8" s="36" t="s">
        <v>45</v>
      </c>
      <c r="IC8" s="37" t="s">
        <v>83</v>
      </c>
      <c r="ID8" s="343" t="s">
        <v>47</v>
      </c>
      <c r="IE8" s="343" t="s">
        <v>48</v>
      </c>
      <c r="IF8" s="343" t="s">
        <v>49</v>
      </c>
      <c r="IG8" s="343" t="s">
        <v>50</v>
      </c>
      <c r="IH8" s="343" t="s">
        <v>51</v>
      </c>
      <c r="II8" s="14" t="s">
        <v>45</v>
      </c>
      <c r="IJ8" s="622"/>
      <c r="IK8" s="342" t="s">
        <v>43</v>
      </c>
      <c r="IL8" s="343" t="s">
        <v>44</v>
      </c>
      <c r="IM8" s="36" t="s">
        <v>45</v>
      </c>
      <c r="IN8" s="37" t="s">
        <v>83</v>
      </c>
      <c r="IO8" s="51" t="s">
        <v>47</v>
      </c>
      <c r="IP8" s="51" t="s">
        <v>48</v>
      </c>
      <c r="IQ8" s="51" t="s">
        <v>49</v>
      </c>
      <c r="IR8" s="51" t="s">
        <v>50</v>
      </c>
      <c r="IS8" s="51" t="s">
        <v>51</v>
      </c>
      <c r="IT8" s="54" t="s">
        <v>45</v>
      </c>
      <c r="IU8" s="632"/>
      <c r="IV8" s="53" t="s">
        <v>43</v>
      </c>
      <c r="IW8" s="51" t="s">
        <v>44</v>
      </c>
      <c r="IX8" s="54" t="s">
        <v>45</v>
      </c>
      <c r="IY8" s="28" t="s">
        <v>83</v>
      </c>
      <c r="IZ8" s="51" t="s">
        <v>47</v>
      </c>
      <c r="JA8" s="51" t="s">
        <v>48</v>
      </c>
      <c r="JB8" s="51" t="s">
        <v>49</v>
      </c>
      <c r="JC8" s="51" t="s">
        <v>50</v>
      </c>
      <c r="JD8" s="51" t="s">
        <v>51</v>
      </c>
      <c r="JE8" s="54" t="s">
        <v>45</v>
      </c>
      <c r="JF8" s="632"/>
      <c r="JG8" s="53" t="s">
        <v>43</v>
      </c>
      <c r="JH8" s="51" t="s">
        <v>44</v>
      </c>
      <c r="JI8" s="52" t="s">
        <v>45</v>
      </c>
      <c r="JJ8" s="28" t="s">
        <v>83</v>
      </c>
      <c r="JK8" s="51" t="s">
        <v>47</v>
      </c>
      <c r="JL8" s="51" t="s">
        <v>48</v>
      </c>
      <c r="JM8" s="51" t="s">
        <v>49</v>
      </c>
      <c r="JN8" s="51" t="s">
        <v>50</v>
      </c>
      <c r="JO8" s="51" t="s">
        <v>51</v>
      </c>
      <c r="JP8" s="54" t="s">
        <v>45</v>
      </c>
      <c r="JQ8" s="625"/>
      <c r="JR8" s="53" t="s">
        <v>43</v>
      </c>
      <c r="JS8" s="51" t="s">
        <v>44</v>
      </c>
      <c r="JT8" s="52" t="s">
        <v>45</v>
      </c>
      <c r="JU8" s="28" t="s">
        <v>83</v>
      </c>
      <c r="JV8" s="51" t="s">
        <v>47</v>
      </c>
      <c r="JW8" s="51" t="s">
        <v>48</v>
      </c>
      <c r="JX8" s="51" t="s">
        <v>49</v>
      </c>
      <c r="JY8" s="51" t="s">
        <v>50</v>
      </c>
      <c r="JZ8" s="51" t="s">
        <v>51</v>
      </c>
      <c r="KA8" s="54" t="s">
        <v>45</v>
      </c>
      <c r="KB8" s="625"/>
      <c r="KC8" s="53" t="s">
        <v>43</v>
      </c>
      <c r="KD8" s="51" t="s">
        <v>44</v>
      </c>
      <c r="KE8" s="52" t="s">
        <v>45</v>
      </c>
      <c r="KF8" s="28" t="s">
        <v>83</v>
      </c>
      <c r="KG8" s="51" t="s">
        <v>47</v>
      </c>
      <c r="KH8" s="51" t="s">
        <v>48</v>
      </c>
      <c r="KI8" s="51" t="s">
        <v>49</v>
      </c>
      <c r="KJ8" s="51" t="s">
        <v>50</v>
      </c>
      <c r="KK8" s="51" t="s">
        <v>51</v>
      </c>
      <c r="KL8" s="54" t="s">
        <v>45</v>
      </c>
      <c r="KM8" s="625"/>
      <c r="KN8" s="53" t="s">
        <v>43</v>
      </c>
      <c r="KO8" s="51" t="s">
        <v>44</v>
      </c>
      <c r="KP8" s="52" t="s">
        <v>45</v>
      </c>
      <c r="KQ8" s="37" t="s">
        <v>83</v>
      </c>
      <c r="KR8" s="51" t="s">
        <v>47</v>
      </c>
      <c r="KS8" s="51" t="s">
        <v>48</v>
      </c>
      <c r="KT8" s="51" t="s">
        <v>49</v>
      </c>
      <c r="KU8" s="51" t="s">
        <v>50</v>
      </c>
      <c r="KV8" s="51" t="s">
        <v>51</v>
      </c>
      <c r="KW8" s="54" t="s">
        <v>45</v>
      </c>
      <c r="KX8" s="625"/>
      <c r="KY8" s="53" t="s">
        <v>43</v>
      </c>
      <c r="KZ8" s="51" t="s">
        <v>44</v>
      </c>
      <c r="LA8" s="52" t="s">
        <v>45</v>
      </c>
      <c r="LB8" s="37" t="s">
        <v>83</v>
      </c>
      <c r="LC8" s="51" t="s">
        <v>47</v>
      </c>
      <c r="LD8" s="51" t="s">
        <v>48</v>
      </c>
      <c r="LE8" s="51" t="s">
        <v>49</v>
      </c>
      <c r="LF8" s="51" t="s">
        <v>50</v>
      </c>
      <c r="LG8" s="51" t="s">
        <v>51</v>
      </c>
      <c r="LH8" s="54" t="s">
        <v>45</v>
      </c>
      <c r="LI8" s="625"/>
      <c r="LJ8" s="53" t="s">
        <v>43</v>
      </c>
      <c r="LK8" s="51" t="s">
        <v>44</v>
      </c>
      <c r="LL8" s="52" t="s">
        <v>45</v>
      </c>
      <c r="LM8" s="37" t="s">
        <v>83</v>
      </c>
      <c r="LN8" s="51" t="s">
        <v>47</v>
      </c>
      <c r="LO8" s="51" t="s">
        <v>48</v>
      </c>
      <c r="LP8" s="51" t="s">
        <v>49</v>
      </c>
      <c r="LQ8" s="51" t="s">
        <v>50</v>
      </c>
      <c r="LR8" s="51" t="s">
        <v>51</v>
      </c>
      <c r="LS8" s="54" t="s">
        <v>45</v>
      </c>
      <c r="LT8" s="625"/>
      <c r="LU8" s="53" t="s">
        <v>43</v>
      </c>
      <c r="LV8" s="51" t="s">
        <v>44</v>
      </c>
      <c r="LW8" s="52" t="s">
        <v>45</v>
      </c>
      <c r="LX8" s="37" t="s">
        <v>83</v>
      </c>
      <c r="LY8" s="51" t="s">
        <v>47</v>
      </c>
      <c r="LZ8" s="51" t="s">
        <v>48</v>
      </c>
      <c r="MA8" s="51" t="s">
        <v>49</v>
      </c>
      <c r="MB8" s="51" t="s">
        <v>50</v>
      </c>
      <c r="MC8" s="51" t="s">
        <v>51</v>
      </c>
      <c r="MD8" s="54" t="s">
        <v>45</v>
      </c>
      <c r="ME8" s="625"/>
      <c r="MF8" s="53" t="s">
        <v>43</v>
      </c>
      <c r="MG8" s="51" t="s">
        <v>44</v>
      </c>
      <c r="MH8" s="52" t="s">
        <v>45</v>
      </c>
      <c r="MI8" s="37" t="s">
        <v>83</v>
      </c>
      <c r="MJ8" s="51" t="s">
        <v>47</v>
      </c>
      <c r="MK8" s="51" t="s">
        <v>48</v>
      </c>
      <c r="ML8" s="51" t="s">
        <v>49</v>
      </c>
      <c r="MM8" s="51" t="s">
        <v>50</v>
      </c>
      <c r="MN8" s="51" t="s">
        <v>51</v>
      </c>
      <c r="MO8" s="54" t="s">
        <v>45</v>
      </c>
      <c r="MP8" s="625"/>
      <c r="MQ8" s="53" t="s">
        <v>43</v>
      </c>
      <c r="MR8" s="51" t="s">
        <v>44</v>
      </c>
      <c r="MS8" s="52" t="s">
        <v>45</v>
      </c>
      <c r="MT8" s="37" t="s">
        <v>83</v>
      </c>
      <c r="MU8" s="51" t="s">
        <v>47</v>
      </c>
      <c r="MV8" s="51" t="s">
        <v>48</v>
      </c>
      <c r="MW8" s="51" t="s">
        <v>49</v>
      </c>
      <c r="MX8" s="51" t="s">
        <v>50</v>
      </c>
      <c r="MY8" s="51" t="s">
        <v>51</v>
      </c>
      <c r="MZ8" s="54" t="s">
        <v>45</v>
      </c>
      <c r="NA8" s="625"/>
      <c r="NB8" s="53" t="s">
        <v>43</v>
      </c>
      <c r="NC8" s="51" t="s">
        <v>44</v>
      </c>
      <c r="ND8" s="52" t="s">
        <v>45</v>
      </c>
      <c r="NE8" s="37" t="s">
        <v>83</v>
      </c>
      <c r="NF8" s="51" t="s">
        <v>47</v>
      </c>
      <c r="NG8" s="51" t="s">
        <v>48</v>
      </c>
      <c r="NH8" s="51" t="s">
        <v>49</v>
      </c>
      <c r="NI8" s="51" t="s">
        <v>50</v>
      </c>
      <c r="NJ8" s="51" t="s">
        <v>51</v>
      </c>
      <c r="NK8" s="54" t="s">
        <v>45</v>
      </c>
      <c r="NL8" s="625"/>
      <c r="NM8" s="53" t="s">
        <v>43</v>
      </c>
      <c r="NN8" s="51" t="s">
        <v>44</v>
      </c>
      <c r="NO8" s="52" t="s">
        <v>45</v>
      </c>
      <c r="NP8" s="37" t="s">
        <v>83</v>
      </c>
      <c r="NQ8" s="51" t="s">
        <v>47</v>
      </c>
      <c r="NR8" s="51" t="s">
        <v>48</v>
      </c>
      <c r="NS8" s="51" t="s">
        <v>49</v>
      </c>
      <c r="NT8" s="51" t="s">
        <v>50</v>
      </c>
      <c r="NU8" s="51" t="s">
        <v>51</v>
      </c>
      <c r="NV8" s="54" t="s">
        <v>45</v>
      </c>
      <c r="NW8" s="625"/>
      <c r="NX8" s="53" t="s">
        <v>43</v>
      </c>
      <c r="NY8" s="51" t="s">
        <v>44</v>
      </c>
      <c r="NZ8" s="52" t="s">
        <v>45</v>
      </c>
      <c r="OA8" s="37" t="s">
        <v>83</v>
      </c>
      <c r="OB8" s="51" t="s">
        <v>47</v>
      </c>
      <c r="OC8" s="51" t="s">
        <v>48</v>
      </c>
      <c r="OD8" s="51" t="s">
        <v>49</v>
      </c>
      <c r="OE8" s="51" t="s">
        <v>50</v>
      </c>
      <c r="OF8" s="51" t="s">
        <v>51</v>
      </c>
      <c r="OG8" s="54" t="s">
        <v>45</v>
      </c>
      <c r="OH8" s="625"/>
      <c r="OI8" s="53" t="s">
        <v>43</v>
      </c>
      <c r="OJ8" s="51" t="s">
        <v>44</v>
      </c>
      <c r="OK8" s="52" t="s">
        <v>45</v>
      </c>
      <c r="OL8" s="28" t="s">
        <v>83</v>
      </c>
      <c r="OM8" s="51" t="s">
        <v>47</v>
      </c>
      <c r="ON8" s="51" t="s">
        <v>48</v>
      </c>
      <c r="OO8" s="51" t="s">
        <v>49</v>
      </c>
      <c r="OP8" s="51" t="s">
        <v>50</v>
      </c>
      <c r="OQ8" s="51" t="s">
        <v>51</v>
      </c>
      <c r="OR8" s="54" t="s">
        <v>45</v>
      </c>
      <c r="OS8" s="625"/>
    </row>
    <row r="9" spans="2:409" s="444" customFormat="1" ht="21" customHeight="1" x14ac:dyDescent="0.2">
      <c r="B9" s="470" t="s">
        <v>4</v>
      </c>
      <c r="C9" s="360">
        <v>23507395</v>
      </c>
      <c r="D9" s="361">
        <v>45543277</v>
      </c>
      <c r="E9" s="362">
        <v>69050672</v>
      </c>
      <c r="F9" s="363">
        <v>0</v>
      </c>
      <c r="G9" s="361">
        <v>260109802</v>
      </c>
      <c r="H9" s="361">
        <v>356515281</v>
      </c>
      <c r="I9" s="361">
        <v>304466140</v>
      </c>
      <c r="J9" s="361">
        <v>334821201</v>
      </c>
      <c r="K9" s="361">
        <v>236862786</v>
      </c>
      <c r="L9" s="364">
        <v>1492775210</v>
      </c>
      <c r="M9" s="365">
        <v>1561825882</v>
      </c>
      <c r="N9" s="360">
        <v>7558117</v>
      </c>
      <c r="O9" s="361">
        <v>16822616</v>
      </c>
      <c r="P9" s="366">
        <v>24380733</v>
      </c>
      <c r="Q9" s="360">
        <v>0</v>
      </c>
      <c r="R9" s="361">
        <v>83998730</v>
      </c>
      <c r="S9" s="361">
        <v>121231191</v>
      </c>
      <c r="T9" s="361">
        <v>101103457</v>
      </c>
      <c r="U9" s="361">
        <v>117461367</v>
      </c>
      <c r="V9" s="361">
        <v>110988728</v>
      </c>
      <c r="W9" s="366">
        <v>534783473</v>
      </c>
      <c r="X9" s="365">
        <v>559164206</v>
      </c>
      <c r="Y9" s="360">
        <v>0</v>
      </c>
      <c r="Z9" s="361">
        <v>0</v>
      </c>
      <c r="AA9" s="366">
        <v>0</v>
      </c>
      <c r="AB9" s="367">
        <v>0</v>
      </c>
      <c r="AC9" s="368">
        <v>33931502</v>
      </c>
      <c r="AD9" s="368">
        <v>48778345</v>
      </c>
      <c r="AE9" s="368">
        <v>48097155</v>
      </c>
      <c r="AF9" s="368">
        <v>60980554</v>
      </c>
      <c r="AG9" s="368">
        <v>59161230</v>
      </c>
      <c r="AH9" s="366">
        <v>250948786</v>
      </c>
      <c r="AI9" s="365">
        <v>250948786</v>
      </c>
      <c r="AJ9" s="369">
        <v>0</v>
      </c>
      <c r="AK9" s="368">
        <v>73579</v>
      </c>
      <c r="AL9" s="366">
        <v>73579</v>
      </c>
      <c r="AM9" s="367">
        <v>0</v>
      </c>
      <c r="AN9" s="368">
        <v>819984</v>
      </c>
      <c r="AO9" s="364">
        <v>1651040</v>
      </c>
      <c r="AP9" s="368">
        <v>2398622</v>
      </c>
      <c r="AQ9" s="368">
        <v>7103395</v>
      </c>
      <c r="AR9" s="368">
        <v>13807728</v>
      </c>
      <c r="AS9" s="366">
        <v>25780769</v>
      </c>
      <c r="AT9" s="365">
        <v>25854348</v>
      </c>
      <c r="AU9" s="369">
        <v>4286165</v>
      </c>
      <c r="AV9" s="368">
        <v>11430490</v>
      </c>
      <c r="AW9" s="366">
        <v>15716655</v>
      </c>
      <c r="AX9" s="367">
        <v>0</v>
      </c>
      <c r="AY9" s="368">
        <v>32009959</v>
      </c>
      <c r="AZ9" s="368">
        <v>48234661</v>
      </c>
      <c r="BA9" s="368">
        <v>31890725</v>
      </c>
      <c r="BB9" s="368">
        <v>27694373</v>
      </c>
      <c r="BC9" s="368">
        <v>22944768</v>
      </c>
      <c r="BD9" s="366">
        <v>162774486</v>
      </c>
      <c r="BE9" s="370">
        <v>178491141</v>
      </c>
      <c r="BF9" s="369">
        <v>318876</v>
      </c>
      <c r="BG9" s="364">
        <v>1941660</v>
      </c>
      <c r="BH9" s="371">
        <v>2260536</v>
      </c>
      <c r="BI9" s="367">
        <v>0</v>
      </c>
      <c r="BJ9" s="368">
        <v>3057762</v>
      </c>
      <c r="BK9" s="368">
        <v>4752186</v>
      </c>
      <c r="BL9" s="368">
        <v>2758786</v>
      </c>
      <c r="BM9" s="368">
        <v>2935257</v>
      </c>
      <c r="BN9" s="368">
        <v>1734624</v>
      </c>
      <c r="BO9" s="366">
        <v>15238615</v>
      </c>
      <c r="BP9" s="365">
        <v>17499151</v>
      </c>
      <c r="BQ9" s="369">
        <v>2953076</v>
      </c>
      <c r="BR9" s="368">
        <v>3376887</v>
      </c>
      <c r="BS9" s="366">
        <v>6329963</v>
      </c>
      <c r="BT9" s="367">
        <v>0</v>
      </c>
      <c r="BU9" s="368">
        <v>14179523</v>
      </c>
      <c r="BV9" s="368">
        <v>17814959</v>
      </c>
      <c r="BW9" s="368">
        <v>15958169</v>
      </c>
      <c r="BX9" s="368">
        <v>18747788</v>
      </c>
      <c r="BY9" s="368">
        <v>13340378</v>
      </c>
      <c r="BZ9" s="366">
        <v>80040817</v>
      </c>
      <c r="CA9" s="365">
        <v>86370780</v>
      </c>
      <c r="CB9" s="369">
        <v>2143360</v>
      </c>
      <c r="CC9" s="368">
        <v>5820795</v>
      </c>
      <c r="CD9" s="366">
        <v>7964155</v>
      </c>
      <c r="CE9" s="367">
        <v>0</v>
      </c>
      <c r="CF9" s="368">
        <v>67546492</v>
      </c>
      <c r="CG9" s="368">
        <v>86313536</v>
      </c>
      <c r="CH9" s="372">
        <v>59135351</v>
      </c>
      <c r="CI9" s="368">
        <v>39808565</v>
      </c>
      <c r="CJ9" s="368">
        <v>18710178</v>
      </c>
      <c r="CK9" s="366">
        <v>271514122</v>
      </c>
      <c r="CL9" s="365">
        <v>279478277</v>
      </c>
      <c r="CM9" s="360">
        <v>0</v>
      </c>
      <c r="CN9" s="361">
        <v>0</v>
      </c>
      <c r="CO9" s="366">
        <v>0</v>
      </c>
      <c r="CP9" s="367">
        <v>0</v>
      </c>
      <c r="CQ9" s="368">
        <v>53898843</v>
      </c>
      <c r="CR9" s="368">
        <v>62355827</v>
      </c>
      <c r="CS9" s="368">
        <v>43047371</v>
      </c>
      <c r="CT9" s="368">
        <v>25612432</v>
      </c>
      <c r="CU9" s="368">
        <v>12159635</v>
      </c>
      <c r="CV9" s="373">
        <v>197074108</v>
      </c>
      <c r="CW9" s="365">
        <v>197074108</v>
      </c>
      <c r="CX9" s="369">
        <v>2143360</v>
      </c>
      <c r="CY9" s="368">
        <v>5820795</v>
      </c>
      <c r="CZ9" s="366">
        <v>7964155</v>
      </c>
      <c r="DA9" s="367">
        <v>0</v>
      </c>
      <c r="DB9" s="368">
        <v>13647649</v>
      </c>
      <c r="DC9" s="368">
        <v>23957709</v>
      </c>
      <c r="DD9" s="368">
        <v>16087980</v>
      </c>
      <c r="DE9" s="368">
        <v>14196133</v>
      </c>
      <c r="DF9" s="368">
        <v>6550543</v>
      </c>
      <c r="DG9" s="366">
        <v>74440014</v>
      </c>
      <c r="DH9" s="365">
        <v>82404169</v>
      </c>
      <c r="DI9" s="369">
        <v>96715</v>
      </c>
      <c r="DJ9" s="368">
        <v>600821</v>
      </c>
      <c r="DK9" s="371">
        <v>697536</v>
      </c>
      <c r="DL9" s="367">
        <v>0</v>
      </c>
      <c r="DM9" s="368">
        <v>7719044</v>
      </c>
      <c r="DN9" s="368">
        <v>15972296</v>
      </c>
      <c r="DO9" s="368">
        <v>25032207</v>
      </c>
      <c r="DP9" s="368">
        <v>23760829</v>
      </c>
      <c r="DQ9" s="368">
        <v>12894104</v>
      </c>
      <c r="DR9" s="374">
        <v>85378480</v>
      </c>
      <c r="DS9" s="365">
        <v>86076016</v>
      </c>
      <c r="DT9" s="369">
        <v>62588</v>
      </c>
      <c r="DU9" s="368">
        <v>511968</v>
      </c>
      <c r="DV9" s="366">
        <v>574556</v>
      </c>
      <c r="DW9" s="367">
        <v>0</v>
      </c>
      <c r="DX9" s="368">
        <v>6278602</v>
      </c>
      <c r="DY9" s="368">
        <v>13169439</v>
      </c>
      <c r="DZ9" s="368">
        <v>21888239</v>
      </c>
      <c r="EA9" s="368">
        <v>19439935</v>
      </c>
      <c r="EB9" s="368">
        <v>9437387</v>
      </c>
      <c r="EC9" s="366">
        <v>70213602</v>
      </c>
      <c r="ED9" s="365">
        <v>70788158</v>
      </c>
      <c r="EE9" s="369">
        <v>34127</v>
      </c>
      <c r="EF9" s="364">
        <v>88853</v>
      </c>
      <c r="EG9" s="366">
        <v>122980</v>
      </c>
      <c r="EH9" s="370">
        <v>0</v>
      </c>
      <c r="EI9" s="368">
        <v>1440442</v>
      </c>
      <c r="EJ9" s="368">
        <v>2802857</v>
      </c>
      <c r="EK9" s="368">
        <v>3143968</v>
      </c>
      <c r="EL9" s="368">
        <v>4320894</v>
      </c>
      <c r="EM9" s="372">
        <v>3456717</v>
      </c>
      <c r="EN9" s="364">
        <v>15164878</v>
      </c>
      <c r="EO9" s="365">
        <v>15287858</v>
      </c>
      <c r="EP9" s="369">
        <v>0</v>
      </c>
      <c r="EQ9" s="368">
        <v>0</v>
      </c>
      <c r="ER9" s="364">
        <v>0</v>
      </c>
      <c r="ES9" s="367">
        <v>0</v>
      </c>
      <c r="ET9" s="368">
        <v>0</v>
      </c>
      <c r="EU9" s="368">
        <v>0</v>
      </c>
      <c r="EV9" s="368">
        <v>0</v>
      </c>
      <c r="EW9" s="368">
        <v>0</v>
      </c>
      <c r="EX9" s="368">
        <v>0</v>
      </c>
      <c r="EY9" s="373">
        <v>0</v>
      </c>
      <c r="EZ9" s="365">
        <v>0</v>
      </c>
      <c r="FA9" s="369">
        <v>0</v>
      </c>
      <c r="FB9" s="368">
        <v>0</v>
      </c>
      <c r="FC9" s="364">
        <v>0</v>
      </c>
      <c r="FD9" s="375"/>
      <c r="FE9" s="368">
        <v>0</v>
      </c>
      <c r="FF9" s="368">
        <v>0</v>
      </c>
      <c r="FG9" s="368">
        <v>0</v>
      </c>
      <c r="FH9" s="368">
        <v>0</v>
      </c>
      <c r="FI9" s="368">
        <v>0</v>
      </c>
      <c r="FJ9" s="373">
        <v>0</v>
      </c>
      <c r="FK9" s="365">
        <v>0</v>
      </c>
      <c r="FL9" s="369">
        <v>4013176</v>
      </c>
      <c r="FM9" s="368">
        <v>9515794</v>
      </c>
      <c r="FN9" s="366">
        <v>13528970</v>
      </c>
      <c r="FO9" s="367">
        <v>0</v>
      </c>
      <c r="FP9" s="368">
        <v>12708007</v>
      </c>
      <c r="FQ9" s="368">
        <v>31314174</v>
      </c>
      <c r="FR9" s="368">
        <v>22797099</v>
      </c>
      <c r="FS9" s="368">
        <v>22286920</v>
      </c>
      <c r="FT9" s="368">
        <v>15372123</v>
      </c>
      <c r="FU9" s="366">
        <v>104478323</v>
      </c>
      <c r="FV9" s="365">
        <v>118007293</v>
      </c>
      <c r="FW9" s="369">
        <v>2560911</v>
      </c>
      <c r="FX9" s="368">
        <v>6423183</v>
      </c>
      <c r="FY9" s="364">
        <v>8984094</v>
      </c>
      <c r="FZ9" s="370">
        <v>0</v>
      </c>
      <c r="GA9" s="368">
        <v>9426109</v>
      </c>
      <c r="GB9" s="376">
        <v>28414807</v>
      </c>
      <c r="GC9" s="368">
        <v>20696772</v>
      </c>
      <c r="GD9" s="376">
        <v>20231988</v>
      </c>
      <c r="GE9" s="368">
        <v>14830749</v>
      </c>
      <c r="GF9" s="373">
        <v>93600425</v>
      </c>
      <c r="GG9" s="377">
        <v>102584519</v>
      </c>
      <c r="GH9" s="378">
        <v>364923</v>
      </c>
      <c r="GI9" s="368">
        <v>417374</v>
      </c>
      <c r="GJ9" s="376">
        <v>782297</v>
      </c>
      <c r="GK9" s="363">
        <v>0</v>
      </c>
      <c r="GL9" s="368">
        <v>772664</v>
      </c>
      <c r="GM9" s="364">
        <v>818266</v>
      </c>
      <c r="GN9" s="368">
        <v>880738</v>
      </c>
      <c r="GO9" s="364">
        <v>612043</v>
      </c>
      <c r="GP9" s="368">
        <v>229467</v>
      </c>
      <c r="GQ9" s="374">
        <v>3313178</v>
      </c>
      <c r="GR9" s="365">
        <v>4095475</v>
      </c>
      <c r="GS9" s="364">
        <v>1087342</v>
      </c>
      <c r="GT9" s="368">
        <v>2675237</v>
      </c>
      <c r="GU9" s="366">
        <v>3762579</v>
      </c>
      <c r="GV9" s="364">
        <v>0</v>
      </c>
      <c r="GW9" s="368">
        <v>2509234</v>
      </c>
      <c r="GX9" s="364">
        <v>2081101</v>
      </c>
      <c r="GY9" s="368">
        <v>1219589</v>
      </c>
      <c r="GZ9" s="364">
        <v>1442889</v>
      </c>
      <c r="HA9" s="368">
        <v>311907</v>
      </c>
      <c r="HB9" s="364">
        <v>7564720</v>
      </c>
      <c r="HC9" s="365">
        <v>11327299</v>
      </c>
      <c r="HD9" s="364">
        <v>9696027</v>
      </c>
      <c r="HE9" s="368">
        <v>12783251</v>
      </c>
      <c r="HF9" s="364">
        <v>22479278</v>
      </c>
      <c r="HG9" s="370">
        <v>0</v>
      </c>
      <c r="HH9" s="368">
        <v>88137529</v>
      </c>
      <c r="HI9" s="376">
        <v>101684084</v>
      </c>
      <c r="HJ9" s="368">
        <v>96398026</v>
      </c>
      <c r="HK9" s="376">
        <v>131503520</v>
      </c>
      <c r="HL9" s="368">
        <v>78897653</v>
      </c>
      <c r="HM9" s="373">
        <v>496620812</v>
      </c>
      <c r="HN9" s="364">
        <v>519100090</v>
      </c>
      <c r="HO9" s="439"/>
      <c r="HP9" s="440"/>
      <c r="HQ9" s="441"/>
      <c r="HR9" s="442"/>
      <c r="HS9" s="440"/>
      <c r="HT9" s="442"/>
      <c r="HU9" s="440"/>
      <c r="HV9" s="442"/>
      <c r="HW9" s="440"/>
      <c r="HX9" s="442"/>
      <c r="HY9" s="443"/>
      <c r="HZ9" s="379">
        <v>564230</v>
      </c>
      <c r="IA9" s="380">
        <v>1303365</v>
      </c>
      <c r="IB9" s="381">
        <v>1867595</v>
      </c>
      <c r="IC9" s="382">
        <v>0</v>
      </c>
      <c r="ID9" s="380">
        <v>53611818</v>
      </c>
      <c r="IE9" s="383">
        <v>71780394</v>
      </c>
      <c r="IF9" s="384">
        <v>81547732</v>
      </c>
      <c r="IG9" s="380">
        <v>67305175</v>
      </c>
      <c r="IH9" s="384">
        <v>45790503</v>
      </c>
      <c r="II9" s="385">
        <v>320035622</v>
      </c>
      <c r="IJ9" s="386">
        <v>321903217</v>
      </c>
      <c r="IK9" s="387">
        <v>0</v>
      </c>
      <c r="IL9" s="388">
        <v>0</v>
      </c>
      <c r="IM9" s="389">
        <v>0</v>
      </c>
      <c r="IN9" s="390"/>
      <c r="IO9" s="391">
        <v>1876238</v>
      </c>
      <c r="IP9" s="391">
        <v>2897108</v>
      </c>
      <c r="IQ9" s="391">
        <v>3713734</v>
      </c>
      <c r="IR9" s="391">
        <v>6233628</v>
      </c>
      <c r="IS9" s="391">
        <v>3562806</v>
      </c>
      <c r="IT9" s="392">
        <v>18283514</v>
      </c>
      <c r="IU9" s="393">
        <v>18283514</v>
      </c>
      <c r="IV9" s="394">
        <v>0</v>
      </c>
      <c r="IW9" s="391">
        <v>0</v>
      </c>
      <c r="IX9" s="395">
        <v>0</v>
      </c>
      <c r="IY9" s="396"/>
      <c r="IZ9" s="391">
        <v>254287</v>
      </c>
      <c r="JA9" s="391">
        <v>395432</v>
      </c>
      <c r="JB9" s="391">
        <v>649582</v>
      </c>
      <c r="JC9" s="391">
        <v>544739</v>
      </c>
      <c r="JD9" s="391">
        <v>1004320</v>
      </c>
      <c r="JE9" s="395">
        <v>2848360</v>
      </c>
      <c r="JF9" s="397">
        <v>2848360</v>
      </c>
      <c r="JG9" s="394">
        <v>0</v>
      </c>
      <c r="JH9" s="391">
        <v>0</v>
      </c>
      <c r="JI9" s="392">
        <v>0</v>
      </c>
      <c r="JJ9" s="398">
        <v>0</v>
      </c>
      <c r="JK9" s="391">
        <v>25235252</v>
      </c>
      <c r="JL9" s="391">
        <v>29472632</v>
      </c>
      <c r="JM9" s="391">
        <v>19774117</v>
      </c>
      <c r="JN9" s="391">
        <v>13725692</v>
      </c>
      <c r="JO9" s="391">
        <v>4700448</v>
      </c>
      <c r="JP9" s="395">
        <v>92908141</v>
      </c>
      <c r="JQ9" s="393">
        <v>92908141</v>
      </c>
      <c r="JR9" s="394">
        <v>16374</v>
      </c>
      <c r="JS9" s="391">
        <v>0</v>
      </c>
      <c r="JT9" s="392">
        <v>16374</v>
      </c>
      <c r="JU9" s="398">
        <v>0</v>
      </c>
      <c r="JV9" s="391">
        <v>3718841</v>
      </c>
      <c r="JW9" s="391">
        <v>5373236</v>
      </c>
      <c r="JX9" s="391">
        <v>7637161</v>
      </c>
      <c r="JY9" s="391">
        <v>3282104</v>
      </c>
      <c r="JZ9" s="391">
        <v>2776853</v>
      </c>
      <c r="KA9" s="395">
        <v>22788195</v>
      </c>
      <c r="KB9" s="393">
        <v>22804569</v>
      </c>
      <c r="KC9" s="399">
        <v>547856</v>
      </c>
      <c r="KD9" s="400">
        <v>1289753</v>
      </c>
      <c r="KE9" s="395">
        <v>1837609</v>
      </c>
      <c r="KF9" s="398">
        <v>0</v>
      </c>
      <c r="KG9" s="391">
        <v>7584442</v>
      </c>
      <c r="KH9" s="391">
        <v>6773919</v>
      </c>
      <c r="KI9" s="391">
        <v>11543662</v>
      </c>
      <c r="KJ9" s="391">
        <v>10595858</v>
      </c>
      <c r="KK9" s="391">
        <v>4636176</v>
      </c>
      <c r="KL9" s="395">
        <v>41134057</v>
      </c>
      <c r="KM9" s="401">
        <v>42971666</v>
      </c>
      <c r="KN9" s="387">
        <v>0</v>
      </c>
      <c r="KO9" s="388">
        <v>13612</v>
      </c>
      <c r="KP9" s="389">
        <v>13612</v>
      </c>
      <c r="KQ9" s="390"/>
      <c r="KR9" s="391">
        <v>12835841</v>
      </c>
      <c r="KS9" s="391">
        <v>22922831</v>
      </c>
      <c r="KT9" s="391">
        <v>30077477</v>
      </c>
      <c r="KU9" s="391">
        <v>23041046</v>
      </c>
      <c r="KV9" s="391">
        <v>17665443</v>
      </c>
      <c r="KW9" s="395">
        <v>106542638</v>
      </c>
      <c r="KX9" s="393">
        <v>106556250</v>
      </c>
      <c r="KY9" s="394">
        <v>0</v>
      </c>
      <c r="KZ9" s="391">
        <v>0</v>
      </c>
      <c r="LA9" s="395">
        <v>0</v>
      </c>
      <c r="LB9" s="402"/>
      <c r="LC9" s="391">
        <v>569230</v>
      </c>
      <c r="LD9" s="391">
        <v>319271</v>
      </c>
      <c r="LE9" s="391">
        <v>918152</v>
      </c>
      <c r="LF9" s="391">
        <v>1012577</v>
      </c>
      <c r="LG9" s="391">
        <v>1045761</v>
      </c>
      <c r="LH9" s="395">
        <v>3864991</v>
      </c>
      <c r="LI9" s="397">
        <v>3864991</v>
      </c>
      <c r="LJ9" s="394">
        <v>0</v>
      </c>
      <c r="LK9" s="391">
        <v>0</v>
      </c>
      <c r="LL9" s="395">
        <v>0</v>
      </c>
      <c r="LM9" s="402"/>
      <c r="LN9" s="391">
        <v>195741</v>
      </c>
      <c r="LO9" s="391">
        <v>400830</v>
      </c>
      <c r="LP9" s="391">
        <v>2382414</v>
      </c>
      <c r="LQ9" s="391">
        <v>3563656</v>
      </c>
      <c r="LR9" s="391">
        <v>1654207</v>
      </c>
      <c r="LS9" s="395">
        <v>8196848</v>
      </c>
      <c r="LT9" s="393">
        <v>8196848</v>
      </c>
      <c r="LU9" s="394">
        <v>0</v>
      </c>
      <c r="LV9" s="391">
        <v>0</v>
      </c>
      <c r="LW9" s="395">
        <v>0</v>
      </c>
      <c r="LX9" s="402"/>
      <c r="LY9" s="391">
        <v>1341946</v>
      </c>
      <c r="LZ9" s="391">
        <v>3225135</v>
      </c>
      <c r="MA9" s="391">
        <v>4851433</v>
      </c>
      <c r="MB9" s="391">
        <v>5305875</v>
      </c>
      <c r="MC9" s="391">
        <v>8744489</v>
      </c>
      <c r="MD9" s="395">
        <v>23468878</v>
      </c>
      <c r="ME9" s="397">
        <v>23468878</v>
      </c>
      <c r="MF9" s="394">
        <v>0</v>
      </c>
      <c r="MG9" s="391">
        <v>0</v>
      </c>
      <c r="MH9" s="395">
        <v>0</v>
      </c>
      <c r="MI9" s="402"/>
      <c r="MJ9" s="391">
        <v>9550657</v>
      </c>
      <c r="MK9" s="391">
        <v>36613727</v>
      </c>
      <c r="ML9" s="391">
        <v>109362321</v>
      </c>
      <c r="MM9" s="391">
        <v>166460176</v>
      </c>
      <c r="MN9" s="391">
        <v>119472280</v>
      </c>
      <c r="MO9" s="395">
        <v>441459161</v>
      </c>
      <c r="MP9" s="401">
        <v>441459161</v>
      </c>
      <c r="MQ9" s="394">
        <v>0</v>
      </c>
      <c r="MR9" s="391">
        <v>0</v>
      </c>
      <c r="MS9" s="395">
        <v>0</v>
      </c>
      <c r="MT9" s="402"/>
      <c r="MU9" s="391">
        <v>951942</v>
      </c>
      <c r="MV9" s="391">
        <v>7825405</v>
      </c>
      <c r="MW9" s="391">
        <v>58042181</v>
      </c>
      <c r="MX9" s="391">
        <v>94494404</v>
      </c>
      <c r="MY9" s="391">
        <v>72904697</v>
      </c>
      <c r="MZ9" s="395">
        <v>234218629</v>
      </c>
      <c r="NA9" s="401">
        <v>234218629</v>
      </c>
      <c r="NB9" s="394">
        <v>0</v>
      </c>
      <c r="NC9" s="391">
        <v>0</v>
      </c>
      <c r="ND9" s="395">
        <v>0</v>
      </c>
      <c r="NE9" s="402"/>
      <c r="NF9" s="391">
        <v>8598715</v>
      </c>
      <c r="NG9" s="391">
        <v>28555981</v>
      </c>
      <c r="NH9" s="391">
        <v>50692265</v>
      </c>
      <c r="NI9" s="391">
        <v>66214782</v>
      </c>
      <c r="NJ9" s="391">
        <v>34540092</v>
      </c>
      <c r="NK9" s="395">
        <v>188601835</v>
      </c>
      <c r="NL9" s="393">
        <v>188601835</v>
      </c>
      <c r="NM9" s="394">
        <v>0</v>
      </c>
      <c r="NN9" s="391">
        <v>0</v>
      </c>
      <c r="NO9" s="395">
        <v>0</v>
      </c>
      <c r="NP9" s="402"/>
      <c r="NQ9" s="391">
        <v>0</v>
      </c>
      <c r="NR9" s="391">
        <v>0</v>
      </c>
      <c r="NS9" s="391">
        <v>0</v>
      </c>
      <c r="NT9" s="391">
        <v>2532742</v>
      </c>
      <c r="NU9" s="391">
        <v>3679509</v>
      </c>
      <c r="NV9" s="395">
        <v>6212251</v>
      </c>
      <c r="NW9" s="397">
        <v>6212251</v>
      </c>
      <c r="NX9" s="394">
        <v>0</v>
      </c>
      <c r="NY9" s="391">
        <v>0</v>
      </c>
      <c r="NZ9" s="395">
        <v>0</v>
      </c>
      <c r="OA9" s="402"/>
      <c r="OB9" s="391">
        <v>0</v>
      </c>
      <c r="OC9" s="391">
        <v>232341</v>
      </c>
      <c r="OD9" s="391">
        <v>627875</v>
      </c>
      <c r="OE9" s="391">
        <v>3218248</v>
      </c>
      <c r="OF9" s="391">
        <v>8347982</v>
      </c>
      <c r="OG9" s="395">
        <v>12426446</v>
      </c>
      <c r="OH9" s="397">
        <v>12426446</v>
      </c>
      <c r="OI9" s="394">
        <v>24071625</v>
      </c>
      <c r="OJ9" s="391">
        <v>46846642</v>
      </c>
      <c r="OK9" s="392">
        <v>70918267</v>
      </c>
      <c r="OL9" s="398">
        <v>0</v>
      </c>
      <c r="OM9" s="391">
        <v>323272277</v>
      </c>
      <c r="ON9" s="391">
        <v>464909402</v>
      </c>
      <c r="OO9" s="391">
        <v>495376193</v>
      </c>
      <c r="OP9" s="391">
        <v>568586552</v>
      </c>
      <c r="OQ9" s="391">
        <v>402125569</v>
      </c>
      <c r="OR9" s="395">
        <v>2254269993</v>
      </c>
      <c r="OS9" s="401">
        <v>2325188260</v>
      </c>
    </row>
    <row r="10" spans="2:409" s="444" customFormat="1" ht="21" customHeight="1" x14ac:dyDescent="0.2">
      <c r="B10" s="471" t="s">
        <v>5</v>
      </c>
      <c r="C10" s="404">
        <v>10930738</v>
      </c>
      <c r="D10" s="405">
        <v>24121552</v>
      </c>
      <c r="E10" s="406">
        <v>35052290</v>
      </c>
      <c r="F10" s="407">
        <v>0</v>
      </c>
      <c r="G10" s="405">
        <v>99328866</v>
      </c>
      <c r="H10" s="405">
        <v>177816133</v>
      </c>
      <c r="I10" s="405">
        <v>137271010</v>
      </c>
      <c r="J10" s="405">
        <v>151569360</v>
      </c>
      <c r="K10" s="405">
        <v>106016341</v>
      </c>
      <c r="L10" s="407">
        <v>672001710</v>
      </c>
      <c r="M10" s="408">
        <v>707054000</v>
      </c>
      <c r="N10" s="404">
        <v>3768323</v>
      </c>
      <c r="O10" s="405">
        <v>9698033</v>
      </c>
      <c r="P10" s="406">
        <v>13466356</v>
      </c>
      <c r="Q10" s="404">
        <v>0</v>
      </c>
      <c r="R10" s="405">
        <v>31344274</v>
      </c>
      <c r="S10" s="405">
        <v>63704852</v>
      </c>
      <c r="T10" s="405">
        <v>45508686</v>
      </c>
      <c r="U10" s="405">
        <v>54386222</v>
      </c>
      <c r="V10" s="405">
        <v>48900963</v>
      </c>
      <c r="W10" s="406">
        <v>243844997</v>
      </c>
      <c r="X10" s="408">
        <v>257311353</v>
      </c>
      <c r="Y10" s="404">
        <v>0</v>
      </c>
      <c r="Z10" s="405">
        <v>0</v>
      </c>
      <c r="AA10" s="406">
        <v>0</v>
      </c>
      <c r="AB10" s="404">
        <v>0</v>
      </c>
      <c r="AC10" s="405">
        <v>12494305</v>
      </c>
      <c r="AD10" s="405">
        <v>24856046</v>
      </c>
      <c r="AE10" s="405">
        <v>19762310</v>
      </c>
      <c r="AF10" s="405">
        <v>27405739</v>
      </c>
      <c r="AG10" s="405">
        <v>25018856</v>
      </c>
      <c r="AH10" s="406">
        <v>109537256</v>
      </c>
      <c r="AI10" s="408">
        <v>109537256</v>
      </c>
      <c r="AJ10" s="404">
        <v>0</v>
      </c>
      <c r="AK10" s="405">
        <v>64699</v>
      </c>
      <c r="AL10" s="406">
        <v>64699</v>
      </c>
      <c r="AM10" s="404">
        <v>0</v>
      </c>
      <c r="AN10" s="405">
        <v>203080</v>
      </c>
      <c r="AO10" s="405">
        <v>554739</v>
      </c>
      <c r="AP10" s="405">
        <v>1277001</v>
      </c>
      <c r="AQ10" s="405">
        <v>3061504</v>
      </c>
      <c r="AR10" s="405">
        <v>6849861</v>
      </c>
      <c r="AS10" s="406">
        <v>11946185</v>
      </c>
      <c r="AT10" s="408">
        <v>12010884</v>
      </c>
      <c r="AU10" s="404">
        <v>2324725</v>
      </c>
      <c r="AV10" s="405">
        <v>6459207</v>
      </c>
      <c r="AW10" s="406">
        <v>8783932</v>
      </c>
      <c r="AX10" s="404">
        <v>0</v>
      </c>
      <c r="AY10" s="405">
        <v>11696811</v>
      </c>
      <c r="AZ10" s="405">
        <v>27141708</v>
      </c>
      <c r="BA10" s="405">
        <v>16059151</v>
      </c>
      <c r="BB10" s="405">
        <v>13513178</v>
      </c>
      <c r="BC10" s="405">
        <v>10542752</v>
      </c>
      <c r="BD10" s="406">
        <v>78953600</v>
      </c>
      <c r="BE10" s="408">
        <v>87737532</v>
      </c>
      <c r="BF10" s="404">
        <v>137965</v>
      </c>
      <c r="BG10" s="405">
        <v>1316485</v>
      </c>
      <c r="BH10" s="409">
        <v>1454450</v>
      </c>
      <c r="BI10" s="410">
        <v>0</v>
      </c>
      <c r="BJ10" s="405">
        <v>929398</v>
      </c>
      <c r="BK10" s="405">
        <v>2251242</v>
      </c>
      <c r="BL10" s="405">
        <v>1150097</v>
      </c>
      <c r="BM10" s="405">
        <v>1477609</v>
      </c>
      <c r="BN10" s="405">
        <v>734619</v>
      </c>
      <c r="BO10" s="406">
        <v>6542965</v>
      </c>
      <c r="BP10" s="408">
        <v>7997415</v>
      </c>
      <c r="BQ10" s="404">
        <v>1305633</v>
      </c>
      <c r="BR10" s="405">
        <v>1857642</v>
      </c>
      <c r="BS10" s="406">
        <v>3163275</v>
      </c>
      <c r="BT10" s="404">
        <v>0</v>
      </c>
      <c r="BU10" s="405">
        <v>6020680</v>
      </c>
      <c r="BV10" s="405">
        <v>8901117</v>
      </c>
      <c r="BW10" s="405">
        <v>7260127</v>
      </c>
      <c r="BX10" s="405">
        <v>8928192</v>
      </c>
      <c r="BY10" s="405">
        <v>5754875</v>
      </c>
      <c r="BZ10" s="406">
        <v>36864991</v>
      </c>
      <c r="CA10" s="408">
        <v>40028266</v>
      </c>
      <c r="CB10" s="404">
        <v>1087310</v>
      </c>
      <c r="CC10" s="405">
        <v>3124682</v>
      </c>
      <c r="CD10" s="406">
        <v>4211992</v>
      </c>
      <c r="CE10" s="404">
        <v>0</v>
      </c>
      <c r="CF10" s="405">
        <v>22644852</v>
      </c>
      <c r="CG10" s="405">
        <v>38283787</v>
      </c>
      <c r="CH10" s="405">
        <v>24119681</v>
      </c>
      <c r="CI10" s="405">
        <v>15898760</v>
      </c>
      <c r="CJ10" s="405">
        <v>8322878</v>
      </c>
      <c r="CK10" s="406">
        <v>109269958</v>
      </c>
      <c r="CL10" s="408">
        <v>113481950</v>
      </c>
      <c r="CM10" s="404">
        <v>0</v>
      </c>
      <c r="CN10" s="405">
        <v>0</v>
      </c>
      <c r="CO10" s="406">
        <v>0</v>
      </c>
      <c r="CP10" s="410">
        <v>0</v>
      </c>
      <c r="CQ10" s="405">
        <v>18029875</v>
      </c>
      <c r="CR10" s="405">
        <v>26515450</v>
      </c>
      <c r="CS10" s="405">
        <v>16588452</v>
      </c>
      <c r="CT10" s="405">
        <v>9374337</v>
      </c>
      <c r="CU10" s="405">
        <v>5203598</v>
      </c>
      <c r="CV10" s="406">
        <v>75711712</v>
      </c>
      <c r="CW10" s="408">
        <v>75711712</v>
      </c>
      <c r="CX10" s="404">
        <v>1087310</v>
      </c>
      <c r="CY10" s="405">
        <v>3124682</v>
      </c>
      <c r="CZ10" s="406">
        <v>4211992</v>
      </c>
      <c r="DA10" s="404">
        <v>0</v>
      </c>
      <c r="DB10" s="405">
        <v>4614977</v>
      </c>
      <c r="DC10" s="405">
        <v>11768337</v>
      </c>
      <c r="DD10" s="405">
        <v>7531229</v>
      </c>
      <c r="DE10" s="405">
        <v>6524423</v>
      </c>
      <c r="DF10" s="405">
        <v>3119280</v>
      </c>
      <c r="DG10" s="406">
        <v>33558246</v>
      </c>
      <c r="DH10" s="408">
        <v>37770238</v>
      </c>
      <c r="DI10" s="404">
        <v>50036</v>
      </c>
      <c r="DJ10" s="405">
        <v>262250</v>
      </c>
      <c r="DK10" s="409">
        <v>312286</v>
      </c>
      <c r="DL10" s="410">
        <v>0</v>
      </c>
      <c r="DM10" s="405">
        <v>2894985</v>
      </c>
      <c r="DN10" s="405">
        <v>6921924</v>
      </c>
      <c r="DO10" s="405">
        <v>10903177</v>
      </c>
      <c r="DP10" s="405">
        <v>9463094</v>
      </c>
      <c r="DQ10" s="405">
        <v>6768638</v>
      </c>
      <c r="DR10" s="406">
        <v>36951818</v>
      </c>
      <c r="DS10" s="408">
        <v>37264104</v>
      </c>
      <c r="DT10" s="404">
        <v>15909</v>
      </c>
      <c r="DU10" s="405">
        <v>173397</v>
      </c>
      <c r="DV10" s="406">
        <v>189306</v>
      </c>
      <c r="DW10" s="404">
        <v>0</v>
      </c>
      <c r="DX10" s="405">
        <v>1982694</v>
      </c>
      <c r="DY10" s="405">
        <v>5470667</v>
      </c>
      <c r="DZ10" s="405">
        <v>8889366</v>
      </c>
      <c r="EA10" s="405">
        <v>6667820</v>
      </c>
      <c r="EB10" s="405">
        <v>4560644</v>
      </c>
      <c r="EC10" s="406">
        <v>27571191</v>
      </c>
      <c r="ED10" s="408">
        <v>27760497</v>
      </c>
      <c r="EE10" s="404">
        <v>34127</v>
      </c>
      <c r="EF10" s="409">
        <v>88853</v>
      </c>
      <c r="EG10" s="406">
        <v>122980</v>
      </c>
      <c r="EH10" s="404">
        <v>0</v>
      </c>
      <c r="EI10" s="405">
        <v>912291</v>
      </c>
      <c r="EJ10" s="405">
        <v>1451257</v>
      </c>
      <c r="EK10" s="405">
        <v>2013811</v>
      </c>
      <c r="EL10" s="405">
        <v>2795274</v>
      </c>
      <c r="EM10" s="405">
        <v>2207994</v>
      </c>
      <c r="EN10" s="409">
        <v>9380627</v>
      </c>
      <c r="EO10" s="408">
        <v>9503607</v>
      </c>
      <c r="EP10" s="404">
        <v>0</v>
      </c>
      <c r="EQ10" s="405">
        <v>0</v>
      </c>
      <c r="ER10" s="409">
        <v>0</v>
      </c>
      <c r="ES10" s="410">
        <v>0</v>
      </c>
      <c r="ET10" s="405">
        <v>0</v>
      </c>
      <c r="EU10" s="405">
        <v>0</v>
      </c>
      <c r="EV10" s="405">
        <v>0</v>
      </c>
      <c r="EW10" s="405">
        <v>0</v>
      </c>
      <c r="EX10" s="405">
        <v>0</v>
      </c>
      <c r="EY10" s="406">
        <v>0</v>
      </c>
      <c r="EZ10" s="408">
        <v>0</v>
      </c>
      <c r="FA10" s="404">
        <v>0</v>
      </c>
      <c r="FB10" s="405">
        <v>0</v>
      </c>
      <c r="FC10" s="409">
        <v>0</v>
      </c>
      <c r="FD10" s="411"/>
      <c r="FE10" s="405">
        <v>0</v>
      </c>
      <c r="FF10" s="405">
        <v>0</v>
      </c>
      <c r="FG10" s="405">
        <v>0</v>
      </c>
      <c r="FH10" s="405">
        <v>0</v>
      </c>
      <c r="FI10" s="405">
        <v>0</v>
      </c>
      <c r="FJ10" s="406">
        <v>0</v>
      </c>
      <c r="FK10" s="408">
        <v>0</v>
      </c>
      <c r="FL10" s="404">
        <v>1412105</v>
      </c>
      <c r="FM10" s="405">
        <v>4423012</v>
      </c>
      <c r="FN10" s="406">
        <v>5835117</v>
      </c>
      <c r="FO10" s="404">
        <v>0</v>
      </c>
      <c r="FP10" s="405">
        <v>3866533</v>
      </c>
      <c r="FQ10" s="405">
        <v>14180714</v>
      </c>
      <c r="FR10" s="405">
        <v>9853345</v>
      </c>
      <c r="FS10" s="405">
        <v>9706327</v>
      </c>
      <c r="FT10" s="405">
        <v>6556704</v>
      </c>
      <c r="FU10" s="406">
        <v>44163623</v>
      </c>
      <c r="FV10" s="408">
        <v>49998740</v>
      </c>
      <c r="FW10" s="412">
        <v>901005</v>
      </c>
      <c r="FX10" s="405">
        <v>2878600</v>
      </c>
      <c r="FY10" s="409">
        <v>3779605</v>
      </c>
      <c r="FZ10" s="410">
        <v>0</v>
      </c>
      <c r="GA10" s="405">
        <v>2800057</v>
      </c>
      <c r="GB10" s="405">
        <v>13042428</v>
      </c>
      <c r="GC10" s="405">
        <v>8838450</v>
      </c>
      <c r="GD10" s="405">
        <v>8524719</v>
      </c>
      <c r="GE10" s="405">
        <v>6400016</v>
      </c>
      <c r="GF10" s="406">
        <v>39605670</v>
      </c>
      <c r="GG10" s="413">
        <v>43385275</v>
      </c>
      <c r="GH10" s="412">
        <v>125890</v>
      </c>
      <c r="GI10" s="405">
        <v>124609</v>
      </c>
      <c r="GJ10" s="409">
        <v>250499</v>
      </c>
      <c r="GK10" s="410">
        <v>0</v>
      </c>
      <c r="GL10" s="405">
        <v>286536</v>
      </c>
      <c r="GM10" s="405">
        <v>387018</v>
      </c>
      <c r="GN10" s="405">
        <v>465381</v>
      </c>
      <c r="GO10" s="405">
        <v>253429</v>
      </c>
      <c r="GP10" s="405">
        <v>104188</v>
      </c>
      <c r="GQ10" s="406">
        <v>1496552</v>
      </c>
      <c r="GR10" s="408">
        <v>1747051</v>
      </c>
      <c r="GS10" s="404">
        <v>385210</v>
      </c>
      <c r="GT10" s="405">
        <v>1419803</v>
      </c>
      <c r="GU10" s="406">
        <v>1805013</v>
      </c>
      <c r="GV10" s="404">
        <v>0</v>
      </c>
      <c r="GW10" s="405">
        <v>779940</v>
      </c>
      <c r="GX10" s="405">
        <v>751268</v>
      </c>
      <c r="GY10" s="405">
        <v>549514</v>
      </c>
      <c r="GZ10" s="405">
        <v>928179</v>
      </c>
      <c r="HA10" s="405">
        <v>52500</v>
      </c>
      <c r="HB10" s="409">
        <v>3061401</v>
      </c>
      <c r="HC10" s="408">
        <v>4866414</v>
      </c>
      <c r="HD10" s="404">
        <v>4612964</v>
      </c>
      <c r="HE10" s="405">
        <v>6613575</v>
      </c>
      <c r="HF10" s="409">
        <v>11226539</v>
      </c>
      <c r="HG10" s="410">
        <v>0</v>
      </c>
      <c r="HH10" s="405">
        <v>38578222</v>
      </c>
      <c r="HI10" s="405">
        <v>54724856</v>
      </c>
      <c r="HJ10" s="405">
        <v>46886121</v>
      </c>
      <c r="HK10" s="405">
        <v>62114957</v>
      </c>
      <c r="HL10" s="405">
        <v>35467158</v>
      </c>
      <c r="HM10" s="406">
        <v>237771314</v>
      </c>
      <c r="HN10" s="407">
        <v>248997853</v>
      </c>
      <c r="HO10" s="445"/>
      <c r="HP10" s="446"/>
      <c r="HQ10" s="447"/>
      <c r="HR10" s="448"/>
      <c r="HS10" s="446"/>
      <c r="HT10" s="446"/>
      <c r="HU10" s="446"/>
      <c r="HV10" s="446"/>
      <c r="HW10" s="446"/>
      <c r="HX10" s="449"/>
      <c r="HY10" s="450"/>
      <c r="HZ10" s="414">
        <v>326240</v>
      </c>
      <c r="IA10" s="415">
        <v>771214</v>
      </c>
      <c r="IB10" s="416">
        <v>1097454</v>
      </c>
      <c r="IC10" s="417">
        <v>0</v>
      </c>
      <c r="ID10" s="418">
        <v>23068835</v>
      </c>
      <c r="IE10" s="419">
        <v>33355085</v>
      </c>
      <c r="IF10" s="420">
        <v>34476551</v>
      </c>
      <c r="IG10" s="418">
        <v>28626077</v>
      </c>
      <c r="IH10" s="420">
        <v>20363864</v>
      </c>
      <c r="II10" s="421">
        <v>139890412</v>
      </c>
      <c r="IJ10" s="422">
        <v>140987866</v>
      </c>
      <c r="IK10" s="423">
        <v>0</v>
      </c>
      <c r="IL10" s="424">
        <v>0</v>
      </c>
      <c r="IM10" s="425">
        <v>0</v>
      </c>
      <c r="IN10" s="426"/>
      <c r="IO10" s="427">
        <v>879443</v>
      </c>
      <c r="IP10" s="427">
        <v>1772218</v>
      </c>
      <c r="IQ10" s="427">
        <v>2302634</v>
      </c>
      <c r="IR10" s="427">
        <v>1943192</v>
      </c>
      <c r="IS10" s="427">
        <v>1265044</v>
      </c>
      <c r="IT10" s="428">
        <v>8162531</v>
      </c>
      <c r="IU10" s="429">
        <v>8162531</v>
      </c>
      <c r="IV10" s="430">
        <v>0</v>
      </c>
      <c r="IW10" s="427">
        <v>0</v>
      </c>
      <c r="IX10" s="431">
        <v>0</v>
      </c>
      <c r="IY10" s="432"/>
      <c r="IZ10" s="427">
        <v>79705</v>
      </c>
      <c r="JA10" s="427">
        <v>241458</v>
      </c>
      <c r="JB10" s="427">
        <v>525291</v>
      </c>
      <c r="JC10" s="427">
        <v>428362</v>
      </c>
      <c r="JD10" s="427">
        <v>696562</v>
      </c>
      <c r="JE10" s="431">
        <v>1971378</v>
      </c>
      <c r="JF10" s="433">
        <v>1971378</v>
      </c>
      <c r="JG10" s="430">
        <v>0</v>
      </c>
      <c r="JH10" s="427">
        <v>0</v>
      </c>
      <c r="JI10" s="428">
        <v>0</v>
      </c>
      <c r="JJ10" s="434">
        <v>0</v>
      </c>
      <c r="JK10" s="427">
        <v>9575914</v>
      </c>
      <c r="JL10" s="427">
        <v>15024400</v>
      </c>
      <c r="JM10" s="427">
        <v>9727416</v>
      </c>
      <c r="JN10" s="427">
        <v>6520440</v>
      </c>
      <c r="JO10" s="427">
        <v>2742028</v>
      </c>
      <c r="JP10" s="431">
        <v>43590198</v>
      </c>
      <c r="JQ10" s="429">
        <v>43590198</v>
      </c>
      <c r="JR10" s="430">
        <v>16374</v>
      </c>
      <c r="JS10" s="427">
        <v>0</v>
      </c>
      <c r="JT10" s="428">
        <v>16374</v>
      </c>
      <c r="JU10" s="434">
        <v>0</v>
      </c>
      <c r="JV10" s="427">
        <v>2280682</v>
      </c>
      <c r="JW10" s="427">
        <v>2581631</v>
      </c>
      <c r="JX10" s="427">
        <v>3746426</v>
      </c>
      <c r="JY10" s="427">
        <v>1998363</v>
      </c>
      <c r="JZ10" s="427">
        <v>2042004</v>
      </c>
      <c r="KA10" s="431">
        <v>12649106</v>
      </c>
      <c r="KB10" s="429">
        <v>12665480</v>
      </c>
      <c r="KC10" s="435">
        <v>309866</v>
      </c>
      <c r="KD10" s="436">
        <v>757602</v>
      </c>
      <c r="KE10" s="431">
        <v>1067468</v>
      </c>
      <c r="KF10" s="434">
        <v>0</v>
      </c>
      <c r="KG10" s="427">
        <v>2551284</v>
      </c>
      <c r="KH10" s="427">
        <v>2815712</v>
      </c>
      <c r="KI10" s="427">
        <v>5491585</v>
      </c>
      <c r="KJ10" s="427">
        <v>6046259</v>
      </c>
      <c r="KK10" s="427">
        <v>2407075</v>
      </c>
      <c r="KL10" s="431">
        <v>19311915</v>
      </c>
      <c r="KM10" s="437">
        <v>20379383</v>
      </c>
      <c r="KN10" s="423">
        <v>0</v>
      </c>
      <c r="KO10" s="424">
        <v>13612</v>
      </c>
      <c r="KP10" s="425">
        <v>13612</v>
      </c>
      <c r="KQ10" s="426"/>
      <c r="KR10" s="427">
        <v>7388867</v>
      </c>
      <c r="KS10" s="427">
        <v>9207853</v>
      </c>
      <c r="KT10" s="427">
        <v>10849440</v>
      </c>
      <c r="KU10" s="427">
        <v>9413419</v>
      </c>
      <c r="KV10" s="427">
        <v>6841616</v>
      </c>
      <c r="KW10" s="431">
        <v>43701195</v>
      </c>
      <c r="KX10" s="429">
        <v>43714807</v>
      </c>
      <c r="KY10" s="430">
        <v>0</v>
      </c>
      <c r="KZ10" s="427">
        <v>0</v>
      </c>
      <c r="LA10" s="431">
        <v>0</v>
      </c>
      <c r="LB10" s="438"/>
      <c r="LC10" s="427">
        <v>0</v>
      </c>
      <c r="LD10" s="427">
        <v>0</v>
      </c>
      <c r="LE10" s="427">
        <v>0</v>
      </c>
      <c r="LF10" s="427">
        <v>0</v>
      </c>
      <c r="LG10" s="427">
        <v>0</v>
      </c>
      <c r="LH10" s="431">
        <v>0</v>
      </c>
      <c r="LI10" s="433">
        <v>0</v>
      </c>
      <c r="LJ10" s="430">
        <v>0</v>
      </c>
      <c r="LK10" s="427">
        <v>0</v>
      </c>
      <c r="LL10" s="431">
        <v>0</v>
      </c>
      <c r="LM10" s="438"/>
      <c r="LN10" s="427">
        <v>0</v>
      </c>
      <c r="LO10" s="427">
        <v>218771</v>
      </c>
      <c r="LP10" s="427">
        <v>237816</v>
      </c>
      <c r="LQ10" s="427">
        <v>247083</v>
      </c>
      <c r="LR10" s="427">
        <v>0</v>
      </c>
      <c r="LS10" s="431">
        <v>703670</v>
      </c>
      <c r="LT10" s="429">
        <v>703670</v>
      </c>
      <c r="LU10" s="430">
        <v>0</v>
      </c>
      <c r="LV10" s="427">
        <v>0</v>
      </c>
      <c r="LW10" s="431">
        <v>0</v>
      </c>
      <c r="LX10" s="438"/>
      <c r="LY10" s="427">
        <v>312940</v>
      </c>
      <c r="LZ10" s="427">
        <v>1493042</v>
      </c>
      <c r="MA10" s="427">
        <v>1595943</v>
      </c>
      <c r="MB10" s="427">
        <v>2028959</v>
      </c>
      <c r="MC10" s="427">
        <v>4369535</v>
      </c>
      <c r="MD10" s="431">
        <v>9800419</v>
      </c>
      <c r="ME10" s="433">
        <v>9800419</v>
      </c>
      <c r="MF10" s="430">
        <v>0</v>
      </c>
      <c r="MG10" s="427">
        <v>0</v>
      </c>
      <c r="MH10" s="431">
        <v>0</v>
      </c>
      <c r="MI10" s="438"/>
      <c r="MJ10" s="427">
        <v>3744213</v>
      </c>
      <c r="MK10" s="427">
        <v>19281834</v>
      </c>
      <c r="ML10" s="427">
        <v>56991571</v>
      </c>
      <c r="MM10" s="427">
        <v>78443856</v>
      </c>
      <c r="MN10" s="427">
        <v>52109372</v>
      </c>
      <c r="MO10" s="431">
        <v>210570846</v>
      </c>
      <c r="MP10" s="437">
        <v>210570846</v>
      </c>
      <c r="MQ10" s="430">
        <v>0</v>
      </c>
      <c r="MR10" s="427">
        <v>0</v>
      </c>
      <c r="MS10" s="431">
        <v>0</v>
      </c>
      <c r="MT10" s="438"/>
      <c r="MU10" s="427">
        <v>392202</v>
      </c>
      <c r="MV10" s="427">
        <v>5845067</v>
      </c>
      <c r="MW10" s="427">
        <v>31019075</v>
      </c>
      <c r="MX10" s="427">
        <v>40788709</v>
      </c>
      <c r="MY10" s="427">
        <v>32286133</v>
      </c>
      <c r="MZ10" s="431">
        <v>110331186</v>
      </c>
      <c r="NA10" s="437">
        <v>110331186</v>
      </c>
      <c r="NB10" s="430">
        <v>0</v>
      </c>
      <c r="NC10" s="427">
        <v>0</v>
      </c>
      <c r="ND10" s="431">
        <v>0</v>
      </c>
      <c r="NE10" s="438"/>
      <c r="NF10" s="427">
        <v>3352011</v>
      </c>
      <c r="NG10" s="427">
        <v>13436767</v>
      </c>
      <c r="NH10" s="427">
        <v>25972496</v>
      </c>
      <c r="NI10" s="427">
        <v>34491531</v>
      </c>
      <c r="NJ10" s="427">
        <v>14726569</v>
      </c>
      <c r="NK10" s="431">
        <v>91979374</v>
      </c>
      <c r="NL10" s="429">
        <v>91979374</v>
      </c>
      <c r="NM10" s="430">
        <v>0</v>
      </c>
      <c r="NN10" s="427">
        <v>0</v>
      </c>
      <c r="NO10" s="431">
        <v>0</v>
      </c>
      <c r="NP10" s="438"/>
      <c r="NQ10" s="427">
        <v>0</v>
      </c>
      <c r="NR10" s="427">
        <v>0</v>
      </c>
      <c r="NS10" s="427">
        <v>0</v>
      </c>
      <c r="NT10" s="427">
        <v>1145718</v>
      </c>
      <c r="NU10" s="427">
        <v>1514113</v>
      </c>
      <c r="NV10" s="431">
        <v>2659831</v>
      </c>
      <c r="NW10" s="433">
        <v>2659831</v>
      </c>
      <c r="NX10" s="430">
        <v>0</v>
      </c>
      <c r="NY10" s="427">
        <v>0</v>
      </c>
      <c r="NZ10" s="431">
        <v>0</v>
      </c>
      <c r="OA10" s="438"/>
      <c r="OB10" s="427">
        <v>0</v>
      </c>
      <c r="OC10" s="427">
        <v>0</v>
      </c>
      <c r="OD10" s="427">
        <v>0</v>
      </c>
      <c r="OE10" s="427">
        <v>2017898</v>
      </c>
      <c r="OF10" s="427">
        <v>3582557</v>
      </c>
      <c r="OG10" s="431">
        <v>5600455</v>
      </c>
      <c r="OH10" s="433">
        <v>5600455</v>
      </c>
      <c r="OI10" s="430">
        <v>11256978</v>
      </c>
      <c r="OJ10" s="427">
        <v>24892766</v>
      </c>
      <c r="OK10" s="428">
        <v>36149744</v>
      </c>
      <c r="OL10" s="434">
        <v>0</v>
      </c>
      <c r="OM10" s="427">
        <v>126141914</v>
      </c>
      <c r="ON10" s="427">
        <v>230453052</v>
      </c>
      <c r="OO10" s="427">
        <v>228739132</v>
      </c>
      <c r="OP10" s="427">
        <v>258639293</v>
      </c>
      <c r="OQ10" s="427">
        <v>178489577</v>
      </c>
      <c r="OR10" s="431">
        <v>1022462968</v>
      </c>
      <c r="OS10" s="437">
        <v>1058612712</v>
      </c>
    </row>
    <row r="11" spans="2:409" ht="21" customHeight="1" x14ac:dyDescent="0.2">
      <c r="B11" s="472" t="s">
        <v>6</v>
      </c>
      <c r="C11" s="100">
        <v>3172216</v>
      </c>
      <c r="D11" s="104">
        <v>6001631</v>
      </c>
      <c r="E11" s="103">
        <v>9173847</v>
      </c>
      <c r="F11" s="99">
        <v>0</v>
      </c>
      <c r="G11" s="104">
        <v>48340608</v>
      </c>
      <c r="H11" s="104">
        <v>52785953</v>
      </c>
      <c r="I11" s="104">
        <v>48786130</v>
      </c>
      <c r="J11" s="104">
        <v>54526344</v>
      </c>
      <c r="K11" s="104">
        <v>39220555</v>
      </c>
      <c r="L11" s="99">
        <v>243659590</v>
      </c>
      <c r="M11" s="106">
        <v>252833437</v>
      </c>
      <c r="N11" s="100">
        <v>1007967</v>
      </c>
      <c r="O11" s="104">
        <v>2443140</v>
      </c>
      <c r="P11" s="103">
        <v>3451107</v>
      </c>
      <c r="Q11" s="100">
        <v>0</v>
      </c>
      <c r="R11" s="104">
        <v>17136613</v>
      </c>
      <c r="S11" s="104">
        <v>18363665</v>
      </c>
      <c r="T11" s="104">
        <v>16102618</v>
      </c>
      <c r="U11" s="104">
        <v>19960302</v>
      </c>
      <c r="V11" s="104">
        <v>17903394</v>
      </c>
      <c r="W11" s="103">
        <v>89466592</v>
      </c>
      <c r="X11" s="106">
        <v>92917699</v>
      </c>
      <c r="Y11" s="100">
        <v>0</v>
      </c>
      <c r="Z11" s="104">
        <v>0</v>
      </c>
      <c r="AA11" s="103">
        <v>0</v>
      </c>
      <c r="AB11" s="100">
        <v>0</v>
      </c>
      <c r="AC11" s="104">
        <v>6333481</v>
      </c>
      <c r="AD11" s="104">
        <v>7240400</v>
      </c>
      <c r="AE11" s="104">
        <v>6728425</v>
      </c>
      <c r="AF11" s="104">
        <v>10358758</v>
      </c>
      <c r="AG11" s="104">
        <v>10064617</v>
      </c>
      <c r="AH11" s="103">
        <v>40725681</v>
      </c>
      <c r="AI11" s="106">
        <v>40725681</v>
      </c>
      <c r="AJ11" s="100">
        <v>0</v>
      </c>
      <c r="AK11" s="104">
        <v>8880</v>
      </c>
      <c r="AL11" s="103">
        <v>8880</v>
      </c>
      <c r="AM11" s="100">
        <v>0</v>
      </c>
      <c r="AN11" s="104">
        <v>290534</v>
      </c>
      <c r="AO11" s="104">
        <v>502178</v>
      </c>
      <c r="AP11" s="104">
        <v>414282</v>
      </c>
      <c r="AQ11" s="104">
        <v>1239466</v>
      </c>
      <c r="AR11" s="104">
        <v>1818552</v>
      </c>
      <c r="AS11" s="103">
        <v>4265012</v>
      </c>
      <c r="AT11" s="106">
        <v>4273892</v>
      </c>
      <c r="AU11" s="100">
        <v>609889</v>
      </c>
      <c r="AV11" s="104">
        <v>1884413</v>
      </c>
      <c r="AW11" s="103">
        <v>2494302</v>
      </c>
      <c r="AX11" s="100">
        <v>0</v>
      </c>
      <c r="AY11" s="104">
        <v>7242182</v>
      </c>
      <c r="AZ11" s="104">
        <v>7131560</v>
      </c>
      <c r="BA11" s="104">
        <v>5790686</v>
      </c>
      <c r="BB11" s="104">
        <v>4705409</v>
      </c>
      <c r="BC11" s="104">
        <v>3122171</v>
      </c>
      <c r="BD11" s="103">
        <v>27992008</v>
      </c>
      <c r="BE11" s="106">
        <v>30486310</v>
      </c>
      <c r="BF11" s="100">
        <v>40721</v>
      </c>
      <c r="BG11" s="104">
        <v>14165</v>
      </c>
      <c r="BH11" s="102">
        <v>54886</v>
      </c>
      <c r="BI11" s="101">
        <v>0</v>
      </c>
      <c r="BJ11" s="104">
        <v>475533</v>
      </c>
      <c r="BK11" s="104">
        <v>527379</v>
      </c>
      <c r="BL11" s="104">
        <v>472972</v>
      </c>
      <c r="BM11" s="104">
        <v>403990</v>
      </c>
      <c r="BN11" s="104">
        <v>382240</v>
      </c>
      <c r="BO11" s="103">
        <v>2262114</v>
      </c>
      <c r="BP11" s="106">
        <v>2317000</v>
      </c>
      <c r="BQ11" s="100">
        <v>357357</v>
      </c>
      <c r="BR11" s="104">
        <v>535682</v>
      </c>
      <c r="BS11" s="103">
        <v>893039</v>
      </c>
      <c r="BT11" s="100">
        <v>0</v>
      </c>
      <c r="BU11" s="104">
        <v>2794883</v>
      </c>
      <c r="BV11" s="104">
        <v>2962148</v>
      </c>
      <c r="BW11" s="104">
        <v>2696253</v>
      </c>
      <c r="BX11" s="104">
        <v>3252679</v>
      </c>
      <c r="BY11" s="104">
        <v>2515814</v>
      </c>
      <c r="BZ11" s="103">
        <v>14221777</v>
      </c>
      <c r="CA11" s="106">
        <v>15114816</v>
      </c>
      <c r="CB11" s="100">
        <v>204832</v>
      </c>
      <c r="CC11" s="104">
        <v>395604</v>
      </c>
      <c r="CD11" s="103">
        <v>600436</v>
      </c>
      <c r="CE11" s="100">
        <v>0</v>
      </c>
      <c r="CF11" s="104">
        <v>11872348</v>
      </c>
      <c r="CG11" s="104">
        <v>12601033</v>
      </c>
      <c r="CH11" s="104">
        <v>8933779</v>
      </c>
      <c r="CI11" s="104">
        <v>6866457</v>
      </c>
      <c r="CJ11" s="104">
        <v>2397605</v>
      </c>
      <c r="CK11" s="103">
        <v>42671222</v>
      </c>
      <c r="CL11" s="106">
        <v>43271658</v>
      </c>
      <c r="CM11" s="100">
        <v>0</v>
      </c>
      <c r="CN11" s="104">
        <v>0</v>
      </c>
      <c r="CO11" s="103">
        <v>0</v>
      </c>
      <c r="CP11" s="101">
        <v>0</v>
      </c>
      <c r="CQ11" s="104">
        <v>9705344</v>
      </c>
      <c r="CR11" s="104">
        <v>9256265</v>
      </c>
      <c r="CS11" s="104">
        <v>6664468</v>
      </c>
      <c r="CT11" s="104">
        <v>4379905</v>
      </c>
      <c r="CU11" s="104">
        <v>1598945</v>
      </c>
      <c r="CV11" s="103">
        <v>31604927</v>
      </c>
      <c r="CW11" s="106">
        <v>31604927</v>
      </c>
      <c r="CX11" s="100">
        <v>204832</v>
      </c>
      <c r="CY11" s="104">
        <v>395604</v>
      </c>
      <c r="CZ11" s="103">
        <v>600436</v>
      </c>
      <c r="DA11" s="100">
        <v>0</v>
      </c>
      <c r="DB11" s="104">
        <v>2167004</v>
      </c>
      <c r="DC11" s="104">
        <v>3344768</v>
      </c>
      <c r="DD11" s="104">
        <v>2269311</v>
      </c>
      <c r="DE11" s="104">
        <v>2486552</v>
      </c>
      <c r="DF11" s="104">
        <v>798660</v>
      </c>
      <c r="DG11" s="103">
        <v>11066295</v>
      </c>
      <c r="DH11" s="106">
        <v>11666731</v>
      </c>
      <c r="DI11" s="100">
        <v>0</v>
      </c>
      <c r="DJ11" s="104">
        <v>61793</v>
      </c>
      <c r="DK11" s="102">
        <v>61793</v>
      </c>
      <c r="DL11" s="101">
        <v>0</v>
      </c>
      <c r="DM11" s="104">
        <v>1140914</v>
      </c>
      <c r="DN11" s="104">
        <v>2124960</v>
      </c>
      <c r="DO11" s="104">
        <v>3711470</v>
      </c>
      <c r="DP11" s="104">
        <v>2941758</v>
      </c>
      <c r="DQ11" s="104">
        <v>1773487</v>
      </c>
      <c r="DR11" s="103">
        <v>11692589</v>
      </c>
      <c r="DS11" s="106">
        <v>11754382</v>
      </c>
      <c r="DT11" s="100">
        <v>0</v>
      </c>
      <c r="DU11" s="104">
        <v>61793</v>
      </c>
      <c r="DV11" s="103">
        <v>61793</v>
      </c>
      <c r="DW11" s="100">
        <v>0</v>
      </c>
      <c r="DX11" s="104">
        <v>892783</v>
      </c>
      <c r="DY11" s="104">
        <v>1562372</v>
      </c>
      <c r="DZ11" s="104">
        <v>3438229</v>
      </c>
      <c r="EA11" s="104">
        <v>2030335</v>
      </c>
      <c r="EB11" s="104">
        <v>1070419</v>
      </c>
      <c r="EC11" s="103">
        <v>8994138</v>
      </c>
      <c r="ED11" s="106">
        <v>9055931</v>
      </c>
      <c r="EE11" s="100">
        <v>0</v>
      </c>
      <c r="EF11" s="102">
        <v>0</v>
      </c>
      <c r="EG11" s="103">
        <v>0</v>
      </c>
      <c r="EH11" s="100">
        <v>0</v>
      </c>
      <c r="EI11" s="104">
        <v>248131</v>
      </c>
      <c r="EJ11" s="104">
        <v>562588</v>
      </c>
      <c r="EK11" s="104">
        <v>273241</v>
      </c>
      <c r="EL11" s="104">
        <v>911423</v>
      </c>
      <c r="EM11" s="104">
        <v>703068</v>
      </c>
      <c r="EN11" s="102">
        <v>2698451</v>
      </c>
      <c r="EO11" s="106">
        <v>2698451</v>
      </c>
      <c r="EP11" s="100">
        <v>0</v>
      </c>
      <c r="EQ11" s="104">
        <v>0</v>
      </c>
      <c r="ER11" s="102">
        <v>0</v>
      </c>
      <c r="ES11" s="101">
        <v>0</v>
      </c>
      <c r="ET11" s="104">
        <v>0</v>
      </c>
      <c r="EU11" s="104">
        <v>0</v>
      </c>
      <c r="EV11" s="104">
        <v>0</v>
      </c>
      <c r="EW11" s="104">
        <v>0</v>
      </c>
      <c r="EX11" s="104">
        <v>0</v>
      </c>
      <c r="EY11" s="103">
        <v>0</v>
      </c>
      <c r="EZ11" s="106">
        <v>0</v>
      </c>
      <c r="FA11" s="100">
        <v>0</v>
      </c>
      <c r="FB11" s="104">
        <v>0</v>
      </c>
      <c r="FC11" s="102">
        <v>0</v>
      </c>
      <c r="FD11" s="324"/>
      <c r="FE11" s="104">
        <v>0</v>
      </c>
      <c r="FF11" s="104">
        <v>0</v>
      </c>
      <c r="FG11" s="104">
        <v>0</v>
      </c>
      <c r="FH11" s="104">
        <v>0</v>
      </c>
      <c r="FI11" s="104">
        <v>0</v>
      </c>
      <c r="FJ11" s="103">
        <v>0</v>
      </c>
      <c r="FK11" s="106">
        <v>0</v>
      </c>
      <c r="FL11" s="100">
        <v>739510</v>
      </c>
      <c r="FM11" s="104">
        <v>1538866</v>
      </c>
      <c r="FN11" s="103">
        <v>2278376</v>
      </c>
      <c r="FO11" s="100">
        <v>0</v>
      </c>
      <c r="FP11" s="104">
        <v>2451807</v>
      </c>
      <c r="FQ11" s="104">
        <v>4945593</v>
      </c>
      <c r="FR11" s="104">
        <v>3953953</v>
      </c>
      <c r="FS11" s="104">
        <v>3149293</v>
      </c>
      <c r="FT11" s="104">
        <v>2692039</v>
      </c>
      <c r="FU11" s="103">
        <v>17192685</v>
      </c>
      <c r="FV11" s="106">
        <v>19471061</v>
      </c>
      <c r="FW11" s="105">
        <v>439740</v>
      </c>
      <c r="FX11" s="104">
        <v>960127</v>
      </c>
      <c r="FY11" s="102">
        <v>1399867</v>
      </c>
      <c r="FZ11" s="101">
        <v>0</v>
      </c>
      <c r="GA11" s="104">
        <v>2042657</v>
      </c>
      <c r="GB11" s="104">
        <v>4278856</v>
      </c>
      <c r="GC11" s="104">
        <v>3563980</v>
      </c>
      <c r="GD11" s="104">
        <v>3078453</v>
      </c>
      <c r="GE11" s="104">
        <v>2382499</v>
      </c>
      <c r="GF11" s="103">
        <v>15346445</v>
      </c>
      <c r="GG11" s="296">
        <v>16746312</v>
      </c>
      <c r="GH11" s="105">
        <v>79298</v>
      </c>
      <c r="GI11" s="104">
        <v>40964</v>
      </c>
      <c r="GJ11" s="102">
        <v>120262</v>
      </c>
      <c r="GK11" s="101">
        <v>0</v>
      </c>
      <c r="GL11" s="104">
        <v>125090</v>
      </c>
      <c r="GM11" s="104">
        <v>86954</v>
      </c>
      <c r="GN11" s="104">
        <v>112773</v>
      </c>
      <c r="GO11" s="104">
        <v>70840</v>
      </c>
      <c r="GP11" s="104">
        <v>113729</v>
      </c>
      <c r="GQ11" s="103">
        <v>509386</v>
      </c>
      <c r="GR11" s="106">
        <v>629648</v>
      </c>
      <c r="GS11" s="100">
        <v>220472</v>
      </c>
      <c r="GT11" s="104">
        <v>537775</v>
      </c>
      <c r="GU11" s="103">
        <v>758247</v>
      </c>
      <c r="GV11" s="100">
        <v>0</v>
      </c>
      <c r="GW11" s="104">
        <v>284060</v>
      </c>
      <c r="GX11" s="104">
        <v>579783</v>
      </c>
      <c r="GY11" s="104">
        <v>277200</v>
      </c>
      <c r="GZ11" s="104">
        <v>0</v>
      </c>
      <c r="HA11" s="104">
        <v>195811</v>
      </c>
      <c r="HB11" s="102">
        <v>1336854</v>
      </c>
      <c r="HC11" s="106">
        <v>2095101</v>
      </c>
      <c r="HD11" s="100">
        <v>1219907</v>
      </c>
      <c r="HE11" s="104">
        <v>1562228</v>
      </c>
      <c r="HF11" s="102">
        <v>2782135</v>
      </c>
      <c r="HG11" s="101">
        <v>0</v>
      </c>
      <c r="HH11" s="104">
        <v>15738926</v>
      </c>
      <c r="HI11" s="104">
        <v>14750702</v>
      </c>
      <c r="HJ11" s="104">
        <v>16084310</v>
      </c>
      <c r="HK11" s="104">
        <v>21608534</v>
      </c>
      <c r="HL11" s="104">
        <v>14454030</v>
      </c>
      <c r="HM11" s="103">
        <v>82636502</v>
      </c>
      <c r="HN11" s="99">
        <v>85418637</v>
      </c>
      <c r="HO11" s="306"/>
      <c r="HP11" s="307"/>
      <c r="HQ11" s="308"/>
      <c r="HR11" s="309"/>
      <c r="HS11" s="307"/>
      <c r="HT11" s="307"/>
      <c r="HU11" s="307"/>
      <c r="HV11" s="307"/>
      <c r="HW11" s="307"/>
      <c r="HX11" s="310"/>
      <c r="HY11" s="311"/>
      <c r="HZ11" s="118">
        <v>71307</v>
      </c>
      <c r="IA11" s="119">
        <v>263146</v>
      </c>
      <c r="IB11" s="120">
        <v>334453</v>
      </c>
      <c r="IC11" s="133">
        <v>0</v>
      </c>
      <c r="ID11" s="119">
        <v>10685674</v>
      </c>
      <c r="IE11" s="134">
        <v>13260649</v>
      </c>
      <c r="IF11" s="120">
        <v>17567292</v>
      </c>
      <c r="IG11" s="119">
        <v>11536558</v>
      </c>
      <c r="IH11" s="120">
        <v>8547239</v>
      </c>
      <c r="II11" s="135">
        <v>61597412</v>
      </c>
      <c r="IJ11" s="126">
        <v>61931865</v>
      </c>
      <c r="IK11" s="219">
        <v>0</v>
      </c>
      <c r="IL11" s="223">
        <v>0</v>
      </c>
      <c r="IM11" s="224">
        <v>0</v>
      </c>
      <c r="IN11" s="127"/>
      <c r="IO11" s="109">
        <v>589623</v>
      </c>
      <c r="IP11" s="109">
        <v>531955</v>
      </c>
      <c r="IQ11" s="109">
        <v>625963</v>
      </c>
      <c r="IR11" s="109">
        <v>1385126</v>
      </c>
      <c r="IS11" s="109">
        <v>751442</v>
      </c>
      <c r="IT11" s="128">
        <v>3884109</v>
      </c>
      <c r="IU11" s="298">
        <v>3884109</v>
      </c>
      <c r="IV11" s="129">
        <v>0</v>
      </c>
      <c r="IW11" s="109">
        <v>0</v>
      </c>
      <c r="IX11" s="110">
        <v>0</v>
      </c>
      <c r="IY11" s="131"/>
      <c r="IZ11" s="109">
        <v>31150</v>
      </c>
      <c r="JA11" s="109">
        <v>129887</v>
      </c>
      <c r="JB11" s="109">
        <v>92658</v>
      </c>
      <c r="JC11" s="109">
        <v>93117</v>
      </c>
      <c r="JD11" s="109">
        <v>307758</v>
      </c>
      <c r="JE11" s="110">
        <v>654570</v>
      </c>
      <c r="JF11" s="111">
        <v>654570</v>
      </c>
      <c r="JG11" s="129">
        <v>0</v>
      </c>
      <c r="JH11" s="109">
        <v>0</v>
      </c>
      <c r="JI11" s="128">
        <v>0</v>
      </c>
      <c r="JJ11" s="108">
        <v>0</v>
      </c>
      <c r="JK11" s="109">
        <v>4314881</v>
      </c>
      <c r="JL11" s="109">
        <v>4073897</v>
      </c>
      <c r="JM11" s="109">
        <v>3029333</v>
      </c>
      <c r="JN11" s="109">
        <v>1255901</v>
      </c>
      <c r="JO11" s="109">
        <v>607062</v>
      </c>
      <c r="JP11" s="110">
        <v>13281074</v>
      </c>
      <c r="JQ11" s="298">
        <v>13281074</v>
      </c>
      <c r="JR11" s="129">
        <v>0</v>
      </c>
      <c r="JS11" s="109">
        <v>0</v>
      </c>
      <c r="JT11" s="128">
        <v>0</v>
      </c>
      <c r="JU11" s="108">
        <v>0</v>
      </c>
      <c r="JV11" s="109">
        <v>866031</v>
      </c>
      <c r="JW11" s="109">
        <v>1675445</v>
      </c>
      <c r="JX11" s="109">
        <v>2324574</v>
      </c>
      <c r="JY11" s="109">
        <v>436371</v>
      </c>
      <c r="JZ11" s="109">
        <v>504091</v>
      </c>
      <c r="KA11" s="110">
        <v>5806512</v>
      </c>
      <c r="KB11" s="298">
        <v>5806512</v>
      </c>
      <c r="KC11" s="221">
        <v>71307</v>
      </c>
      <c r="KD11" s="217">
        <v>263146</v>
      </c>
      <c r="KE11" s="110">
        <v>334453</v>
      </c>
      <c r="KF11" s="108">
        <v>0</v>
      </c>
      <c r="KG11" s="109">
        <v>1388309</v>
      </c>
      <c r="KH11" s="109">
        <v>1022631</v>
      </c>
      <c r="KI11" s="109">
        <v>1061711</v>
      </c>
      <c r="KJ11" s="109">
        <v>782236</v>
      </c>
      <c r="KK11" s="109">
        <v>508716</v>
      </c>
      <c r="KL11" s="110">
        <v>4763603</v>
      </c>
      <c r="KM11" s="130">
        <v>5098056</v>
      </c>
      <c r="KN11" s="219">
        <v>0</v>
      </c>
      <c r="KO11" s="223">
        <v>0</v>
      </c>
      <c r="KP11" s="224">
        <v>0</v>
      </c>
      <c r="KQ11" s="127"/>
      <c r="KR11" s="109">
        <v>2341112</v>
      </c>
      <c r="KS11" s="109">
        <v>5113568</v>
      </c>
      <c r="KT11" s="109">
        <v>6818267</v>
      </c>
      <c r="KU11" s="109">
        <v>4222309</v>
      </c>
      <c r="KV11" s="109">
        <v>3355366</v>
      </c>
      <c r="KW11" s="110">
        <v>21850622</v>
      </c>
      <c r="KX11" s="298">
        <v>21850622</v>
      </c>
      <c r="KY11" s="129">
        <v>0</v>
      </c>
      <c r="KZ11" s="109">
        <v>0</v>
      </c>
      <c r="LA11" s="110">
        <v>0</v>
      </c>
      <c r="LB11" s="132"/>
      <c r="LC11" s="109">
        <v>0</v>
      </c>
      <c r="LD11" s="109">
        <v>0</v>
      </c>
      <c r="LE11" s="109">
        <v>0</v>
      </c>
      <c r="LF11" s="109">
        <v>0</v>
      </c>
      <c r="LG11" s="109">
        <v>0</v>
      </c>
      <c r="LH11" s="110">
        <v>0</v>
      </c>
      <c r="LI11" s="111">
        <v>0</v>
      </c>
      <c r="LJ11" s="129">
        <v>0</v>
      </c>
      <c r="LK11" s="109">
        <v>0</v>
      </c>
      <c r="LL11" s="110">
        <v>0</v>
      </c>
      <c r="LM11" s="132"/>
      <c r="LN11" s="109">
        <v>195741</v>
      </c>
      <c r="LO11" s="109">
        <v>0</v>
      </c>
      <c r="LP11" s="109">
        <v>1739863</v>
      </c>
      <c r="LQ11" s="109">
        <v>1289762</v>
      </c>
      <c r="LR11" s="109">
        <v>714648</v>
      </c>
      <c r="LS11" s="110">
        <v>3940014</v>
      </c>
      <c r="LT11" s="298">
        <v>3940014</v>
      </c>
      <c r="LU11" s="129">
        <v>0</v>
      </c>
      <c r="LV11" s="109">
        <v>0</v>
      </c>
      <c r="LW11" s="110">
        <v>0</v>
      </c>
      <c r="LX11" s="132"/>
      <c r="LY11" s="109">
        <v>958827</v>
      </c>
      <c r="LZ11" s="109">
        <v>713266</v>
      </c>
      <c r="MA11" s="109">
        <v>1874923</v>
      </c>
      <c r="MB11" s="109">
        <v>2071736</v>
      </c>
      <c r="MC11" s="109">
        <v>1798156</v>
      </c>
      <c r="MD11" s="110">
        <v>7416908</v>
      </c>
      <c r="ME11" s="111">
        <v>7416908</v>
      </c>
      <c r="MF11" s="129">
        <v>0</v>
      </c>
      <c r="MG11" s="109">
        <v>0</v>
      </c>
      <c r="MH11" s="110">
        <v>0</v>
      </c>
      <c r="MI11" s="132"/>
      <c r="MJ11" s="109">
        <v>2308100</v>
      </c>
      <c r="MK11" s="109">
        <v>3551863</v>
      </c>
      <c r="ML11" s="109">
        <v>11688034</v>
      </c>
      <c r="MM11" s="109">
        <v>23904168</v>
      </c>
      <c r="MN11" s="109">
        <v>17517296</v>
      </c>
      <c r="MO11" s="110">
        <v>58969461</v>
      </c>
      <c r="MP11" s="130">
        <v>58969461</v>
      </c>
      <c r="MQ11" s="129">
        <v>0</v>
      </c>
      <c r="MR11" s="109">
        <v>0</v>
      </c>
      <c r="MS11" s="110">
        <v>0</v>
      </c>
      <c r="MT11" s="132"/>
      <c r="MU11" s="109">
        <v>363192</v>
      </c>
      <c r="MV11" s="109">
        <v>596564</v>
      </c>
      <c r="MW11" s="109">
        <v>6502413</v>
      </c>
      <c r="MX11" s="109">
        <v>13361700</v>
      </c>
      <c r="MY11" s="109">
        <v>9106851</v>
      </c>
      <c r="MZ11" s="110">
        <v>29930720</v>
      </c>
      <c r="NA11" s="130">
        <v>29930720</v>
      </c>
      <c r="NB11" s="129">
        <v>0</v>
      </c>
      <c r="NC11" s="109">
        <v>0</v>
      </c>
      <c r="ND11" s="110">
        <v>0</v>
      </c>
      <c r="NE11" s="132"/>
      <c r="NF11" s="109">
        <v>1944908</v>
      </c>
      <c r="NG11" s="109">
        <v>2955299</v>
      </c>
      <c r="NH11" s="109">
        <v>5185621</v>
      </c>
      <c r="NI11" s="109">
        <v>8846863</v>
      </c>
      <c r="NJ11" s="109">
        <v>5596086</v>
      </c>
      <c r="NK11" s="110">
        <v>24528777</v>
      </c>
      <c r="NL11" s="298">
        <v>24528777</v>
      </c>
      <c r="NM11" s="129">
        <v>0</v>
      </c>
      <c r="NN11" s="109">
        <v>0</v>
      </c>
      <c r="NO11" s="110">
        <v>0</v>
      </c>
      <c r="NP11" s="132"/>
      <c r="NQ11" s="109">
        <v>0</v>
      </c>
      <c r="NR11" s="109">
        <v>0</v>
      </c>
      <c r="NS11" s="109">
        <v>0</v>
      </c>
      <c r="NT11" s="109">
        <v>1387024</v>
      </c>
      <c r="NU11" s="109">
        <v>1172311</v>
      </c>
      <c r="NV11" s="110">
        <v>2559335</v>
      </c>
      <c r="NW11" s="111">
        <v>2559335</v>
      </c>
      <c r="NX11" s="129">
        <v>0</v>
      </c>
      <c r="NY11" s="109">
        <v>0</v>
      </c>
      <c r="NZ11" s="110">
        <v>0</v>
      </c>
      <c r="OA11" s="132"/>
      <c r="OB11" s="109">
        <v>0</v>
      </c>
      <c r="OC11" s="109">
        <v>0</v>
      </c>
      <c r="OD11" s="109">
        <v>0</v>
      </c>
      <c r="OE11" s="109">
        <v>308581</v>
      </c>
      <c r="OF11" s="109">
        <v>1642048</v>
      </c>
      <c r="OG11" s="110">
        <v>1950629</v>
      </c>
      <c r="OH11" s="111">
        <v>1950629</v>
      </c>
      <c r="OI11" s="129">
        <v>3243523</v>
      </c>
      <c r="OJ11" s="109">
        <v>6264777</v>
      </c>
      <c r="OK11" s="128">
        <v>9508300</v>
      </c>
      <c r="OL11" s="108">
        <v>0</v>
      </c>
      <c r="OM11" s="109">
        <v>61334382</v>
      </c>
      <c r="ON11" s="109">
        <v>69598465</v>
      </c>
      <c r="OO11" s="109">
        <v>78041456</v>
      </c>
      <c r="OP11" s="109">
        <v>89967070</v>
      </c>
      <c r="OQ11" s="109">
        <v>65285090</v>
      </c>
      <c r="OR11" s="110">
        <v>364226463</v>
      </c>
      <c r="OS11" s="130">
        <v>373734763</v>
      </c>
    </row>
    <row r="12" spans="2:409" ht="21" customHeight="1" x14ac:dyDescent="0.2">
      <c r="B12" s="472" t="s">
        <v>14</v>
      </c>
      <c r="C12" s="100">
        <v>1160548</v>
      </c>
      <c r="D12" s="104">
        <v>2835513</v>
      </c>
      <c r="E12" s="103">
        <v>3996061</v>
      </c>
      <c r="F12" s="99">
        <v>0</v>
      </c>
      <c r="G12" s="104">
        <v>13486875</v>
      </c>
      <c r="H12" s="104">
        <v>20954673</v>
      </c>
      <c r="I12" s="104">
        <v>21734950</v>
      </c>
      <c r="J12" s="104">
        <v>18248162</v>
      </c>
      <c r="K12" s="104">
        <v>13175336</v>
      </c>
      <c r="L12" s="102">
        <v>87599996</v>
      </c>
      <c r="M12" s="106">
        <v>91596057</v>
      </c>
      <c r="N12" s="100">
        <v>197225</v>
      </c>
      <c r="O12" s="104">
        <v>983332</v>
      </c>
      <c r="P12" s="103">
        <v>1180557</v>
      </c>
      <c r="Q12" s="100">
        <v>0</v>
      </c>
      <c r="R12" s="104">
        <v>3334228</v>
      </c>
      <c r="S12" s="104">
        <v>7303846</v>
      </c>
      <c r="T12" s="104">
        <v>7112737</v>
      </c>
      <c r="U12" s="104">
        <v>6895147</v>
      </c>
      <c r="V12" s="104">
        <v>6645953</v>
      </c>
      <c r="W12" s="103">
        <v>31291911</v>
      </c>
      <c r="X12" s="106">
        <v>32472468</v>
      </c>
      <c r="Y12" s="100">
        <v>0</v>
      </c>
      <c r="Z12" s="104">
        <v>0</v>
      </c>
      <c r="AA12" s="103">
        <v>0</v>
      </c>
      <c r="AB12" s="100">
        <v>0</v>
      </c>
      <c r="AC12" s="104">
        <v>1697033</v>
      </c>
      <c r="AD12" s="104">
        <v>2843994</v>
      </c>
      <c r="AE12" s="104">
        <v>3876073</v>
      </c>
      <c r="AF12" s="104">
        <v>3774102</v>
      </c>
      <c r="AG12" s="104">
        <v>3370757</v>
      </c>
      <c r="AH12" s="103">
        <v>15561959</v>
      </c>
      <c r="AI12" s="106">
        <v>15561959</v>
      </c>
      <c r="AJ12" s="100">
        <v>0</v>
      </c>
      <c r="AK12" s="104">
        <v>0</v>
      </c>
      <c r="AL12" s="103">
        <v>0</v>
      </c>
      <c r="AM12" s="100">
        <v>0</v>
      </c>
      <c r="AN12" s="104">
        <v>0</v>
      </c>
      <c r="AO12" s="104">
        <v>208294</v>
      </c>
      <c r="AP12" s="104">
        <v>127734</v>
      </c>
      <c r="AQ12" s="104">
        <v>550936</v>
      </c>
      <c r="AR12" s="104">
        <v>704741</v>
      </c>
      <c r="AS12" s="103">
        <v>1591705</v>
      </c>
      <c r="AT12" s="106">
        <v>1591705</v>
      </c>
      <c r="AU12" s="100">
        <v>67956</v>
      </c>
      <c r="AV12" s="104">
        <v>661967</v>
      </c>
      <c r="AW12" s="103">
        <v>729923</v>
      </c>
      <c r="AX12" s="100">
        <v>0</v>
      </c>
      <c r="AY12" s="104">
        <v>859116</v>
      </c>
      <c r="AZ12" s="104">
        <v>3033286</v>
      </c>
      <c r="BA12" s="104">
        <v>1949535</v>
      </c>
      <c r="BB12" s="104">
        <v>1496074</v>
      </c>
      <c r="BC12" s="104">
        <v>1675428</v>
      </c>
      <c r="BD12" s="103">
        <v>9013439</v>
      </c>
      <c r="BE12" s="106">
        <v>9743362</v>
      </c>
      <c r="BF12" s="100">
        <v>0</v>
      </c>
      <c r="BG12" s="104">
        <v>138987</v>
      </c>
      <c r="BH12" s="102">
        <v>138987</v>
      </c>
      <c r="BI12" s="101">
        <v>0</v>
      </c>
      <c r="BJ12" s="104">
        <v>78849</v>
      </c>
      <c r="BK12" s="104">
        <v>191771</v>
      </c>
      <c r="BL12" s="104">
        <v>181530</v>
      </c>
      <c r="BM12" s="104">
        <v>68996</v>
      </c>
      <c r="BN12" s="104">
        <v>14560</v>
      </c>
      <c r="BO12" s="103">
        <v>535706</v>
      </c>
      <c r="BP12" s="106">
        <v>674693</v>
      </c>
      <c r="BQ12" s="100">
        <v>129269</v>
      </c>
      <c r="BR12" s="104">
        <v>182378</v>
      </c>
      <c r="BS12" s="103">
        <v>311647</v>
      </c>
      <c r="BT12" s="100">
        <v>0</v>
      </c>
      <c r="BU12" s="104">
        <v>699230</v>
      </c>
      <c r="BV12" s="104">
        <v>1026501</v>
      </c>
      <c r="BW12" s="104">
        <v>977865</v>
      </c>
      <c r="BX12" s="104">
        <v>1005039</v>
      </c>
      <c r="BY12" s="104">
        <v>880467</v>
      </c>
      <c r="BZ12" s="103">
        <v>4589102</v>
      </c>
      <c r="CA12" s="106">
        <v>4900749</v>
      </c>
      <c r="CB12" s="100">
        <v>75011</v>
      </c>
      <c r="CC12" s="104">
        <v>128918</v>
      </c>
      <c r="CD12" s="103">
        <v>203929</v>
      </c>
      <c r="CE12" s="100">
        <v>0</v>
      </c>
      <c r="CF12" s="104">
        <v>4617514</v>
      </c>
      <c r="CG12" s="104">
        <v>5702946</v>
      </c>
      <c r="CH12" s="104">
        <v>6207101</v>
      </c>
      <c r="CI12" s="104">
        <v>2257928</v>
      </c>
      <c r="CJ12" s="104">
        <v>1037430</v>
      </c>
      <c r="CK12" s="103">
        <v>19822919</v>
      </c>
      <c r="CL12" s="106">
        <v>20026848</v>
      </c>
      <c r="CM12" s="100">
        <v>0</v>
      </c>
      <c r="CN12" s="104">
        <v>0</v>
      </c>
      <c r="CO12" s="103">
        <v>0</v>
      </c>
      <c r="CP12" s="101">
        <v>0</v>
      </c>
      <c r="CQ12" s="104">
        <v>4431977</v>
      </c>
      <c r="CR12" s="104">
        <v>4708898</v>
      </c>
      <c r="CS12" s="104">
        <v>5485505</v>
      </c>
      <c r="CT12" s="104">
        <v>1854916</v>
      </c>
      <c r="CU12" s="104">
        <v>1037430</v>
      </c>
      <c r="CV12" s="103">
        <v>17518726</v>
      </c>
      <c r="CW12" s="106">
        <v>17518726</v>
      </c>
      <c r="CX12" s="100">
        <v>75011</v>
      </c>
      <c r="CY12" s="104">
        <v>128918</v>
      </c>
      <c r="CZ12" s="103">
        <v>203929</v>
      </c>
      <c r="DA12" s="100">
        <v>0</v>
      </c>
      <c r="DB12" s="104">
        <v>185537</v>
      </c>
      <c r="DC12" s="104">
        <v>994048</v>
      </c>
      <c r="DD12" s="104">
        <v>721596</v>
      </c>
      <c r="DE12" s="104">
        <v>403012</v>
      </c>
      <c r="DF12" s="104">
        <v>0</v>
      </c>
      <c r="DG12" s="103">
        <v>2304193</v>
      </c>
      <c r="DH12" s="106">
        <v>2508122</v>
      </c>
      <c r="DI12" s="100">
        <v>0</v>
      </c>
      <c r="DJ12" s="104">
        <v>58255</v>
      </c>
      <c r="DK12" s="102">
        <v>58255</v>
      </c>
      <c r="DL12" s="101">
        <v>0</v>
      </c>
      <c r="DM12" s="104">
        <v>607250</v>
      </c>
      <c r="DN12" s="104">
        <v>1114115</v>
      </c>
      <c r="DO12" s="104">
        <v>1931499</v>
      </c>
      <c r="DP12" s="104">
        <v>1830624</v>
      </c>
      <c r="DQ12" s="104">
        <v>937169</v>
      </c>
      <c r="DR12" s="103">
        <v>6420657</v>
      </c>
      <c r="DS12" s="106">
        <v>6478912</v>
      </c>
      <c r="DT12" s="100">
        <v>0</v>
      </c>
      <c r="DU12" s="104">
        <v>58255</v>
      </c>
      <c r="DV12" s="103">
        <v>58255</v>
      </c>
      <c r="DW12" s="100">
        <v>0</v>
      </c>
      <c r="DX12" s="104">
        <v>607250</v>
      </c>
      <c r="DY12" s="104">
        <v>1103272</v>
      </c>
      <c r="DZ12" s="104">
        <v>1807719</v>
      </c>
      <c r="EA12" s="104">
        <v>1830624</v>
      </c>
      <c r="EB12" s="104">
        <v>937169</v>
      </c>
      <c r="EC12" s="103">
        <v>6286034</v>
      </c>
      <c r="ED12" s="106">
        <v>6344289</v>
      </c>
      <c r="EE12" s="100">
        <v>0</v>
      </c>
      <c r="EF12" s="102">
        <v>0</v>
      </c>
      <c r="EG12" s="103">
        <v>0</v>
      </c>
      <c r="EH12" s="100">
        <v>0</v>
      </c>
      <c r="EI12" s="104">
        <v>0</v>
      </c>
      <c r="EJ12" s="104">
        <v>10843</v>
      </c>
      <c r="EK12" s="104">
        <v>123780</v>
      </c>
      <c r="EL12" s="104">
        <v>0</v>
      </c>
      <c r="EM12" s="104">
        <v>0</v>
      </c>
      <c r="EN12" s="102">
        <v>134623</v>
      </c>
      <c r="EO12" s="106">
        <v>134623</v>
      </c>
      <c r="EP12" s="100">
        <v>0</v>
      </c>
      <c r="EQ12" s="104">
        <v>0</v>
      </c>
      <c r="ER12" s="102">
        <v>0</v>
      </c>
      <c r="ES12" s="101">
        <v>0</v>
      </c>
      <c r="ET12" s="104">
        <v>0</v>
      </c>
      <c r="EU12" s="104">
        <v>0</v>
      </c>
      <c r="EV12" s="104">
        <v>0</v>
      </c>
      <c r="EW12" s="104">
        <v>0</v>
      </c>
      <c r="EX12" s="104">
        <v>0</v>
      </c>
      <c r="EY12" s="103">
        <v>0</v>
      </c>
      <c r="EZ12" s="106">
        <v>0</v>
      </c>
      <c r="FA12" s="100">
        <v>0</v>
      </c>
      <c r="FB12" s="104">
        <v>0</v>
      </c>
      <c r="FC12" s="102">
        <v>0</v>
      </c>
      <c r="FD12" s="324"/>
      <c r="FE12" s="104">
        <v>0</v>
      </c>
      <c r="FF12" s="104">
        <v>0</v>
      </c>
      <c r="FG12" s="104">
        <v>0</v>
      </c>
      <c r="FH12" s="104">
        <v>0</v>
      </c>
      <c r="FI12" s="104">
        <v>0</v>
      </c>
      <c r="FJ12" s="103">
        <v>0</v>
      </c>
      <c r="FK12" s="106">
        <v>0</v>
      </c>
      <c r="FL12" s="100">
        <v>478800</v>
      </c>
      <c r="FM12" s="104">
        <v>846843</v>
      </c>
      <c r="FN12" s="103">
        <v>1325643</v>
      </c>
      <c r="FO12" s="100">
        <v>0</v>
      </c>
      <c r="FP12" s="104">
        <v>629840</v>
      </c>
      <c r="FQ12" s="104">
        <v>2152849</v>
      </c>
      <c r="FR12" s="104">
        <v>1744008</v>
      </c>
      <c r="FS12" s="104">
        <v>1438656</v>
      </c>
      <c r="FT12" s="104">
        <v>940842</v>
      </c>
      <c r="FU12" s="103">
        <v>6906195</v>
      </c>
      <c r="FV12" s="106">
        <v>8231838</v>
      </c>
      <c r="FW12" s="105">
        <v>175637</v>
      </c>
      <c r="FX12" s="104">
        <v>510013</v>
      </c>
      <c r="FY12" s="102">
        <v>685650</v>
      </c>
      <c r="FZ12" s="101">
        <v>0</v>
      </c>
      <c r="GA12" s="104">
        <v>486521</v>
      </c>
      <c r="GB12" s="104">
        <v>2094470</v>
      </c>
      <c r="GC12" s="104">
        <v>1716904</v>
      </c>
      <c r="GD12" s="104">
        <v>1184876</v>
      </c>
      <c r="GE12" s="104">
        <v>940842</v>
      </c>
      <c r="GF12" s="103">
        <v>6423613</v>
      </c>
      <c r="GG12" s="296">
        <v>7109263</v>
      </c>
      <c r="GH12" s="105">
        <v>0</v>
      </c>
      <c r="GI12" s="104">
        <v>102330</v>
      </c>
      <c r="GJ12" s="102">
        <v>102330</v>
      </c>
      <c r="GK12" s="101">
        <v>0</v>
      </c>
      <c r="GL12" s="104">
        <v>31646</v>
      </c>
      <c r="GM12" s="104">
        <v>58379</v>
      </c>
      <c r="GN12" s="104">
        <v>27104</v>
      </c>
      <c r="GO12" s="104">
        <v>65970</v>
      </c>
      <c r="GP12" s="104">
        <v>0</v>
      </c>
      <c r="GQ12" s="103">
        <v>183099</v>
      </c>
      <c r="GR12" s="106">
        <v>285429</v>
      </c>
      <c r="GS12" s="100">
        <v>303163</v>
      </c>
      <c r="GT12" s="104">
        <v>234500</v>
      </c>
      <c r="GU12" s="103">
        <v>537663</v>
      </c>
      <c r="GV12" s="100">
        <v>0</v>
      </c>
      <c r="GW12" s="104">
        <v>111673</v>
      </c>
      <c r="GX12" s="104">
        <v>0</v>
      </c>
      <c r="GY12" s="104">
        <v>0</v>
      </c>
      <c r="GZ12" s="104">
        <v>187810</v>
      </c>
      <c r="HA12" s="104">
        <v>0</v>
      </c>
      <c r="HB12" s="102">
        <v>299483</v>
      </c>
      <c r="HC12" s="106">
        <v>837146</v>
      </c>
      <c r="HD12" s="100">
        <v>409512</v>
      </c>
      <c r="HE12" s="104">
        <v>818165</v>
      </c>
      <c r="HF12" s="102">
        <v>1227677</v>
      </c>
      <c r="HG12" s="101">
        <v>0</v>
      </c>
      <c r="HH12" s="104">
        <v>4298043</v>
      </c>
      <c r="HI12" s="104">
        <v>4680917</v>
      </c>
      <c r="HJ12" s="104">
        <v>4739605</v>
      </c>
      <c r="HK12" s="104">
        <v>5825807</v>
      </c>
      <c r="HL12" s="104">
        <v>3613942</v>
      </c>
      <c r="HM12" s="103">
        <v>23158314</v>
      </c>
      <c r="HN12" s="99">
        <v>24385991</v>
      </c>
      <c r="HO12" s="306"/>
      <c r="HP12" s="307"/>
      <c r="HQ12" s="308"/>
      <c r="HR12" s="309"/>
      <c r="HS12" s="307"/>
      <c r="HT12" s="307"/>
      <c r="HU12" s="307"/>
      <c r="HV12" s="307"/>
      <c r="HW12" s="307"/>
      <c r="HX12" s="310"/>
      <c r="HY12" s="311"/>
      <c r="HZ12" s="118">
        <v>29012</v>
      </c>
      <c r="IA12" s="119">
        <v>67075</v>
      </c>
      <c r="IB12" s="120">
        <v>96087</v>
      </c>
      <c r="IC12" s="121">
        <v>0</v>
      </c>
      <c r="ID12" s="122">
        <v>2957664</v>
      </c>
      <c r="IE12" s="123">
        <v>4618406</v>
      </c>
      <c r="IF12" s="124">
        <v>5245075</v>
      </c>
      <c r="IG12" s="122">
        <v>4191123</v>
      </c>
      <c r="IH12" s="124">
        <v>2700341</v>
      </c>
      <c r="II12" s="125">
        <v>19712609</v>
      </c>
      <c r="IJ12" s="126">
        <v>19808696</v>
      </c>
      <c r="IK12" s="219">
        <v>0</v>
      </c>
      <c r="IL12" s="223">
        <v>0</v>
      </c>
      <c r="IM12" s="224">
        <v>0</v>
      </c>
      <c r="IN12" s="127"/>
      <c r="IO12" s="109">
        <v>50288</v>
      </c>
      <c r="IP12" s="109">
        <v>0</v>
      </c>
      <c r="IQ12" s="109">
        <v>0</v>
      </c>
      <c r="IR12" s="109">
        <v>407148</v>
      </c>
      <c r="IS12" s="109">
        <v>365983</v>
      </c>
      <c r="IT12" s="128">
        <v>823419</v>
      </c>
      <c r="IU12" s="298">
        <v>823419</v>
      </c>
      <c r="IV12" s="129">
        <v>0</v>
      </c>
      <c r="IW12" s="109">
        <v>0</v>
      </c>
      <c r="IX12" s="110">
        <v>0</v>
      </c>
      <c r="IY12" s="131"/>
      <c r="IZ12" s="109">
        <v>0</v>
      </c>
      <c r="JA12" s="109">
        <v>0</v>
      </c>
      <c r="JB12" s="109">
        <v>0</v>
      </c>
      <c r="JC12" s="109">
        <v>0</v>
      </c>
      <c r="JD12" s="109">
        <v>0</v>
      </c>
      <c r="JE12" s="110">
        <v>0</v>
      </c>
      <c r="JF12" s="111">
        <v>0</v>
      </c>
      <c r="JG12" s="129">
        <v>0</v>
      </c>
      <c r="JH12" s="109">
        <v>0</v>
      </c>
      <c r="JI12" s="128">
        <v>0</v>
      </c>
      <c r="JJ12" s="108">
        <v>0</v>
      </c>
      <c r="JK12" s="109">
        <v>1258195</v>
      </c>
      <c r="JL12" s="109">
        <v>2313515</v>
      </c>
      <c r="JM12" s="109">
        <v>1355857</v>
      </c>
      <c r="JN12" s="109">
        <v>947214</v>
      </c>
      <c r="JO12" s="109">
        <v>263842</v>
      </c>
      <c r="JP12" s="110">
        <v>6138623</v>
      </c>
      <c r="JQ12" s="298">
        <v>6138623</v>
      </c>
      <c r="JR12" s="129">
        <v>0</v>
      </c>
      <c r="JS12" s="109">
        <v>0</v>
      </c>
      <c r="JT12" s="128">
        <v>0</v>
      </c>
      <c r="JU12" s="108">
        <v>0</v>
      </c>
      <c r="JV12" s="109">
        <v>123189</v>
      </c>
      <c r="JW12" s="109">
        <v>124950</v>
      </c>
      <c r="JX12" s="109">
        <v>0</v>
      </c>
      <c r="JY12" s="109">
        <v>0</v>
      </c>
      <c r="JZ12" s="109">
        <v>13685</v>
      </c>
      <c r="KA12" s="110">
        <v>261824</v>
      </c>
      <c r="KB12" s="298">
        <v>261824</v>
      </c>
      <c r="KC12" s="221">
        <v>29012</v>
      </c>
      <c r="KD12" s="217">
        <v>67075</v>
      </c>
      <c r="KE12" s="110">
        <v>96087</v>
      </c>
      <c r="KF12" s="108">
        <v>0</v>
      </c>
      <c r="KG12" s="109">
        <v>500181</v>
      </c>
      <c r="KH12" s="109">
        <v>757287</v>
      </c>
      <c r="KI12" s="109">
        <v>997689</v>
      </c>
      <c r="KJ12" s="109">
        <v>448316</v>
      </c>
      <c r="KK12" s="109">
        <v>425974</v>
      </c>
      <c r="KL12" s="110">
        <v>3129447</v>
      </c>
      <c r="KM12" s="130">
        <v>3225534</v>
      </c>
      <c r="KN12" s="219">
        <v>0</v>
      </c>
      <c r="KO12" s="223">
        <v>0</v>
      </c>
      <c r="KP12" s="224">
        <v>0</v>
      </c>
      <c r="KQ12" s="127"/>
      <c r="KR12" s="109">
        <v>1025811</v>
      </c>
      <c r="KS12" s="109">
        <v>1084135</v>
      </c>
      <c r="KT12" s="109">
        <v>2661902</v>
      </c>
      <c r="KU12" s="109">
        <v>2066934</v>
      </c>
      <c r="KV12" s="109">
        <v>1630857</v>
      </c>
      <c r="KW12" s="110">
        <v>8469639</v>
      </c>
      <c r="KX12" s="298">
        <v>8469639</v>
      </c>
      <c r="KY12" s="129">
        <v>0</v>
      </c>
      <c r="KZ12" s="109">
        <v>0</v>
      </c>
      <c r="LA12" s="110">
        <v>0</v>
      </c>
      <c r="LB12" s="132"/>
      <c r="LC12" s="109">
        <v>0</v>
      </c>
      <c r="LD12" s="109">
        <v>0</v>
      </c>
      <c r="LE12" s="109">
        <v>0</v>
      </c>
      <c r="LF12" s="109">
        <v>0</v>
      </c>
      <c r="LG12" s="109">
        <v>0</v>
      </c>
      <c r="LH12" s="110">
        <v>0</v>
      </c>
      <c r="LI12" s="111">
        <v>0</v>
      </c>
      <c r="LJ12" s="129">
        <v>0</v>
      </c>
      <c r="LK12" s="109">
        <v>0</v>
      </c>
      <c r="LL12" s="110">
        <v>0</v>
      </c>
      <c r="LM12" s="132"/>
      <c r="LN12" s="109">
        <v>0</v>
      </c>
      <c r="LO12" s="109">
        <v>182059</v>
      </c>
      <c r="LP12" s="109">
        <v>0</v>
      </c>
      <c r="LQ12" s="109">
        <v>217731</v>
      </c>
      <c r="LR12" s="109">
        <v>0</v>
      </c>
      <c r="LS12" s="110">
        <v>399790</v>
      </c>
      <c r="LT12" s="298">
        <v>399790</v>
      </c>
      <c r="LU12" s="129">
        <v>0</v>
      </c>
      <c r="LV12" s="109">
        <v>0</v>
      </c>
      <c r="LW12" s="110">
        <v>0</v>
      </c>
      <c r="LX12" s="132"/>
      <c r="LY12" s="109">
        <v>0</v>
      </c>
      <c r="LZ12" s="109">
        <v>156460</v>
      </c>
      <c r="MA12" s="109">
        <v>229627</v>
      </c>
      <c r="MB12" s="109">
        <v>103780</v>
      </c>
      <c r="MC12" s="109">
        <v>0</v>
      </c>
      <c r="MD12" s="110">
        <v>489867</v>
      </c>
      <c r="ME12" s="111">
        <v>489867</v>
      </c>
      <c r="MF12" s="129">
        <v>0</v>
      </c>
      <c r="MG12" s="109">
        <v>0</v>
      </c>
      <c r="MH12" s="110">
        <v>0</v>
      </c>
      <c r="MI12" s="132"/>
      <c r="MJ12" s="109">
        <v>0</v>
      </c>
      <c r="MK12" s="109">
        <v>1700859</v>
      </c>
      <c r="ML12" s="109">
        <v>7423171</v>
      </c>
      <c r="MM12" s="109">
        <v>11823073</v>
      </c>
      <c r="MN12" s="109">
        <v>8897740</v>
      </c>
      <c r="MO12" s="110">
        <v>29844843</v>
      </c>
      <c r="MP12" s="130">
        <v>29844843</v>
      </c>
      <c r="MQ12" s="129">
        <v>0</v>
      </c>
      <c r="MR12" s="109">
        <v>0</v>
      </c>
      <c r="MS12" s="110">
        <v>0</v>
      </c>
      <c r="MT12" s="132"/>
      <c r="MU12" s="109">
        <v>0</v>
      </c>
      <c r="MV12" s="109">
        <v>0</v>
      </c>
      <c r="MW12" s="109">
        <v>4303464</v>
      </c>
      <c r="MX12" s="109">
        <v>7694583</v>
      </c>
      <c r="MY12" s="109">
        <v>5147614</v>
      </c>
      <c r="MZ12" s="110">
        <v>17145661</v>
      </c>
      <c r="NA12" s="130">
        <v>17145661</v>
      </c>
      <c r="NB12" s="129">
        <v>0</v>
      </c>
      <c r="NC12" s="109">
        <v>0</v>
      </c>
      <c r="ND12" s="110">
        <v>0</v>
      </c>
      <c r="NE12" s="132"/>
      <c r="NF12" s="109">
        <v>0</v>
      </c>
      <c r="NG12" s="109">
        <v>1700859</v>
      </c>
      <c r="NH12" s="109">
        <v>2813675</v>
      </c>
      <c r="NI12" s="109">
        <v>3838669</v>
      </c>
      <c r="NJ12" s="109">
        <v>2627208</v>
      </c>
      <c r="NK12" s="110">
        <v>10980411</v>
      </c>
      <c r="NL12" s="298">
        <v>10980411</v>
      </c>
      <c r="NM12" s="129">
        <v>0</v>
      </c>
      <c r="NN12" s="109">
        <v>0</v>
      </c>
      <c r="NO12" s="110">
        <v>0</v>
      </c>
      <c r="NP12" s="132"/>
      <c r="NQ12" s="109">
        <v>0</v>
      </c>
      <c r="NR12" s="109">
        <v>0</v>
      </c>
      <c r="NS12" s="109">
        <v>0</v>
      </c>
      <c r="NT12" s="109">
        <v>0</v>
      </c>
      <c r="NU12" s="109">
        <v>412784</v>
      </c>
      <c r="NV12" s="110">
        <v>412784</v>
      </c>
      <c r="NW12" s="111">
        <v>412784</v>
      </c>
      <c r="NX12" s="129">
        <v>0</v>
      </c>
      <c r="NY12" s="109">
        <v>0</v>
      </c>
      <c r="NZ12" s="110">
        <v>0</v>
      </c>
      <c r="OA12" s="132"/>
      <c r="OB12" s="109">
        <v>0</v>
      </c>
      <c r="OC12" s="109">
        <v>0</v>
      </c>
      <c r="OD12" s="109">
        <v>306032</v>
      </c>
      <c r="OE12" s="109">
        <v>289821</v>
      </c>
      <c r="OF12" s="109">
        <v>710134</v>
      </c>
      <c r="OG12" s="110">
        <v>1305987</v>
      </c>
      <c r="OH12" s="111">
        <v>1305987</v>
      </c>
      <c r="OI12" s="129">
        <v>1189560</v>
      </c>
      <c r="OJ12" s="109">
        <v>2902588</v>
      </c>
      <c r="OK12" s="128">
        <v>4092148</v>
      </c>
      <c r="OL12" s="108">
        <v>0</v>
      </c>
      <c r="OM12" s="109">
        <v>16444539</v>
      </c>
      <c r="ON12" s="109">
        <v>27273938</v>
      </c>
      <c r="OO12" s="109">
        <v>34403196</v>
      </c>
      <c r="OP12" s="109">
        <v>34262358</v>
      </c>
      <c r="OQ12" s="109">
        <v>24773417</v>
      </c>
      <c r="OR12" s="110">
        <v>137157448</v>
      </c>
      <c r="OS12" s="130">
        <v>141249596</v>
      </c>
    </row>
    <row r="13" spans="2:409" ht="21" customHeight="1" x14ac:dyDescent="0.2">
      <c r="B13" s="472" t="s">
        <v>7</v>
      </c>
      <c r="C13" s="100">
        <v>622912</v>
      </c>
      <c r="D13" s="104">
        <v>491758</v>
      </c>
      <c r="E13" s="103">
        <v>1114670</v>
      </c>
      <c r="F13" s="99">
        <v>0</v>
      </c>
      <c r="G13" s="104">
        <v>12429716</v>
      </c>
      <c r="H13" s="104">
        <v>9673406</v>
      </c>
      <c r="I13" s="104">
        <v>8952214</v>
      </c>
      <c r="J13" s="104">
        <v>10543185</v>
      </c>
      <c r="K13" s="104">
        <v>6795320</v>
      </c>
      <c r="L13" s="99">
        <v>48393841</v>
      </c>
      <c r="M13" s="106">
        <v>49508511</v>
      </c>
      <c r="N13" s="100">
        <v>119065</v>
      </c>
      <c r="O13" s="104">
        <v>56749</v>
      </c>
      <c r="P13" s="103">
        <v>175814</v>
      </c>
      <c r="Q13" s="100">
        <v>0</v>
      </c>
      <c r="R13" s="104">
        <v>3746222</v>
      </c>
      <c r="S13" s="104">
        <v>2479620</v>
      </c>
      <c r="T13" s="104">
        <v>2727234</v>
      </c>
      <c r="U13" s="104">
        <v>3786163</v>
      </c>
      <c r="V13" s="104">
        <v>3768820</v>
      </c>
      <c r="W13" s="103">
        <v>16508059</v>
      </c>
      <c r="X13" s="106">
        <v>16683873</v>
      </c>
      <c r="Y13" s="100">
        <v>0</v>
      </c>
      <c r="Z13" s="104">
        <v>0</v>
      </c>
      <c r="AA13" s="103">
        <v>0</v>
      </c>
      <c r="AB13" s="100">
        <v>0</v>
      </c>
      <c r="AC13" s="104">
        <v>1754683</v>
      </c>
      <c r="AD13" s="104">
        <v>898405</v>
      </c>
      <c r="AE13" s="104">
        <v>1552235</v>
      </c>
      <c r="AF13" s="104">
        <v>1911745</v>
      </c>
      <c r="AG13" s="104">
        <v>2194616</v>
      </c>
      <c r="AH13" s="103">
        <v>8311684</v>
      </c>
      <c r="AI13" s="106">
        <v>8311684</v>
      </c>
      <c r="AJ13" s="100">
        <v>0</v>
      </c>
      <c r="AK13" s="104">
        <v>0</v>
      </c>
      <c r="AL13" s="103">
        <v>0</v>
      </c>
      <c r="AM13" s="100">
        <v>0</v>
      </c>
      <c r="AN13" s="104">
        <v>40917</v>
      </c>
      <c r="AO13" s="104">
        <v>83467</v>
      </c>
      <c r="AP13" s="104">
        <v>52773</v>
      </c>
      <c r="AQ13" s="104">
        <v>238755</v>
      </c>
      <c r="AR13" s="104">
        <v>563398</v>
      </c>
      <c r="AS13" s="103">
        <v>979310</v>
      </c>
      <c r="AT13" s="106">
        <v>979310</v>
      </c>
      <c r="AU13" s="100">
        <v>0</v>
      </c>
      <c r="AV13" s="104">
        <v>0</v>
      </c>
      <c r="AW13" s="103">
        <v>0</v>
      </c>
      <c r="AX13" s="100">
        <v>0</v>
      </c>
      <c r="AY13" s="104">
        <v>1148779</v>
      </c>
      <c r="AZ13" s="104">
        <v>948433</v>
      </c>
      <c r="BA13" s="104">
        <v>662290</v>
      </c>
      <c r="BB13" s="104">
        <v>973780</v>
      </c>
      <c r="BC13" s="104">
        <v>744897</v>
      </c>
      <c r="BD13" s="103">
        <v>4478179</v>
      </c>
      <c r="BE13" s="106">
        <v>4478179</v>
      </c>
      <c r="BF13" s="100">
        <v>22745</v>
      </c>
      <c r="BG13" s="104">
        <v>0</v>
      </c>
      <c r="BH13" s="102">
        <v>22745</v>
      </c>
      <c r="BI13" s="101">
        <v>0</v>
      </c>
      <c r="BJ13" s="104">
        <v>101969</v>
      </c>
      <c r="BK13" s="104">
        <v>111038</v>
      </c>
      <c r="BL13" s="104">
        <v>9245</v>
      </c>
      <c r="BM13" s="104">
        <v>96283</v>
      </c>
      <c r="BN13" s="104">
        <v>0</v>
      </c>
      <c r="BO13" s="103">
        <v>318535</v>
      </c>
      <c r="BP13" s="106">
        <v>341280</v>
      </c>
      <c r="BQ13" s="100">
        <v>96320</v>
      </c>
      <c r="BR13" s="104">
        <v>56749</v>
      </c>
      <c r="BS13" s="103">
        <v>153069</v>
      </c>
      <c r="BT13" s="100">
        <v>0</v>
      </c>
      <c r="BU13" s="104">
        <v>699874</v>
      </c>
      <c r="BV13" s="104">
        <v>438277</v>
      </c>
      <c r="BW13" s="104">
        <v>450691</v>
      </c>
      <c r="BX13" s="104">
        <v>565600</v>
      </c>
      <c r="BY13" s="104">
        <v>265909</v>
      </c>
      <c r="BZ13" s="103">
        <v>2420351</v>
      </c>
      <c r="CA13" s="106">
        <v>2573420</v>
      </c>
      <c r="CB13" s="100">
        <v>31983</v>
      </c>
      <c r="CC13" s="104">
        <v>103225</v>
      </c>
      <c r="CD13" s="103">
        <v>135208</v>
      </c>
      <c r="CE13" s="100">
        <v>0</v>
      </c>
      <c r="CF13" s="104">
        <v>3368472</v>
      </c>
      <c r="CG13" s="104">
        <v>1888629</v>
      </c>
      <c r="CH13" s="104">
        <v>1783897</v>
      </c>
      <c r="CI13" s="104">
        <v>1255377</v>
      </c>
      <c r="CJ13" s="104">
        <v>464811</v>
      </c>
      <c r="CK13" s="103">
        <v>8761186</v>
      </c>
      <c r="CL13" s="106">
        <v>8896394</v>
      </c>
      <c r="CM13" s="100">
        <v>0</v>
      </c>
      <c r="CN13" s="104">
        <v>0</v>
      </c>
      <c r="CO13" s="103">
        <v>0</v>
      </c>
      <c r="CP13" s="101">
        <v>0</v>
      </c>
      <c r="CQ13" s="104">
        <v>2635795</v>
      </c>
      <c r="CR13" s="104">
        <v>1533519</v>
      </c>
      <c r="CS13" s="104">
        <v>1400475</v>
      </c>
      <c r="CT13" s="104">
        <v>633484</v>
      </c>
      <c r="CU13" s="104">
        <v>346180</v>
      </c>
      <c r="CV13" s="103">
        <v>6549453</v>
      </c>
      <c r="CW13" s="106">
        <v>6549453</v>
      </c>
      <c r="CX13" s="100">
        <v>31983</v>
      </c>
      <c r="CY13" s="104">
        <v>103225</v>
      </c>
      <c r="CZ13" s="103">
        <v>135208</v>
      </c>
      <c r="DA13" s="100">
        <v>0</v>
      </c>
      <c r="DB13" s="104">
        <v>732677</v>
      </c>
      <c r="DC13" s="104">
        <v>355110</v>
      </c>
      <c r="DD13" s="104">
        <v>383422</v>
      </c>
      <c r="DE13" s="104">
        <v>621893</v>
      </c>
      <c r="DF13" s="104">
        <v>118631</v>
      </c>
      <c r="DG13" s="103">
        <v>2211733</v>
      </c>
      <c r="DH13" s="106">
        <v>2346941</v>
      </c>
      <c r="DI13" s="100">
        <v>0</v>
      </c>
      <c r="DJ13" s="104">
        <v>0</v>
      </c>
      <c r="DK13" s="102">
        <v>0</v>
      </c>
      <c r="DL13" s="101">
        <v>0</v>
      </c>
      <c r="DM13" s="104">
        <v>495816</v>
      </c>
      <c r="DN13" s="104">
        <v>903465</v>
      </c>
      <c r="DO13" s="104">
        <v>635090</v>
      </c>
      <c r="DP13" s="104">
        <v>272205</v>
      </c>
      <c r="DQ13" s="104">
        <v>337719</v>
      </c>
      <c r="DR13" s="103">
        <v>2644295</v>
      </c>
      <c r="DS13" s="106">
        <v>2644295</v>
      </c>
      <c r="DT13" s="100">
        <v>0</v>
      </c>
      <c r="DU13" s="104">
        <v>0</v>
      </c>
      <c r="DV13" s="103">
        <v>0</v>
      </c>
      <c r="DW13" s="100">
        <v>0</v>
      </c>
      <c r="DX13" s="104">
        <v>449549</v>
      </c>
      <c r="DY13" s="104">
        <v>903465</v>
      </c>
      <c r="DZ13" s="104">
        <v>635090</v>
      </c>
      <c r="EA13" s="104">
        <v>272205</v>
      </c>
      <c r="EB13" s="104">
        <v>337719</v>
      </c>
      <c r="EC13" s="103">
        <v>2598028</v>
      </c>
      <c r="ED13" s="106">
        <v>2598028</v>
      </c>
      <c r="EE13" s="100">
        <v>0</v>
      </c>
      <c r="EF13" s="102">
        <v>0</v>
      </c>
      <c r="EG13" s="103">
        <v>0</v>
      </c>
      <c r="EH13" s="100">
        <v>0</v>
      </c>
      <c r="EI13" s="104">
        <v>46267</v>
      </c>
      <c r="EJ13" s="104">
        <v>0</v>
      </c>
      <c r="EK13" s="104">
        <v>0</v>
      </c>
      <c r="EL13" s="104">
        <v>0</v>
      </c>
      <c r="EM13" s="104">
        <v>0</v>
      </c>
      <c r="EN13" s="102">
        <v>46267</v>
      </c>
      <c r="EO13" s="106">
        <v>46267</v>
      </c>
      <c r="EP13" s="100">
        <v>0</v>
      </c>
      <c r="EQ13" s="104">
        <v>0</v>
      </c>
      <c r="ER13" s="102">
        <v>0</v>
      </c>
      <c r="ES13" s="101">
        <v>0</v>
      </c>
      <c r="ET13" s="104">
        <v>0</v>
      </c>
      <c r="EU13" s="104">
        <v>0</v>
      </c>
      <c r="EV13" s="104">
        <v>0</v>
      </c>
      <c r="EW13" s="104">
        <v>0</v>
      </c>
      <c r="EX13" s="104">
        <v>0</v>
      </c>
      <c r="EY13" s="103">
        <v>0</v>
      </c>
      <c r="EZ13" s="106">
        <v>0</v>
      </c>
      <c r="FA13" s="100">
        <v>0</v>
      </c>
      <c r="FB13" s="104">
        <v>0</v>
      </c>
      <c r="FC13" s="102">
        <v>0</v>
      </c>
      <c r="FD13" s="324"/>
      <c r="FE13" s="104">
        <v>0</v>
      </c>
      <c r="FF13" s="104">
        <v>0</v>
      </c>
      <c r="FG13" s="104">
        <v>0</v>
      </c>
      <c r="FH13" s="104">
        <v>0</v>
      </c>
      <c r="FI13" s="104">
        <v>0</v>
      </c>
      <c r="FJ13" s="103">
        <v>0</v>
      </c>
      <c r="FK13" s="106">
        <v>0</v>
      </c>
      <c r="FL13" s="100">
        <v>43981</v>
      </c>
      <c r="FM13" s="104">
        <v>90902</v>
      </c>
      <c r="FN13" s="103">
        <v>134883</v>
      </c>
      <c r="FO13" s="100">
        <v>0</v>
      </c>
      <c r="FP13" s="104">
        <v>822202</v>
      </c>
      <c r="FQ13" s="104">
        <v>1133839</v>
      </c>
      <c r="FR13" s="104">
        <v>683389</v>
      </c>
      <c r="FS13" s="104">
        <v>632618</v>
      </c>
      <c r="FT13" s="104">
        <v>311976</v>
      </c>
      <c r="FU13" s="103">
        <v>3584024</v>
      </c>
      <c r="FV13" s="106">
        <v>3718907</v>
      </c>
      <c r="FW13" s="105">
        <v>43981</v>
      </c>
      <c r="FX13" s="104">
        <v>83202</v>
      </c>
      <c r="FY13" s="102">
        <v>127183</v>
      </c>
      <c r="FZ13" s="101">
        <v>0</v>
      </c>
      <c r="GA13" s="104">
        <v>455833</v>
      </c>
      <c r="GB13" s="104">
        <v>845285</v>
      </c>
      <c r="GC13" s="104">
        <v>662529</v>
      </c>
      <c r="GD13" s="104">
        <v>564914</v>
      </c>
      <c r="GE13" s="104">
        <v>311976</v>
      </c>
      <c r="GF13" s="103">
        <v>2840537</v>
      </c>
      <c r="GG13" s="296">
        <v>2967720</v>
      </c>
      <c r="GH13" s="105">
        <v>0</v>
      </c>
      <c r="GI13" s="104">
        <v>7700</v>
      </c>
      <c r="GJ13" s="102">
        <v>7700</v>
      </c>
      <c r="GK13" s="101">
        <v>0</v>
      </c>
      <c r="GL13" s="104">
        <v>17325</v>
      </c>
      <c r="GM13" s="104">
        <v>69874</v>
      </c>
      <c r="GN13" s="104">
        <v>20860</v>
      </c>
      <c r="GO13" s="104">
        <v>44604</v>
      </c>
      <c r="GP13" s="104">
        <v>0</v>
      </c>
      <c r="GQ13" s="103">
        <v>152663</v>
      </c>
      <c r="GR13" s="106">
        <v>160363</v>
      </c>
      <c r="GS13" s="100">
        <v>0</v>
      </c>
      <c r="GT13" s="104">
        <v>0</v>
      </c>
      <c r="GU13" s="103">
        <v>0</v>
      </c>
      <c r="GV13" s="100">
        <v>0</v>
      </c>
      <c r="GW13" s="104">
        <v>349044</v>
      </c>
      <c r="GX13" s="104">
        <v>218680</v>
      </c>
      <c r="GY13" s="104">
        <v>0</v>
      </c>
      <c r="GZ13" s="104">
        <v>23100</v>
      </c>
      <c r="HA13" s="104">
        <v>0</v>
      </c>
      <c r="HB13" s="102">
        <v>590824</v>
      </c>
      <c r="HC13" s="106">
        <v>590824</v>
      </c>
      <c r="HD13" s="100">
        <v>427883</v>
      </c>
      <c r="HE13" s="104">
        <v>240882</v>
      </c>
      <c r="HF13" s="102">
        <v>668765</v>
      </c>
      <c r="HG13" s="101">
        <v>0</v>
      </c>
      <c r="HH13" s="104">
        <v>3997004</v>
      </c>
      <c r="HI13" s="104">
        <v>3267853</v>
      </c>
      <c r="HJ13" s="104">
        <v>3122604</v>
      </c>
      <c r="HK13" s="104">
        <v>4596822</v>
      </c>
      <c r="HL13" s="104">
        <v>1911994</v>
      </c>
      <c r="HM13" s="103">
        <v>16896277</v>
      </c>
      <c r="HN13" s="99">
        <v>17565042</v>
      </c>
      <c r="HO13" s="306"/>
      <c r="HP13" s="307"/>
      <c r="HQ13" s="308"/>
      <c r="HR13" s="309"/>
      <c r="HS13" s="307"/>
      <c r="HT13" s="307"/>
      <c r="HU13" s="307"/>
      <c r="HV13" s="307"/>
      <c r="HW13" s="307"/>
      <c r="HX13" s="310"/>
      <c r="HY13" s="311"/>
      <c r="HZ13" s="118">
        <v>42744</v>
      </c>
      <c r="IA13" s="119">
        <v>0</v>
      </c>
      <c r="IB13" s="120">
        <v>42744</v>
      </c>
      <c r="IC13" s="133">
        <v>0</v>
      </c>
      <c r="ID13" s="119">
        <v>1729834</v>
      </c>
      <c r="IE13" s="134">
        <v>2274472</v>
      </c>
      <c r="IF13" s="120">
        <v>2935519</v>
      </c>
      <c r="IG13" s="119">
        <v>2226262</v>
      </c>
      <c r="IH13" s="120">
        <v>687255</v>
      </c>
      <c r="II13" s="135">
        <v>9853342</v>
      </c>
      <c r="IJ13" s="126">
        <v>9896086</v>
      </c>
      <c r="IK13" s="219">
        <v>0</v>
      </c>
      <c r="IL13" s="223">
        <v>0</v>
      </c>
      <c r="IM13" s="224">
        <v>0</v>
      </c>
      <c r="IN13" s="127"/>
      <c r="IO13" s="109">
        <v>71694</v>
      </c>
      <c r="IP13" s="109">
        <v>0</v>
      </c>
      <c r="IQ13" s="109">
        <v>146211</v>
      </c>
      <c r="IR13" s="109">
        <v>519069</v>
      </c>
      <c r="IS13" s="109">
        <v>0</v>
      </c>
      <c r="IT13" s="128">
        <v>736974</v>
      </c>
      <c r="IU13" s="298">
        <v>736974</v>
      </c>
      <c r="IV13" s="129">
        <v>0</v>
      </c>
      <c r="IW13" s="109">
        <v>0</v>
      </c>
      <c r="IX13" s="110">
        <v>0</v>
      </c>
      <c r="IY13" s="131"/>
      <c r="IZ13" s="109">
        <v>0</v>
      </c>
      <c r="JA13" s="109">
        <v>0</v>
      </c>
      <c r="JB13" s="109">
        <v>0</v>
      </c>
      <c r="JC13" s="109">
        <v>0</v>
      </c>
      <c r="JD13" s="109">
        <v>0</v>
      </c>
      <c r="JE13" s="110">
        <v>0</v>
      </c>
      <c r="JF13" s="111">
        <v>0</v>
      </c>
      <c r="JG13" s="129">
        <v>0</v>
      </c>
      <c r="JH13" s="109">
        <v>0</v>
      </c>
      <c r="JI13" s="128">
        <v>0</v>
      </c>
      <c r="JJ13" s="108">
        <v>0</v>
      </c>
      <c r="JK13" s="109">
        <v>1114846</v>
      </c>
      <c r="JL13" s="109">
        <v>1164626</v>
      </c>
      <c r="JM13" s="109">
        <v>655377</v>
      </c>
      <c r="JN13" s="109">
        <v>383886</v>
      </c>
      <c r="JO13" s="109">
        <v>220311</v>
      </c>
      <c r="JP13" s="110">
        <v>3539046</v>
      </c>
      <c r="JQ13" s="298">
        <v>3539046</v>
      </c>
      <c r="JR13" s="129">
        <v>0</v>
      </c>
      <c r="JS13" s="109">
        <v>0</v>
      </c>
      <c r="JT13" s="128">
        <v>0</v>
      </c>
      <c r="JU13" s="108">
        <v>0</v>
      </c>
      <c r="JV13" s="109">
        <v>165451</v>
      </c>
      <c r="JW13" s="109">
        <v>458899</v>
      </c>
      <c r="JX13" s="109">
        <v>606953</v>
      </c>
      <c r="JY13" s="109">
        <v>398336</v>
      </c>
      <c r="JZ13" s="109">
        <v>0</v>
      </c>
      <c r="KA13" s="110">
        <v>1629639</v>
      </c>
      <c r="KB13" s="298">
        <v>1629639</v>
      </c>
      <c r="KC13" s="221">
        <v>42744</v>
      </c>
      <c r="KD13" s="217">
        <v>0</v>
      </c>
      <c r="KE13" s="110">
        <v>42744</v>
      </c>
      <c r="KF13" s="108">
        <v>0</v>
      </c>
      <c r="KG13" s="109">
        <v>95406</v>
      </c>
      <c r="KH13" s="109">
        <v>427979</v>
      </c>
      <c r="KI13" s="109">
        <v>181345</v>
      </c>
      <c r="KJ13" s="109">
        <v>0</v>
      </c>
      <c r="KK13" s="109">
        <v>0</v>
      </c>
      <c r="KL13" s="110">
        <v>704730</v>
      </c>
      <c r="KM13" s="130">
        <v>747474</v>
      </c>
      <c r="KN13" s="219">
        <v>0</v>
      </c>
      <c r="KO13" s="223">
        <v>0</v>
      </c>
      <c r="KP13" s="224">
        <v>0</v>
      </c>
      <c r="KQ13" s="127"/>
      <c r="KR13" s="109">
        <v>212258</v>
      </c>
      <c r="KS13" s="109">
        <v>222968</v>
      </c>
      <c r="KT13" s="109">
        <v>1345633</v>
      </c>
      <c r="KU13" s="109">
        <v>924971</v>
      </c>
      <c r="KV13" s="109">
        <v>466944</v>
      </c>
      <c r="KW13" s="110">
        <v>3172774</v>
      </c>
      <c r="KX13" s="298">
        <v>3172774</v>
      </c>
      <c r="KY13" s="129">
        <v>0</v>
      </c>
      <c r="KZ13" s="109">
        <v>0</v>
      </c>
      <c r="LA13" s="110">
        <v>0</v>
      </c>
      <c r="LB13" s="132"/>
      <c r="LC13" s="109">
        <v>0</v>
      </c>
      <c r="LD13" s="109">
        <v>0</v>
      </c>
      <c r="LE13" s="109">
        <v>0</v>
      </c>
      <c r="LF13" s="109">
        <v>0</v>
      </c>
      <c r="LG13" s="109">
        <v>0</v>
      </c>
      <c r="LH13" s="110">
        <v>0</v>
      </c>
      <c r="LI13" s="111">
        <v>0</v>
      </c>
      <c r="LJ13" s="129">
        <v>0</v>
      </c>
      <c r="LK13" s="109">
        <v>0</v>
      </c>
      <c r="LL13" s="110">
        <v>0</v>
      </c>
      <c r="LM13" s="132"/>
      <c r="LN13" s="109">
        <v>0</v>
      </c>
      <c r="LO13" s="109">
        <v>0</v>
      </c>
      <c r="LP13" s="109">
        <v>0</v>
      </c>
      <c r="LQ13" s="109">
        <v>0</v>
      </c>
      <c r="LR13" s="109">
        <v>0</v>
      </c>
      <c r="LS13" s="110">
        <v>0</v>
      </c>
      <c r="LT13" s="298">
        <v>0</v>
      </c>
      <c r="LU13" s="129">
        <v>0</v>
      </c>
      <c r="LV13" s="109">
        <v>0</v>
      </c>
      <c r="LW13" s="110">
        <v>0</v>
      </c>
      <c r="LX13" s="132"/>
      <c r="LY13" s="109">
        <v>70179</v>
      </c>
      <c r="LZ13" s="109">
        <v>0</v>
      </c>
      <c r="MA13" s="109">
        <v>0</v>
      </c>
      <c r="MB13" s="109">
        <v>0</v>
      </c>
      <c r="MC13" s="109">
        <v>0</v>
      </c>
      <c r="MD13" s="110">
        <v>70179</v>
      </c>
      <c r="ME13" s="111">
        <v>70179</v>
      </c>
      <c r="MF13" s="129">
        <v>0</v>
      </c>
      <c r="MG13" s="109">
        <v>0</v>
      </c>
      <c r="MH13" s="110">
        <v>0</v>
      </c>
      <c r="MI13" s="132"/>
      <c r="MJ13" s="109">
        <v>453514</v>
      </c>
      <c r="MK13" s="109">
        <v>434838</v>
      </c>
      <c r="ML13" s="109">
        <v>2768322</v>
      </c>
      <c r="MM13" s="109">
        <v>5913358</v>
      </c>
      <c r="MN13" s="109">
        <v>3200540</v>
      </c>
      <c r="MO13" s="110">
        <v>12770572</v>
      </c>
      <c r="MP13" s="130">
        <v>12770572</v>
      </c>
      <c r="MQ13" s="129">
        <v>0</v>
      </c>
      <c r="MR13" s="109">
        <v>0</v>
      </c>
      <c r="MS13" s="110">
        <v>0</v>
      </c>
      <c r="MT13" s="132"/>
      <c r="MU13" s="109">
        <v>0</v>
      </c>
      <c r="MV13" s="109">
        <v>209610</v>
      </c>
      <c r="MW13" s="109">
        <v>1594992</v>
      </c>
      <c r="MX13" s="109">
        <v>3802096</v>
      </c>
      <c r="MY13" s="109">
        <v>2579398</v>
      </c>
      <c r="MZ13" s="110">
        <v>8186096</v>
      </c>
      <c r="NA13" s="130">
        <v>8186096</v>
      </c>
      <c r="NB13" s="129">
        <v>0</v>
      </c>
      <c r="NC13" s="109">
        <v>0</v>
      </c>
      <c r="ND13" s="110">
        <v>0</v>
      </c>
      <c r="NE13" s="132"/>
      <c r="NF13" s="109">
        <v>453514</v>
      </c>
      <c r="NG13" s="109">
        <v>225228</v>
      </c>
      <c r="NH13" s="109">
        <v>1173330</v>
      </c>
      <c r="NI13" s="109">
        <v>2111262</v>
      </c>
      <c r="NJ13" s="109">
        <v>621142</v>
      </c>
      <c r="NK13" s="110">
        <v>4584476</v>
      </c>
      <c r="NL13" s="298">
        <v>4584476</v>
      </c>
      <c r="NM13" s="129">
        <v>0</v>
      </c>
      <c r="NN13" s="109">
        <v>0</v>
      </c>
      <c r="NO13" s="110">
        <v>0</v>
      </c>
      <c r="NP13" s="132"/>
      <c r="NQ13" s="109">
        <v>0</v>
      </c>
      <c r="NR13" s="109">
        <v>0</v>
      </c>
      <c r="NS13" s="109">
        <v>0</v>
      </c>
      <c r="NT13" s="109">
        <v>0</v>
      </c>
      <c r="NU13" s="109">
        <v>0</v>
      </c>
      <c r="NV13" s="110">
        <v>0</v>
      </c>
      <c r="NW13" s="111">
        <v>0</v>
      </c>
      <c r="NX13" s="129">
        <v>0</v>
      </c>
      <c r="NY13" s="109">
        <v>0</v>
      </c>
      <c r="NZ13" s="110">
        <v>0</v>
      </c>
      <c r="OA13" s="132"/>
      <c r="OB13" s="109">
        <v>0</v>
      </c>
      <c r="OC13" s="109">
        <v>0</v>
      </c>
      <c r="OD13" s="109">
        <v>0</v>
      </c>
      <c r="OE13" s="109">
        <v>0</v>
      </c>
      <c r="OF13" s="109">
        <v>0</v>
      </c>
      <c r="OG13" s="110">
        <v>0</v>
      </c>
      <c r="OH13" s="111">
        <v>0</v>
      </c>
      <c r="OI13" s="129">
        <v>665656</v>
      </c>
      <c r="OJ13" s="109">
        <v>491758</v>
      </c>
      <c r="OK13" s="128">
        <v>1157414</v>
      </c>
      <c r="OL13" s="108">
        <v>0</v>
      </c>
      <c r="OM13" s="109">
        <v>14613064</v>
      </c>
      <c r="ON13" s="109">
        <v>12382716</v>
      </c>
      <c r="OO13" s="109">
        <v>14656055</v>
      </c>
      <c r="OP13" s="109">
        <v>18682805</v>
      </c>
      <c r="OQ13" s="109">
        <v>10683115</v>
      </c>
      <c r="OR13" s="110">
        <v>71017755</v>
      </c>
      <c r="OS13" s="130">
        <v>72175169</v>
      </c>
    </row>
    <row r="14" spans="2:409" ht="21" customHeight="1" x14ac:dyDescent="0.2">
      <c r="B14" s="472" t="s">
        <v>8</v>
      </c>
      <c r="C14" s="100">
        <v>516906</v>
      </c>
      <c r="D14" s="104">
        <v>750716</v>
      </c>
      <c r="E14" s="103">
        <v>1267622</v>
      </c>
      <c r="F14" s="99">
        <v>0</v>
      </c>
      <c r="G14" s="104">
        <v>6007681</v>
      </c>
      <c r="H14" s="104">
        <v>5816944</v>
      </c>
      <c r="I14" s="104">
        <v>4716474</v>
      </c>
      <c r="J14" s="104">
        <v>7706399</v>
      </c>
      <c r="K14" s="104">
        <v>4630735</v>
      </c>
      <c r="L14" s="99">
        <v>28878233</v>
      </c>
      <c r="M14" s="106">
        <v>30145855</v>
      </c>
      <c r="N14" s="100">
        <v>118845</v>
      </c>
      <c r="O14" s="104">
        <v>232655</v>
      </c>
      <c r="P14" s="103">
        <v>351500</v>
      </c>
      <c r="Q14" s="100">
        <v>0</v>
      </c>
      <c r="R14" s="104">
        <v>2122148</v>
      </c>
      <c r="S14" s="104">
        <v>1725084</v>
      </c>
      <c r="T14" s="104">
        <v>1716546</v>
      </c>
      <c r="U14" s="104">
        <v>1852899</v>
      </c>
      <c r="V14" s="104">
        <v>2232312</v>
      </c>
      <c r="W14" s="103">
        <v>9648989</v>
      </c>
      <c r="X14" s="106">
        <v>10000489</v>
      </c>
      <c r="Y14" s="100">
        <v>0</v>
      </c>
      <c r="Z14" s="104">
        <v>0</v>
      </c>
      <c r="AA14" s="103">
        <v>0</v>
      </c>
      <c r="AB14" s="100">
        <v>0</v>
      </c>
      <c r="AC14" s="104">
        <v>813706</v>
      </c>
      <c r="AD14" s="104">
        <v>530167</v>
      </c>
      <c r="AE14" s="104">
        <v>1025031</v>
      </c>
      <c r="AF14" s="104">
        <v>708050</v>
      </c>
      <c r="AG14" s="104">
        <v>1290740</v>
      </c>
      <c r="AH14" s="103">
        <v>4367694</v>
      </c>
      <c r="AI14" s="106">
        <v>4367694</v>
      </c>
      <c r="AJ14" s="100">
        <v>0</v>
      </c>
      <c r="AK14" s="104">
        <v>0</v>
      </c>
      <c r="AL14" s="103">
        <v>0</v>
      </c>
      <c r="AM14" s="100">
        <v>0</v>
      </c>
      <c r="AN14" s="104">
        <v>0</v>
      </c>
      <c r="AO14" s="104">
        <v>0</v>
      </c>
      <c r="AP14" s="104">
        <v>50437</v>
      </c>
      <c r="AQ14" s="104">
        <v>113733</v>
      </c>
      <c r="AR14" s="104">
        <v>133867</v>
      </c>
      <c r="AS14" s="103">
        <v>298037</v>
      </c>
      <c r="AT14" s="106">
        <v>298037</v>
      </c>
      <c r="AU14" s="100">
        <v>72687</v>
      </c>
      <c r="AV14" s="104">
        <v>149447</v>
      </c>
      <c r="AW14" s="103">
        <v>222134</v>
      </c>
      <c r="AX14" s="100">
        <v>0</v>
      </c>
      <c r="AY14" s="104">
        <v>968804</v>
      </c>
      <c r="AZ14" s="104">
        <v>757536</v>
      </c>
      <c r="BA14" s="104">
        <v>362439</v>
      </c>
      <c r="BB14" s="104">
        <v>647376</v>
      </c>
      <c r="BC14" s="104">
        <v>508504</v>
      </c>
      <c r="BD14" s="103">
        <v>3244659</v>
      </c>
      <c r="BE14" s="106">
        <v>3466793</v>
      </c>
      <c r="BF14" s="100">
        <v>0</v>
      </c>
      <c r="BG14" s="104">
        <v>40942</v>
      </c>
      <c r="BH14" s="102">
        <v>40942</v>
      </c>
      <c r="BI14" s="101">
        <v>0</v>
      </c>
      <c r="BJ14" s="104">
        <v>142882</v>
      </c>
      <c r="BK14" s="104">
        <v>244720</v>
      </c>
      <c r="BL14" s="104">
        <v>125549</v>
      </c>
      <c r="BM14" s="104">
        <v>81620</v>
      </c>
      <c r="BN14" s="104">
        <v>90503</v>
      </c>
      <c r="BO14" s="103">
        <v>685274</v>
      </c>
      <c r="BP14" s="106">
        <v>726216</v>
      </c>
      <c r="BQ14" s="100">
        <v>46158</v>
      </c>
      <c r="BR14" s="104">
        <v>42266</v>
      </c>
      <c r="BS14" s="103">
        <v>88424</v>
      </c>
      <c r="BT14" s="100">
        <v>0</v>
      </c>
      <c r="BU14" s="104">
        <v>196756</v>
      </c>
      <c r="BV14" s="104">
        <v>192661</v>
      </c>
      <c r="BW14" s="104">
        <v>153090</v>
      </c>
      <c r="BX14" s="104">
        <v>302120</v>
      </c>
      <c r="BY14" s="104">
        <v>208698</v>
      </c>
      <c r="BZ14" s="103">
        <v>1053325</v>
      </c>
      <c r="CA14" s="106">
        <v>1141749</v>
      </c>
      <c r="CB14" s="100">
        <v>18612</v>
      </c>
      <c r="CC14" s="104">
        <v>170833</v>
      </c>
      <c r="CD14" s="103">
        <v>189445</v>
      </c>
      <c r="CE14" s="100">
        <v>0</v>
      </c>
      <c r="CF14" s="104">
        <v>1469346</v>
      </c>
      <c r="CG14" s="104">
        <v>1804727</v>
      </c>
      <c r="CH14" s="104">
        <v>1148529</v>
      </c>
      <c r="CI14" s="104">
        <v>1431990</v>
      </c>
      <c r="CJ14" s="104">
        <v>750561</v>
      </c>
      <c r="CK14" s="103">
        <v>6605153</v>
      </c>
      <c r="CL14" s="106">
        <v>6794598</v>
      </c>
      <c r="CM14" s="100">
        <v>0</v>
      </c>
      <c r="CN14" s="104">
        <v>0</v>
      </c>
      <c r="CO14" s="103">
        <v>0</v>
      </c>
      <c r="CP14" s="101">
        <v>0</v>
      </c>
      <c r="CQ14" s="104">
        <v>1123184</v>
      </c>
      <c r="CR14" s="104">
        <v>1380132</v>
      </c>
      <c r="CS14" s="104">
        <v>553959</v>
      </c>
      <c r="CT14" s="104">
        <v>1057110</v>
      </c>
      <c r="CU14" s="104">
        <v>432993</v>
      </c>
      <c r="CV14" s="103">
        <v>4547378</v>
      </c>
      <c r="CW14" s="106">
        <v>4547378</v>
      </c>
      <c r="CX14" s="100">
        <v>18612</v>
      </c>
      <c r="CY14" s="104">
        <v>170833</v>
      </c>
      <c r="CZ14" s="103">
        <v>189445</v>
      </c>
      <c r="DA14" s="100">
        <v>0</v>
      </c>
      <c r="DB14" s="104">
        <v>346162</v>
      </c>
      <c r="DC14" s="104">
        <v>424595</v>
      </c>
      <c r="DD14" s="104">
        <v>594570</v>
      </c>
      <c r="DE14" s="104">
        <v>374880</v>
      </c>
      <c r="DF14" s="104">
        <v>317568</v>
      </c>
      <c r="DG14" s="103">
        <v>2057775</v>
      </c>
      <c r="DH14" s="106">
        <v>2247220</v>
      </c>
      <c r="DI14" s="100">
        <v>0</v>
      </c>
      <c r="DJ14" s="104">
        <v>60874</v>
      </c>
      <c r="DK14" s="102">
        <v>60874</v>
      </c>
      <c r="DL14" s="101">
        <v>0</v>
      </c>
      <c r="DM14" s="104">
        <v>108202</v>
      </c>
      <c r="DN14" s="104">
        <v>299287</v>
      </c>
      <c r="DO14" s="104">
        <v>612391</v>
      </c>
      <c r="DP14" s="104">
        <v>884754</v>
      </c>
      <c r="DQ14" s="104">
        <v>115070</v>
      </c>
      <c r="DR14" s="103">
        <v>2019704</v>
      </c>
      <c r="DS14" s="106">
        <v>2080578</v>
      </c>
      <c r="DT14" s="100">
        <v>0</v>
      </c>
      <c r="DU14" s="104">
        <v>60874</v>
      </c>
      <c r="DV14" s="103">
        <v>60874</v>
      </c>
      <c r="DW14" s="100">
        <v>0</v>
      </c>
      <c r="DX14" s="104">
        <v>108202</v>
      </c>
      <c r="DY14" s="104">
        <v>299287</v>
      </c>
      <c r="DZ14" s="104">
        <v>612391</v>
      </c>
      <c r="EA14" s="104">
        <v>852613</v>
      </c>
      <c r="EB14" s="104">
        <v>27759</v>
      </c>
      <c r="EC14" s="103">
        <v>1900252</v>
      </c>
      <c r="ED14" s="106">
        <v>1961126</v>
      </c>
      <c r="EE14" s="100">
        <v>0</v>
      </c>
      <c r="EF14" s="102">
        <v>0</v>
      </c>
      <c r="EG14" s="103">
        <v>0</v>
      </c>
      <c r="EH14" s="100">
        <v>0</v>
      </c>
      <c r="EI14" s="104">
        <v>0</v>
      </c>
      <c r="EJ14" s="104">
        <v>0</v>
      </c>
      <c r="EK14" s="104">
        <v>0</v>
      </c>
      <c r="EL14" s="104">
        <v>32141</v>
      </c>
      <c r="EM14" s="104">
        <v>87311</v>
      </c>
      <c r="EN14" s="102">
        <v>119452</v>
      </c>
      <c r="EO14" s="106">
        <v>119452</v>
      </c>
      <c r="EP14" s="100">
        <v>0</v>
      </c>
      <c r="EQ14" s="104">
        <v>0</v>
      </c>
      <c r="ER14" s="102">
        <v>0</v>
      </c>
      <c r="ES14" s="101">
        <v>0</v>
      </c>
      <c r="ET14" s="104">
        <v>0</v>
      </c>
      <c r="EU14" s="104">
        <v>0</v>
      </c>
      <c r="EV14" s="104">
        <v>0</v>
      </c>
      <c r="EW14" s="104">
        <v>0</v>
      </c>
      <c r="EX14" s="104">
        <v>0</v>
      </c>
      <c r="EY14" s="103">
        <v>0</v>
      </c>
      <c r="EZ14" s="106">
        <v>0</v>
      </c>
      <c r="FA14" s="100">
        <v>0</v>
      </c>
      <c r="FB14" s="104">
        <v>0</v>
      </c>
      <c r="FC14" s="102">
        <v>0</v>
      </c>
      <c r="FD14" s="324"/>
      <c r="FE14" s="104">
        <v>0</v>
      </c>
      <c r="FF14" s="104">
        <v>0</v>
      </c>
      <c r="FG14" s="104">
        <v>0</v>
      </c>
      <c r="FH14" s="104">
        <v>0</v>
      </c>
      <c r="FI14" s="104">
        <v>0</v>
      </c>
      <c r="FJ14" s="103">
        <v>0</v>
      </c>
      <c r="FK14" s="106">
        <v>0</v>
      </c>
      <c r="FL14" s="100">
        <v>82098</v>
      </c>
      <c r="FM14" s="104">
        <v>97146</v>
      </c>
      <c r="FN14" s="103">
        <v>179244</v>
      </c>
      <c r="FO14" s="100">
        <v>0</v>
      </c>
      <c r="FP14" s="104">
        <v>479887</v>
      </c>
      <c r="FQ14" s="104">
        <v>648599</v>
      </c>
      <c r="FR14" s="104">
        <v>370734</v>
      </c>
      <c r="FS14" s="104">
        <v>477652</v>
      </c>
      <c r="FT14" s="104">
        <v>287273</v>
      </c>
      <c r="FU14" s="103">
        <v>2264145</v>
      </c>
      <c r="FV14" s="106">
        <v>2443389</v>
      </c>
      <c r="FW14" s="105">
        <v>70210</v>
      </c>
      <c r="FX14" s="104">
        <v>97146</v>
      </c>
      <c r="FY14" s="102">
        <v>167356</v>
      </c>
      <c r="FZ14" s="101">
        <v>0</v>
      </c>
      <c r="GA14" s="104">
        <v>275975</v>
      </c>
      <c r="GB14" s="104">
        <v>648599</v>
      </c>
      <c r="GC14" s="104">
        <v>370734</v>
      </c>
      <c r="GD14" s="104">
        <v>464639</v>
      </c>
      <c r="GE14" s="104">
        <v>287273</v>
      </c>
      <c r="GF14" s="103">
        <v>2047220</v>
      </c>
      <c r="GG14" s="296">
        <v>2214576</v>
      </c>
      <c r="GH14" s="105">
        <v>11888</v>
      </c>
      <c r="GI14" s="104">
        <v>0</v>
      </c>
      <c r="GJ14" s="102">
        <v>11888</v>
      </c>
      <c r="GK14" s="101">
        <v>0</v>
      </c>
      <c r="GL14" s="104">
        <v>96112</v>
      </c>
      <c r="GM14" s="104">
        <v>0</v>
      </c>
      <c r="GN14" s="104">
        <v>0</v>
      </c>
      <c r="GO14" s="104">
        <v>13013</v>
      </c>
      <c r="GP14" s="104">
        <v>0</v>
      </c>
      <c r="GQ14" s="103">
        <v>109125</v>
      </c>
      <c r="GR14" s="106">
        <v>121013</v>
      </c>
      <c r="GS14" s="100">
        <v>0</v>
      </c>
      <c r="GT14" s="104">
        <v>0</v>
      </c>
      <c r="GU14" s="103">
        <v>0</v>
      </c>
      <c r="GV14" s="100">
        <v>0</v>
      </c>
      <c r="GW14" s="104">
        <v>107800</v>
      </c>
      <c r="GX14" s="104">
        <v>0</v>
      </c>
      <c r="GY14" s="104">
        <v>0</v>
      </c>
      <c r="GZ14" s="104">
        <v>0</v>
      </c>
      <c r="HA14" s="104">
        <v>0</v>
      </c>
      <c r="HB14" s="102">
        <v>107800</v>
      </c>
      <c r="HC14" s="106">
        <v>107800</v>
      </c>
      <c r="HD14" s="100">
        <v>297351</v>
      </c>
      <c r="HE14" s="104">
        <v>189208</v>
      </c>
      <c r="HF14" s="102">
        <v>486559</v>
      </c>
      <c r="HG14" s="101">
        <v>0</v>
      </c>
      <c r="HH14" s="104">
        <v>1828098</v>
      </c>
      <c r="HI14" s="104">
        <v>1339247</v>
      </c>
      <c r="HJ14" s="104">
        <v>868274</v>
      </c>
      <c r="HK14" s="104">
        <v>3059104</v>
      </c>
      <c r="HL14" s="104">
        <v>1245519</v>
      </c>
      <c r="HM14" s="103">
        <v>8340242</v>
      </c>
      <c r="HN14" s="99">
        <v>8826801</v>
      </c>
      <c r="HO14" s="306"/>
      <c r="HP14" s="307"/>
      <c r="HQ14" s="308"/>
      <c r="HR14" s="309"/>
      <c r="HS14" s="307"/>
      <c r="HT14" s="307"/>
      <c r="HU14" s="307"/>
      <c r="HV14" s="307"/>
      <c r="HW14" s="307"/>
      <c r="HX14" s="310"/>
      <c r="HY14" s="311"/>
      <c r="HZ14" s="118">
        <v>0</v>
      </c>
      <c r="IA14" s="119">
        <v>0</v>
      </c>
      <c r="IB14" s="120">
        <v>0</v>
      </c>
      <c r="IC14" s="121">
        <v>0</v>
      </c>
      <c r="ID14" s="122">
        <v>1278376</v>
      </c>
      <c r="IE14" s="123">
        <v>1485875</v>
      </c>
      <c r="IF14" s="124">
        <v>794688</v>
      </c>
      <c r="IG14" s="122">
        <v>3097255</v>
      </c>
      <c r="IH14" s="124">
        <v>517681</v>
      </c>
      <c r="II14" s="125">
        <v>7173875</v>
      </c>
      <c r="IJ14" s="126">
        <v>7173875</v>
      </c>
      <c r="IK14" s="219">
        <v>0</v>
      </c>
      <c r="IL14" s="223">
        <v>0</v>
      </c>
      <c r="IM14" s="224">
        <v>0</v>
      </c>
      <c r="IN14" s="127"/>
      <c r="IO14" s="109">
        <v>0</v>
      </c>
      <c r="IP14" s="109">
        <v>0</v>
      </c>
      <c r="IQ14" s="109">
        <v>0</v>
      </c>
      <c r="IR14" s="109">
        <v>215000</v>
      </c>
      <c r="IS14" s="109">
        <v>0</v>
      </c>
      <c r="IT14" s="128">
        <v>215000</v>
      </c>
      <c r="IU14" s="298">
        <v>215000</v>
      </c>
      <c r="IV14" s="129">
        <v>0</v>
      </c>
      <c r="IW14" s="109">
        <v>0</v>
      </c>
      <c r="IX14" s="110">
        <v>0</v>
      </c>
      <c r="IY14" s="131"/>
      <c r="IZ14" s="109">
        <v>0</v>
      </c>
      <c r="JA14" s="109">
        <v>0</v>
      </c>
      <c r="JB14" s="109">
        <v>0</v>
      </c>
      <c r="JC14" s="109">
        <v>0</v>
      </c>
      <c r="JD14" s="109">
        <v>0</v>
      </c>
      <c r="JE14" s="110">
        <v>0</v>
      </c>
      <c r="JF14" s="111">
        <v>0</v>
      </c>
      <c r="JG14" s="129">
        <v>0</v>
      </c>
      <c r="JH14" s="109">
        <v>0</v>
      </c>
      <c r="JI14" s="128">
        <v>0</v>
      </c>
      <c r="JJ14" s="108">
        <v>0</v>
      </c>
      <c r="JK14" s="109">
        <v>1086884</v>
      </c>
      <c r="JL14" s="109">
        <v>685552</v>
      </c>
      <c r="JM14" s="109">
        <v>290559</v>
      </c>
      <c r="JN14" s="109">
        <v>711357</v>
      </c>
      <c r="JO14" s="109">
        <v>0</v>
      </c>
      <c r="JP14" s="110">
        <v>2774352</v>
      </c>
      <c r="JQ14" s="298">
        <v>2774352</v>
      </c>
      <c r="JR14" s="129">
        <v>0</v>
      </c>
      <c r="JS14" s="109">
        <v>0</v>
      </c>
      <c r="JT14" s="128">
        <v>0</v>
      </c>
      <c r="JU14" s="108">
        <v>0</v>
      </c>
      <c r="JV14" s="109">
        <v>0</v>
      </c>
      <c r="JW14" s="109">
        <v>0</v>
      </c>
      <c r="JX14" s="109">
        <v>0</v>
      </c>
      <c r="JY14" s="109">
        <v>0</v>
      </c>
      <c r="JZ14" s="109">
        <v>0</v>
      </c>
      <c r="KA14" s="110">
        <v>0</v>
      </c>
      <c r="KB14" s="298">
        <v>0</v>
      </c>
      <c r="KC14" s="221">
        <v>0</v>
      </c>
      <c r="KD14" s="217">
        <v>0</v>
      </c>
      <c r="KE14" s="110">
        <v>0</v>
      </c>
      <c r="KF14" s="108">
        <v>0</v>
      </c>
      <c r="KG14" s="109">
        <v>191492</v>
      </c>
      <c r="KH14" s="109">
        <v>148984</v>
      </c>
      <c r="KI14" s="109">
        <v>207171</v>
      </c>
      <c r="KJ14" s="109">
        <v>838645</v>
      </c>
      <c r="KK14" s="109">
        <v>253135</v>
      </c>
      <c r="KL14" s="110">
        <v>1639427</v>
      </c>
      <c r="KM14" s="130">
        <v>1639427</v>
      </c>
      <c r="KN14" s="219">
        <v>0</v>
      </c>
      <c r="KO14" s="223">
        <v>0</v>
      </c>
      <c r="KP14" s="224">
        <v>0</v>
      </c>
      <c r="KQ14" s="127"/>
      <c r="KR14" s="109">
        <v>0</v>
      </c>
      <c r="KS14" s="109">
        <v>651339</v>
      </c>
      <c r="KT14" s="109">
        <v>296958</v>
      </c>
      <c r="KU14" s="109">
        <v>1139906</v>
      </c>
      <c r="KV14" s="109">
        <v>0</v>
      </c>
      <c r="KW14" s="110">
        <v>2088203</v>
      </c>
      <c r="KX14" s="298">
        <v>2088203</v>
      </c>
      <c r="KY14" s="129">
        <v>0</v>
      </c>
      <c r="KZ14" s="109">
        <v>0</v>
      </c>
      <c r="LA14" s="110">
        <v>0</v>
      </c>
      <c r="LB14" s="132"/>
      <c r="LC14" s="109">
        <v>0</v>
      </c>
      <c r="LD14" s="109">
        <v>0</v>
      </c>
      <c r="LE14" s="109">
        <v>0</v>
      </c>
      <c r="LF14" s="109">
        <v>192347</v>
      </c>
      <c r="LG14" s="109">
        <v>0</v>
      </c>
      <c r="LH14" s="110">
        <v>192347</v>
      </c>
      <c r="LI14" s="111">
        <v>192347</v>
      </c>
      <c r="LJ14" s="129">
        <v>0</v>
      </c>
      <c r="LK14" s="109">
        <v>0</v>
      </c>
      <c r="LL14" s="110">
        <v>0</v>
      </c>
      <c r="LM14" s="132"/>
      <c r="LN14" s="109">
        <v>0</v>
      </c>
      <c r="LO14" s="109">
        <v>0</v>
      </c>
      <c r="LP14" s="109">
        <v>0</v>
      </c>
      <c r="LQ14" s="109">
        <v>0</v>
      </c>
      <c r="LR14" s="109">
        <v>264546</v>
      </c>
      <c r="LS14" s="110">
        <v>264546</v>
      </c>
      <c r="LT14" s="298">
        <v>264546</v>
      </c>
      <c r="LU14" s="129">
        <v>0</v>
      </c>
      <c r="LV14" s="109">
        <v>0</v>
      </c>
      <c r="LW14" s="110">
        <v>0</v>
      </c>
      <c r="LX14" s="132"/>
      <c r="LY14" s="109">
        <v>0</v>
      </c>
      <c r="LZ14" s="109">
        <v>0</v>
      </c>
      <c r="MA14" s="109">
        <v>0</v>
      </c>
      <c r="MB14" s="109">
        <v>0</v>
      </c>
      <c r="MC14" s="109">
        <v>0</v>
      </c>
      <c r="MD14" s="110">
        <v>0</v>
      </c>
      <c r="ME14" s="111">
        <v>0</v>
      </c>
      <c r="MF14" s="129">
        <v>0</v>
      </c>
      <c r="MG14" s="109">
        <v>0</v>
      </c>
      <c r="MH14" s="110">
        <v>0</v>
      </c>
      <c r="MI14" s="132"/>
      <c r="MJ14" s="109">
        <v>209976</v>
      </c>
      <c r="MK14" s="109">
        <v>966999</v>
      </c>
      <c r="ML14" s="109">
        <v>3748680</v>
      </c>
      <c r="MM14" s="109">
        <v>3182870</v>
      </c>
      <c r="MN14" s="109">
        <v>2243965</v>
      </c>
      <c r="MO14" s="110">
        <v>10352490</v>
      </c>
      <c r="MP14" s="130">
        <v>10352490</v>
      </c>
      <c r="MQ14" s="129">
        <v>0</v>
      </c>
      <c r="MR14" s="109">
        <v>0</v>
      </c>
      <c r="MS14" s="110">
        <v>0</v>
      </c>
      <c r="MT14" s="132"/>
      <c r="MU14" s="109">
        <v>-234</v>
      </c>
      <c r="MV14" s="109">
        <v>-241</v>
      </c>
      <c r="MW14" s="109">
        <v>1073544</v>
      </c>
      <c r="MX14" s="109">
        <v>1662312</v>
      </c>
      <c r="MY14" s="109">
        <v>1462908</v>
      </c>
      <c r="MZ14" s="110">
        <v>4198289</v>
      </c>
      <c r="NA14" s="130">
        <v>4198289</v>
      </c>
      <c r="NB14" s="129">
        <v>0</v>
      </c>
      <c r="NC14" s="109">
        <v>0</v>
      </c>
      <c r="ND14" s="110">
        <v>0</v>
      </c>
      <c r="NE14" s="132"/>
      <c r="NF14" s="109">
        <v>210210</v>
      </c>
      <c r="NG14" s="109">
        <v>734899</v>
      </c>
      <c r="NH14" s="109">
        <v>2353293</v>
      </c>
      <c r="NI14" s="109">
        <v>1520558</v>
      </c>
      <c r="NJ14" s="109">
        <v>781057</v>
      </c>
      <c r="NK14" s="110">
        <v>5600017</v>
      </c>
      <c r="NL14" s="298">
        <v>5600017</v>
      </c>
      <c r="NM14" s="129">
        <v>0</v>
      </c>
      <c r="NN14" s="109">
        <v>0</v>
      </c>
      <c r="NO14" s="110">
        <v>0</v>
      </c>
      <c r="NP14" s="132"/>
      <c r="NQ14" s="109">
        <v>0</v>
      </c>
      <c r="NR14" s="109">
        <v>0</v>
      </c>
      <c r="NS14" s="109">
        <v>0</v>
      </c>
      <c r="NT14" s="109">
        <v>0</v>
      </c>
      <c r="NU14" s="109">
        <v>0</v>
      </c>
      <c r="NV14" s="110">
        <v>0</v>
      </c>
      <c r="NW14" s="111">
        <v>0</v>
      </c>
      <c r="NX14" s="129">
        <v>0</v>
      </c>
      <c r="NY14" s="109">
        <v>0</v>
      </c>
      <c r="NZ14" s="110">
        <v>0</v>
      </c>
      <c r="OA14" s="132"/>
      <c r="OB14" s="109">
        <v>0</v>
      </c>
      <c r="OC14" s="109">
        <v>232341</v>
      </c>
      <c r="OD14" s="109">
        <v>321843</v>
      </c>
      <c r="OE14" s="109">
        <v>0</v>
      </c>
      <c r="OF14" s="109">
        <v>0</v>
      </c>
      <c r="OG14" s="110">
        <v>554184</v>
      </c>
      <c r="OH14" s="111">
        <v>554184</v>
      </c>
      <c r="OI14" s="129">
        <v>516906</v>
      </c>
      <c r="OJ14" s="109">
        <v>750716</v>
      </c>
      <c r="OK14" s="128">
        <v>1267622</v>
      </c>
      <c r="OL14" s="108">
        <v>0</v>
      </c>
      <c r="OM14" s="109">
        <v>7496033</v>
      </c>
      <c r="ON14" s="109">
        <v>8269818</v>
      </c>
      <c r="OO14" s="109">
        <v>9259842</v>
      </c>
      <c r="OP14" s="109">
        <v>13986524</v>
      </c>
      <c r="OQ14" s="109">
        <v>7392381</v>
      </c>
      <c r="OR14" s="110">
        <v>46404598</v>
      </c>
      <c r="OS14" s="130">
        <v>47672220</v>
      </c>
    </row>
    <row r="15" spans="2:409" ht="21" customHeight="1" x14ac:dyDescent="0.2">
      <c r="B15" s="472" t="s">
        <v>9</v>
      </c>
      <c r="C15" s="100">
        <v>1184980</v>
      </c>
      <c r="D15" s="104">
        <v>1527070</v>
      </c>
      <c r="E15" s="103">
        <v>2712050</v>
      </c>
      <c r="F15" s="101">
        <v>0</v>
      </c>
      <c r="G15" s="104">
        <v>13118955</v>
      </c>
      <c r="H15" s="104">
        <v>10480572</v>
      </c>
      <c r="I15" s="104">
        <v>12319242</v>
      </c>
      <c r="J15" s="104">
        <v>15783194</v>
      </c>
      <c r="K15" s="104">
        <v>11198439</v>
      </c>
      <c r="L15" s="99">
        <v>62900402</v>
      </c>
      <c r="M15" s="106">
        <v>65612452</v>
      </c>
      <c r="N15" s="100">
        <v>368151</v>
      </c>
      <c r="O15" s="104">
        <v>399141</v>
      </c>
      <c r="P15" s="103">
        <v>767292</v>
      </c>
      <c r="Q15" s="100">
        <v>0</v>
      </c>
      <c r="R15" s="104">
        <v>4675404</v>
      </c>
      <c r="S15" s="104">
        <v>3954000</v>
      </c>
      <c r="T15" s="104">
        <v>4876989</v>
      </c>
      <c r="U15" s="104">
        <v>5955699</v>
      </c>
      <c r="V15" s="104">
        <v>6401794</v>
      </c>
      <c r="W15" s="103">
        <v>25863886</v>
      </c>
      <c r="X15" s="106">
        <v>26631178</v>
      </c>
      <c r="Y15" s="100">
        <v>0</v>
      </c>
      <c r="Z15" s="104">
        <v>0</v>
      </c>
      <c r="AA15" s="103">
        <v>0</v>
      </c>
      <c r="AB15" s="100">
        <v>0</v>
      </c>
      <c r="AC15" s="104">
        <v>1976097</v>
      </c>
      <c r="AD15" s="104">
        <v>1748023</v>
      </c>
      <c r="AE15" s="104">
        <v>2395623</v>
      </c>
      <c r="AF15" s="104">
        <v>3312067</v>
      </c>
      <c r="AG15" s="104">
        <v>3893121</v>
      </c>
      <c r="AH15" s="103">
        <v>13324931</v>
      </c>
      <c r="AI15" s="106">
        <v>13324931</v>
      </c>
      <c r="AJ15" s="100">
        <v>0</v>
      </c>
      <c r="AK15" s="104">
        <v>0</v>
      </c>
      <c r="AL15" s="103">
        <v>0</v>
      </c>
      <c r="AM15" s="100">
        <v>0</v>
      </c>
      <c r="AN15" s="104">
        <v>42256</v>
      </c>
      <c r="AO15" s="104">
        <v>31697</v>
      </c>
      <c r="AP15" s="104">
        <v>56186</v>
      </c>
      <c r="AQ15" s="104">
        <v>481118</v>
      </c>
      <c r="AR15" s="104">
        <v>780328</v>
      </c>
      <c r="AS15" s="103">
        <v>1391585</v>
      </c>
      <c r="AT15" s="106">
        <v>1391585</v>
      </c>
      <c r="AU15" s="100">
        <v>196070</v>
      </c>
      <c r="AV15" s="104">
        <v>248065</v>
      </c>
      <c r="AW15" s="103">
        <v>444135</v>
      </c>
      <c r="AX15" s="100">
        <v>0</v>
      </c>
      <c r="AY15" s="104">
        <v>1857221</v>
      </c>
      <c r="AZ15" s="104">
        <v>1296134</v>
      </c>
      <c r="BA15" s="104">
        <v>1384999</v>
      </c>
      <c r="BB15" s="104">
        <v>1193281</v>
      </c>
      <c r="BC15" s="104">
        <v>1072995</v>
      </c>
      <c r="BD15" s="103">
        <v>6804630</v>
      </c>
      <c r="BE15" s="106">
        <v>7248765</v>
      </c>
      <c r="BF15" s="100">
        <v>0</v>
      </c>
      <c r="BG15" s="104">
        <v>47000</v>
      </c>
      <c r="BH15" s="102">
        <v>47000</v>
      </c>
      <c r="BI15" s="101">
        <v>0</v>
      </c>
      <c r="BJ15" s="104">
        <v>103939</v>
      </c>
      <c r="BK15" s="104">
        <v>322990</v>
      </c>
      <c r="BL15" s="104">
        <v>170914</v>
      </c>
      <c r="BM15" s="104">
        <v>150940</v>
      </c>
      <c r="BN15" s="104">
        <v>90044</v>
      </c>
      <c r="BO15" s="103">
        <v>838827</v>
      </c>
      <c r="BP15" s="106">
        <v>885827</v>
      </c>
      <c r="BQ15" s="100">
        <v>172081</v>
      </c>
      <c r="BR15" s="104">
        <v>104076</v>
      </c>
      <c r="BS15" s="103">
        <v>276157</v>
      </c>
      <c r="BT15" s="100">
        <v>0</v>
      </c>
      <c r="BU15" s="104">
        <v>695891</v>
      </c>
      <c r="BV15" s="104">
        <v>555156</v>
      </c>
      <c r="BW15" s="104">
        <v>869267</v>
      </c>
      <c r="BX15" s="104">
        <v>818293</v>
      </c>
      <c r="BY15" s="104">
        <v>565306</v>
      </c>
      <c r="BZ15" s="103">
        <v>3503913</v>
      </c>
      <c r="CA15" s="106">
        <v>3780070</v>
      </c>
      <c r="CB15" s="100">
        <v>72106</v>
      </c>
      <c r="CC15" s="104">
        <v>272094</v>
      </c>
      <c r="CD15" s="103">
        <v>344200</v>
      </c>
      <c r="CE15" s="100">
        <v>0</v>
      </c>
      <c r="CF15" s="104">
        <v>2935825</v>
      </c>
      <c r="CG15" s="104">
        <v>1776591</v>
      </c>
      <c r="CH15" s="104">
        <v>1428551</v>
      </c>
      <c r="CI15" s="104">
        <v>2004052</v>
      </c>
      <c r="CJ15" s="104">
        <v>234543</v>
      </c>
      <c r="CK15" s="103">
        <v>8379562</v>
      </c>
      <c r="CL15" s="106">
        <v>8723762</v>
      </c>
      <c r="CM15" s="100">
        <v>0</v>
      </c>
      <c r="CN15" s="104">
        <v>0</v>
      </c>
      <c r="CO15" s="103">
        <v>0</v>
      </c>
      <c r="CP15" s="101">
        <v>0</v>
      </c>
      <c r="CQ15" s="104">
        <v>2561148</v>
      </c>
      <c r="CR15" s="104">
        <v>1206056</v>
      </c>
      <c r="CS15" s="104">
        <v>1029696</v>
      </c>
      <c r="CT15" s="104">
        <v>1219023</v>
      </c>
      <c r="CU15" s="104">
        <v>173464</v>
      </c>
      <c r="CV15" s="103">
        <v>6189387</v>
      </c>
      <c r="CW15" s="106">
        <v>6189387</v>
      </c>
      <c r="CX15" s="100">
        <v>72106</v>
      </c>
      <c r="CY15" s="104">
        <v>272094</v>
      </c>
      <c r="CZ15" s="103">
        <v>344200</v>
      </c>
      <c r="DA15" s="100">
        <v>0</v>
      </c>
      <c r="DB15" s="104">
        <v>374677</v>
      </c>
      <c r="DC15" s="104">
        <v>570535</v>
      </c>
      <c r="DD15" s="104">
        <v>398855</v>
      </c>
      <c r="DE15" s="104">
        <v>785029</v>
      </c>
      <c r="DF15" s="104">
        <v>61079</v>
      </c>
      <c r="DG15" s="103">
        <v>2190175</v>
      </c>
      <c r="DH15" s="106">
        <v>2534375</v>
      </c>
      <c r="DI15" s="100">
        <v>38010</v>
      </c>
      <c r="DJ15" s="104">
        <v>19998</v>
      </c>
      <c r="DK15" s="102">
        <v>58008</v>
      </c>
      <c r="DL15" s="101">
        <v>0</v>
      </c>
      <c r="DM15" s="104">
        <v>100892</v>
      </c>
      <c r="DN15" s="104">
        <v>919157</v>
      </c>
      <c r="DO15" s="104">
        <v>532849</v>
      </c>
      <c r="DP15" s="104">
        <v>1641660</v>
      </c>
      <c r="DQ15" s="104">
        <v>745412</v>
      </c>
      <c r="DR15" s="103">
        <v>3939970</v>
      </c>
      <c r="DS15" s="106">
        <v>3997978</v>
      </c>
      <c r="DT15" s="100">
        <v>38010</v>
      </c>
      <c r="DU15" s="104">
        <v>19998</v>
      </c>
      <c r="DV15" s="103">
        <v>58008</v>
      </c>
      <c r="DW15" s="100">
        <v>0</v>
      </c>
      <c r="DX15" s="104">
        <v>100892</v>
      </c>
      <c r="DY15" s="104">
        <v>641033</v>
      </c>
      <c r="DZ15" s="104">
        <v>421346</v>
      </c>
      <c r="EA15" s="104">
        <v>1414896</v>
      </c>
      <c r="EB15" s="104">
        <v>505741</v>
      </c>
      <c r="EC15" s="103">
        <v>3083908</v>
      </c>
      <c r="ED15" s="106">
        <v>3141916</v>
      </c>
      <c r="EE15" s="100">
        <v>0</v>
      </c>
      <c r="EF15" s="102">
        <v>0</v>
      </c>
      <c r="EG15" s="103">
        <v>0</v>
      </c>
      <c r="EH15" s="100">
        <v>0</v>
      </c>
      <c r="EI15" s="104">
        <v>0</v>
      </c>
      <c r="EJ15" s="104">
        <v>278124</v>
      </c>
      <c r="EK15" s="104">
        <v>111503</v>
      </c>
      <c r="EL15" s="104">
        <v>226764</v>
      </c>
      <c r="EM15" s="104">
        <v>239671</v>
      </c>
      <c r="EN15" s="102">
        <v>856062</v>
      </c>
      <c r="EO15" s="106">
        <v>856062</v>
      </c>
      <c r="EP15" s="100">
        <v>0</v>
      </c>
      <c r="EQ15" s="104">
        <v>0</v>
      </c>
      <c r="ER15" s="102">
        <v>0</v>
      </c>
      <c r="ES15" s="101">
        <v>0</v>
      </c>
      <c r="ET15" s="104">
        <v>0</v>
      </c>
      <c r="EU15" s="104">
        <v>0</v>
      </c>
      <c r="EV15" s="104">
        <v>0</v>
      </c>
      <c r="EW15" s="104">
        <v>0</v>
      </c>
      <c r="EX15" s="104">
        <v>0</v>
      </c>
      <c r="EY15" s="103">
        <v>0</v>
      </c>
      <c r="EZ15" s="106">
        <v>0</v>
      </c>
      <c r="FA15" s="100">
        <v>0</v>
      </c>
      <c r="FB15" s="104">
        <v>0</v>
      </c>
      <c r="FC15" s="102">
        <v>0</v>
      </c>
      <c r="FD15" s="324"/>
      <c r="FE15" s="104">
        <v>0</v>
      </c>
      <c r="FF15" s="104">
        <v>0</v>
      </c>
      <c r="FG15" s="104">
        <v>0</v>
      </c>
      <c r="FH15" s="104">
        <v>0</v>
      </c>
      <c r="FI15" s="104">
        <v>0</v>
      </c>
      <c r="FJ15" s="103">
        <v>0</v>
      </c>
      <c r="FK15" s="106">
        <v>0</v>
      </c>
      <c r="FL15" s="100">
        <v>212079</v>
      </c>
      <c r="FM15" s="104">
        <v>197799</v>
      </c>
      <c r="FN15" s="103">
        <v>409878</v>
      </c>
      <c r="FO15" s="100">
        <v>0</v>
      </c>
      <c r="FP15" s="104">
        <v>837539</v>
      </c>
      <c r="FQ15" s="104">
        <v>1283121</v>
      </c>
      <c r="FR15" s="104">
        <v>728546</v>
      </c>
      <c r="FS15" s="104">
        <v>1345073</v>
      </c>
      <c r="FT15" s="104">
        <v>742528</v>
      </c>
      <c r="FU15" s="103">
        <v>4936807</v>
      </c>
      <c r="FV15" s="106">
        <v>5346685</v>
      </c>
      <c r="FW15" s="105">
        <v>149240</v>
      </c>
      <c r="FX15" s="104">
        <v>156373</v>
      </c>
      <c r="FY15" s="102">
        <v>305613</v>
      </c>
      <c r="FZ15" s="101">
        <v>0</v>
      </c>
      <c r="GA15" s="104">
        <v>596071</v>
      </c>
      <c r="GB15" s="104">
        <v>1036602</v>
      </c>
      <c r="GC15" s="104">
        <v>728546</v>
      </c>
      <c r="GD15" s="104">
        <v>1311317</v>
      </c>
      <c r="GE15" s="104">
        <v>709978</v>
      </c>
      <c r="GF15" s="103">
        <v>4382514</v>
      </c>
      <c r="GG15" s="296">
        <v>4688127</v>
      </c>
      <c r="GH15" s="105">
        <v>62839</v>
      </c>
      <c r="GI15" s="104">
        <v>41426</v>
      </c>
      <c r="GJ15" s="102">
        <v>104265</v>
      </c>
      <c r="GK15" s="101">
        <v>0</v>
      </c>
      <c r="GL15" s="104">
        <v>41793</v>
      </c>
      <c r="GM15" s="104">
        <v>57519</v>
      </c>
      <c r="GN15" s="104">
        <v>0</v>
      </c>
      <c r="GO15" s="104">
        <v>33756</v>
      </c>
      <c r="GP15" s="104">
        <v>11550</v>
      </c>
      <c r="GQ15" s="103">
        <v>144618</v>
      </c>
      <c r="GR15" s="106">
        <v>248883</v>
      </c>
      <c r="GS15" s="100">
        <v>0</v>
      </c>
      <c r="GT15" s="104">
        <v>0</v>
      </c>
      <c r="GU15" s="103">
        <v>0</v>
      </c>
      <c r="GV15" s="100">
        <v>0</v>
      </c>
      <c r="GW15" s="104">
        <v>199675</v>
      </c>
      <c r="GX15" s="104">
        <v>189000</v>
      </c>
      <c r="GY15" s="104">
        <v>0</v>
      </c>
      <c r="GZ15" s="104">
        <v>0</v>
      </c>
      <c r="HA15" s="104">
        <v>21000</v>
      </c>
      <c r="HB15" s="102">
        <v>409675</v>
      </c>
      <c r="HC15" s="106">
        <v>409675</v>
      </c>
      <c r="HD15" s="100">
        <v>494634</v>
      </c>
      <c r="HE15" s="104">
        <v>638038</v>
      </c>
      <c r="HF15" s="102">
        <v>1132672</v>
      </c>
      <c r="HG15" s="101">
        <v>0</v>
      </c>
      <c r="HH15" s="104">
        <v>4569295</v>
      </c>
      <c r="HI15" s="104">
        <v>2547703</v>
      </c>
      <c r="HJ15" s="104">
        <v>4752307</v>
      </c>
      <c r="HK15" s="104">
        <v>4836710</v>
      </c>
      <c r="HL15" s="104">
        <v>3074162</v>
      </c>
      <c r="HM15" s="103">
        <v>19780177</v>
      </c>
      <c r="HN15" s="99">
        <v>20912849</v>
      </c>
      <c r="HO15" s="306"/>
      <c r="HP15" s="307"/>
      <c r="HQ15" s="308"/>
      <c r="HR15" s="309"/>
      <c r="HS15" s="307"/>
      <c r="HT15" s="307"/>
      <c r="HU15" s="307"/>
      <c r="HV15" s="307"/>
      <c r="HW15" s="307"/>
      <c r="HX15" s="310"/>
      <c r="HY15" s="311"/>
      <c r="HZ15" s="115">
        <v>54528</v>
      </c>
      <c r="IA15" s="136">
        <v>0</v>
      </c>
      <c r="IB15" s="116">
        <v>54528</v>
      </c>
      <c r="IC15" s="133">
        <v>0</v>
      </c>
      <c r="ID15" s="119">
        <v>1853156</v>
      </c>
      <c r="IE15" s="134">
        <v>2185961</v>
      </c>
      <c r="IF15" s="120">
        <v>3915794</v>
      </c>
      <c r="IG15" s="119">
        <v>2455860</v>
      </c>
      <c r="IH15" s="120">
        <v>1378007</v>
      </c>
      <c r="II15" s="135">
        <v>11788778</v>
      </c>
      <c r="IJ15" s="117">
        <v>11843306</v>
      </c>
      <c r="IK15" s="219">
        <v>0</v>
      </c>
      <c r="IL15" s="223">
        <v>0</v>
      </c>
      <c r="IM15" s="224">
        <v>0</v>
      </c>
      <c r="IN15" s="127"/>
      <c r="IO15" s="109">
        <v>0</v>
      </c>
      <c r="IP15" s="109">
        <v>103919</v>
      </c>
      <c r="IQ15" s="109">
        <v>-175375</v>
      </c>
      <c r="IR15" s="109">
        <v>674056</v>
      </c>
      <c r="IS15" s="109">
        <v>0</v>
      </c>
      <c r="IT15" s="128">
        <v>602600</v>
      </c>
      <c r="IU15" s="298">
        <v>602600</v>
      </c>
      <c r="IV15" s="129">
        <v>0</v>
      </c>
      <c r="IW15" s="109">
        <v>0</v>
      </c>
      <c r="IX15" s="110">
        <v>0</v>
      </c>
      <c r="IY15" s="131"/>
      <c r="IZ15" s="109">
        <v>0</v>
      </c>
      <c r="JA15" s="109">
        <v>0</v>
      </c>
      <c r="JB15" s="109">
        <v>0</v>
      </c>
      <c r="JC15" s="109">
        <v>0</v>
      </c>
      <c r="JD15" s="109">
        <v>0</v>
      </c>
      <c r="JE15" s="110">
        <v>0</v>
      </c>
      <c r="JF15" s="111">
        <v>0</v>
      </c>
      <c r="JG15" s="129">
        <v>0</v>
      </c>
      <c r="JH15" s="109">
        <v>0</v>
      </c>
      <c r="JI15" s="128">
        <v>0</v>
      </c>
      <c r="JJ15" s="108">
        <v>0</v>
      </c>
      <c r="JK15" s="109">
        <v>1534801</v>
      </c>
      <c r="JL15" s="109">
        <v>1053767</v>
      </c>
      <c r="JM15" s="109">
        <v>1156812</v>
      </c>
      <c r="JN15" s="109">
        <v>649990</v>
      </c>
      <c r="JO15" s="109">
        <v>0</v>
      </c>
      <c r="JP15" s="110">
        <v>4395370</v>
      </c>
      <c r="JQ15" s="298">
        <v>4395370</v>
      </c>
      <c r="JR15" s="129">
        <v>0</v>
      </c>
      <c r="JS15" s="109">
        <v>0</v>
      </c>
      <c r="JT15" s="128">
        <v>0</v>
      </c>
      <c r="JU15" s="108">
        <v>0</v>
      </c>
      <c r="JV15" s="109">
        <v>0</v>
      </c>
      <c r="JW15" s="109">
        <v>0</v>
      </c>
      <c r="JX15" s="109">
        <v>257161</v>
      </c>
      <c r="JY15" s="109">
        <v>0</v>
      </c>
      <c r="JZ15" s="109">
        <v>89425</v>
      </c>
      <c r="KA15" s="110">
        <v>346586</v>
      </c>
      <c r="KB15" s="298">
        <v>346586</v>
      </c>
      <c r="KC15" s="221">
        <v>54528</v>
      </c>
      <c r="KD15" s="217">
        <v>0</v>
      </c>
      <c r="KE15" s="110">
        <v>54528</v>
      </c>
      <c r="KF15" s="108">
        <v>0</v>
      </c>
      <c r="KG15" s="109">
        <v>318355</v>
      </c>
      <c r="KH15" s="109">
        <v>0</v>
      </c>
      <c r="KI15" s="109">
        <v>797789</v>
      </c>
      <c r="KJ15" s="109">
        <v>470945</v>
      </c>
      <c r="KK15" s="109">
        <v>241075</v>
      </c>
      <c r="KL15" s="110">
        <v>1828164</v>
      </c>
      <c r="KM15" s="130">
        <v>1882692</v>
      </c>
      <c r="KN15" s="219">
        <v>0</v>
      </c>
      <c r="KO15" s="223">
        <v>0</v>
      </c>
      <c r="KP15" s="224">
        <v>0</v>
      </c>
      <c r="KQ15" s="127"/>
      <c r="KR15" s="109">
        <v>0</v>
      </c>
      <c r="KS15" s="109">
        <v>669450</v>
      </c>
      <c r="KT15" s="109">
        <v>1476145</v>
      </c>
      <c r="KU15" s="109">
        <v>466083</v>
      </c>
      <c r="KV15" s="109">
        <v>474142</v>
      </c>
      <c r="KW15" s="110">
        <v>3085820</v>
      </c>
      <c r="KX15" s="298">
        <v>3085820</v>
      </c>
      <c r="KY15" s="129">
        <v>0</v>
      </c>
      <c r="KZ15" s="109">
        <v>0</v>
      </c>
      <c r="LA15" s="110">
        <v>0</v>
      </c>
      <c r="LB15" s="132"/>
      <c r="LC15" s="109">
        <v>0</v>
      </c>
      <c r="LD15" s="109">
        <v>160090</v>
      </c>
      <c r="LE15" s="109">
        <v>178077</v>
      </c>
      <c r="LF15" s="109">
        <v>194786</v>
      </c>
      <c r="LG15" s="109">
        <v>0</v>
      </c>
      <c r="LH15" s="110">
        <v>532953</v>
      </c>
      <c r="LI15" s="111">
        <v>532953</v>
      </c>
      <c r="LJ15" s="129">
        <v>0</v>
      </c>
      <c r="LK15" s="109">
        <v>0</v>
      </c>
      <c r="LL15" s="110">
        <v>0</v>
      </c>
      <c r="LM15" s="132"/>
      <c r="LN15" s="109">
        <v>0</v>
      </c>
      <c r="LO15" s="109">
        <v>0</v>
      </c>
      <c r="LP15" s="109">
        <v>0</v>
      </c>
      <c r="LQ15" s="109">
        <v>0</v>
      </c>
      <c r="LR15" s="109">
        <v>0</v>
      </c>
      <c r="LS15" s="110">
        <v>0</v>
      </c>
      <c r="LT15" s="298">
        <v>0</v>
      </c>
      <c r="LU15" s="129">
        <v>0</v>
      </c>
      <c r="LV15" s="109">
        <v>0</v>
      </c>
      <c r="LW15" s="110">
        <v>0</v>
      </c>
      <c r="LX15" s="132"/>
      <c r="LY15" s="109">
        <v>0</v>
      </c>
      <c r="LZ15" s="109">
        <v>198735</v>
      </c>
      <c r="MA15" s="109">
        <v>225185</v>
      </c>
      <c r="MB15" s="109">
        <v>0</v>
      </c>
      <c r="MC15" s="109">
        <v>573365</v>
      </c>
      <c r="MD15" s="110">
        <v>997285</v>
      </c>
      <c r="ME15" s="111">
        <v>997285</v>
      </c>
      <c r="MF15" s="129">
        <v>0</v>
      </c>
      <c r="MG15" s="109">
        <v>0</v>
      </c>
      <c r="MH15" s="110">
        <v>0</v>
      </c>
      <c r="MI15" s="132"/>
      <c r="MJ15" s="109">
        <v>220555</v>
      </c>
      <c r="MK15" s="109">
        <v>2156547</v>
      </c>
      <c r="ML15" s="109">
        <v>2801207</v>
      </c>
      <c r="MM15" s="109">
        <v>4647497</v>
      </c>
      <c r="MN15" s="109">
        <v>5922153</v>
      </c>
      <c r="MO15" s="110">
        <v>15747959</v>
      </c>
      <c r="MP15" s="130">
        <v>15747959</v>
      </c>
      <c r="MQ15" s="129">
        <v>0</v>
      </c>
      <c r="MR15" s="109">
        <v>0</v>
      </c>
      <c r="MS15" s="110">
        <v>0</v>
      </c>
      <c r="MT15" s="132"/>
      <c r="MU15" s="109">
        <v>196782</v>
      </c>
      <c r="MV15" s="109">
        <v>0</v>
      </c>
      <c r="MW15" s="109">
        <v>905355</v>
      </c>
      <c r="MX15" s="109">
        <v>3696137</v>
      </c>
      <c r="MY15" s="109">
        <v>2874642</v>
      </c>
      <c r="MZ15" s="110">
        <v>7672916</v>
      </c>
      <c r="NA15" s="130">
        <v>7672916</v>
      </c>
      <c r="NB15" s="129">
        <v>0</v>
      </c>
      <c r="NC15" s="109">
        <v>0</v>
      </c>
      <c r="ND15" s="110">
        <v>0</v>
      </c>
      <c r="NE15" s="132"/>
      <c r="NF15" s="109">
        <v>23773</v>
      </c>
      <c r="NG15" s="109">
        <v>2156547</v>
      </c>
      <c r="NH15" s="109">
        <v>1895852</v>
      </c>
      <c r="NI15" s="109">
        <v>951360</v>
      </c>
      <c r="NJ15" s="109">
        <v>3047511</v>
      </c>
      <c r="NK15" s="110">
        <v>8075043</v>
      </c>
      <c r="NL15" s="298">
        <v>8075043</v>
      </c>
      <c r="NM15" s="129">
        <v>0</v>
      </c>
      <c r="NN15" s="109">
        <v>0</v>
      </c>
      <c r="NO15" s="110">
        <v>0</v>
      </c>
      <c r="NP15" s="132"/>
      <c r="NQ15" s="109">
        <v>0</v>
      </c>
      <c r="NR15" s="109">
        <v>0</v>
      </c>
      <c r="NS15" s="109">
        <v>0</v>
      </c>
      <c r="NT15" s="109">
        <v>0</v>
      </c>
      <c r="NU15" s="109">
        <v>0</v>
      </c>
      <c r="NV15" s="110">
        <v>0</v>
      </c>
      <c r="NW15" s="111">
        <v>0</v>
      </c>
      <c r="NX15" s="129">
        <v>0</v>
      </c>
      <c r="NY15" s="109">
        <v>0</v>
      </c>
      <c r="NZ15" s="110">
        <v>0</v>
      </c>
      <c r="OA15" s="132"/>
      <c r="OB15" s="109">
        <v>0</v>
      </c>
      <c r="OC15" s="109">
        <v>0</v>
      </c>
      <c r="OD15" s="109">
        <v>0</v>
      </c>
      <c r="OE15" s="109">
        <v>0</v>
      </c>
      <c r="OF15" s="109">
        <v>0</v>
      </c>
      <c r="OG15" s="110">
        <v>0</v>
      </c>
      <c r="OH15" s="111">
        <v>0</v>
      </c>
      <c r="OI15" s="129">
        <v>1239508</v>
      </c>
      <c r="OJ15" s="109">
        <v>1527070</v>
      </c>
      <c r="OK15" s="128">
        <v>2766578</v>
      </c>
      <c r="OL15" s="108">
        <v>0</v>
      </c>
      <c r="OM15" s="109">
        <v>15192666</v>
      </c>
      <c r="ON15" s="109">
        <v>14823080</v>
      </c>
      <c r="OO15" s="109">
        <v>19036243</v>
      </c>
      <c r="OP15" s="109">
        <v>22886551</v>
      </c>
      <c r="OQ15" s="109">
        <v>18498599</v>
      </c>
      <c r="OR15" s="110">
        <v>90437139</v>
      </c>
      <c r="OS15" s="130">
        <v>93203717</v>
      </c>
    </row>
    <row r="16" spans="2:409" ht="21" customHeight="1" x14ac:dyDescent="0.2">
      <c r="B16" s="472" t="s">
        <v>10</v>
      </c>
      <c r="C16" s="100">
        <v>1272894</v>
      </c>
      <c r="D16" s="104">
        <v>2324500</v>
      </c>
      <c r="E16" s="103">
        <v>3597394</v>
      </c>
      <c r="F16" s="159">
        <v>0</v>
      </c>
      <c r="G16" s="104">
        <v>18423656</v>
      </c>
      <c r="H16" s="104">
        <v>16185005</v>
      </c>
      <c r="I16" s="104">
        <v>12514903</v>
      </c>
      <c r="J16" s="104">
        <v>14673377</v>
      </c>
      <c r="K16" s="104">
        <v>12072306</v>
      </c>
      <c r="L16" s="99">
        <v>73869247</v>
      </c>
      <c r="M16" s="106">
        <v>77466641</v>
      </c>
      <c r="N16" s="100">
        <v>518347</v>
      </c>
      <c r="O16" s="104">
        <v>883006</v>
      </c>
      <c r="P16" s="103">
        <v>1401353</v>
      </c>
      <c r="Q16" s="100">
        <v>0</v>
      </c>
      <c r="R16" s="104">
        <v>6998771</v>
      </c>
      <c r="S16" s="104">
        <v>5292374</v>
      </c>
      <c r="T16" s="104">
        <v>5002212</v>
      </c>
      <c r="U16" s="104">
        <v>5474808</v>
      </c>
      <c r="V16" s="104">
        <v>5322890</v>
      </c>
      <c r="W16" s="103">
        <v>28091055</v>
      </c>
      <c r="X16" s="106">
        <v>29492408</v>
      </c>
      <c r="Y16" s="100">
        <v>0</v>
      </c>
      <c r="Z16" s="104">
        <v>0</v>
      </c>
      <c r="AA16" s="103">
        <v>0</v>
      </c>
      <c r="AB16" s="100">
        <v>0</v>
      </c>
      <c r="AC16" s="104">
        <v>3249805</v>
      </c>
      <c r="AD16" s="104">
        <v>2340094</v>
      </c>
      <c r="AE16" s="104">
        <v>3146788</v>
      </c>
      <c r="AF16" s="104">
        <v>3714661</v>
      </c>
      <c r="AG16" s="104">
        <v>2987675</v>
      </c>
      <c r="AH16" s="103">
        <v>15439023</v>
      </c>
      <c r="AI16" s="106">
        <v>15439023</v>
      </c>
      <c r="AJ16" s="100">
        <v>0</v>
      </c>
      <c r="AK16" s="104">
        <v>0</v>
      </c>
      <c r="AL16" s="103">
        <v>0</v>
      </c>
      <c r="AM16" s="100">
        <v>0</v>
      </c>
      <c r="AN16" s="104">
        <v>32165</v>
      </c>
      <c r="AO16" s="104">
        <v>73388</v>
      </c>
      <c r="AP16" s="104">
        <v>93277</v>
      </c>
      <c r="AQ16" s="104">
        <v>85758</v>
      </c>
      <c r="AR16" s="104">
        <v>402052</v>
      </c>
      <c r="AS16" s="103">
        <v>686640</v>
      </c>
      <c r="AT16" s="106">
        <v>686640</v>
      </c>
      <c r="AU16" s="100">
        <v>240573</v>
      </c>
      <c r="AV16" s="104">
        <v>576781</v>
      </c>
      <c r="AW16" s="103">
        <v>817354</v>
      </c>
      <c r="AX16" s="100">
        <v>0</v>
      </c>
      <c r="AY16" s="104">
        <v>2360948</v>
      </c>
      <c r="AZ16" s="104">
        <v>1504543</v>
      </c>
      <c r="BA16" s="104">
        <v>738691</v>
      </c>
      <c r="BB16" s="104">
        <v>839661</v>
      </c>
      <c r="BC16" s="104">
        <v>842328</v>
      </c>
      <c r="BD16" s="103">
        <v>6286171</v>
      </c>
      <c r="BE16" s="106">
        <v>7103525</v>
      </c>
      <c r="BF16" s="100">
        <v>46263</v>
      </c>
      <c r="BG16" s="104">
        <v>110316</v>
      </c>
      <c r="BH16" s="102">
        <v>156579</v>
      </c>
      <c r="BI16" s="101">
        <v>0</v>
      </c>
      <c r="BJ16" s="104">
        <v>233214</v>
      </c>
      <c r="BK16" s="104">
        <v>355527</v>
      </c>
      <c r="BL16" s="104">
        <v>118776</v>
      </c>
      <c r="BM16" s="104">
        <v>14013</v>
      </c>
      <c r="BN16" s="104">
        <v>111927</v>
      </c>
      <c r="BO16" s="103">
        <v>833457</v>
      </c>
      <c r="BP16" s="106">
        <v>990036</v>
      </c>
      <c r="BQ16" s="100">
        <v>231511</v>
      </c>
      <c r="BR16" s="104">
        <v>195909</v>
      </c>
      <c r="BS16" s="103">
        <v>427420</v>
      </c>
      <c r="BT16" s="100">
        <v>0</v>
      </c>
      <c r="BU16" s="104">
        <v>1122639</v>
      </c>
      <c r="BV16" s="104">
        <v>1018822</v>
      </c>
      <c r="BW16" s="104">
        <v>904680</v>
      </c>
      <c r="BX16" s="104">
        <v>820715</v>
      </c>
      <c r="BY16" s="104">
        <v>978908</v>
      </c>
      <c r="BZ16" s="103">
        <v>4845764</v>
      </c>
      <c r="CA16" s="106">
        <v>5273184</v>
      </c>
      <c r="CB16" s="100">
        <v>54869</v>
      </c>
      <c r="CC16" s="104">
        <v>234782</v>
      </c>
      <c r="CD16" s="103">
        <v>289651</v>
      </c>
      <c r="CE16" s="100">
        <v>0</v>
      </c>
      <c r="CF16" s="104">
        <v>5551164</v>
      </c>
      <c r="CG16" s="104">
        <v>4118682</v>
      </c>
      <c r="CH16" s="104">
        <v>2620585</v>
      </c>
      <c r="CI16" s="104">
        <v>1353736</v>
      </c>
      <c r="CJ16" s="104">
        <v>460037</v>
      </c>
      <c r="CK16" s="103">
        <v>14104204</v>
      </c>
      <c r="CL16" s="106">
        <v>14393855</v>
      </c>
      <c r="CM16" s="100">
        <v>0</v>
      </c>
      <c r="CN16" s="104">
        <v>0</v>
      </c>
      <c r="CO16" s="103">
        <v>0</v>
      </c>
      <c r="CP16" s="101">
        <v>0</v>
      </c>
      <c r="CQ16" s="104">
        <v>4539039</v>
      </c>
      <c r="CR16" s="104">
        <v>3257046</v>
      </c>
      <c r="CS16" s="104">
        <v>2486961</v>
      </c>
      <c r="CT16" s="104">
        <v>1216608</v>
      </c>
      <c r="CU16" s="104">
        <v>315231</v>
      </c>
      <c r="CV16" s="103">
        <v>11814885</v>
      </c>
      <c r="CW16" s="106">
        <v>11814885</v>
      </c>
      <c r="CX16" s="100">
        <v>54869</v>
      </c>
      <c r="CY16" s="104">
        <v>234782</v>
      </c>
      <c r="CZ16" s="103">
        <v>289651</v>
      </c>
      <c r="DA16" s="100">
        <v>0</v>
      </c>
      <c r="DB16" s="104">
        <v>1012125</v>
      </c>
      <c r="DC16" s="104">
        <v>861636</v>
      </c>
      <c r="DD16" s="104">
        <v>133624</v>
      </c>
      <c r="DE16" s="104">
        <v>137128</v>
      </c>
      <c r="DF16" s="104">
        <v>144806</v>
      </c>
      <c r="DG16" s="103">
        <v>2289319</v>
      </c>
      <c r="DH16" s="106">
        <v>2578970</v>
      </c>
      <c r="DI16" s="100">
        <v>0</v>
      </c>
      <c r="DJ16" s="104">
        <v>64120</v>
      </c>
      <c r="DK16" s="102">
        <v>64120</v>
      </c>
      <c r="DL16" s="101">
        <v>0</v>
      </c>
      <c r="DM16" s="104">
        <v>610584</v>
      </c>
      <c r="DN16" s="104">
        <v>683000</v>
      </c>
      <c r="DO16" s="104">
        <v>1074747</v>
      </c>
      <c r="DP16" s="104">
        <v>1784353</v>
      </c>
      <c r="DQ16" s="104">
        <v>72575</v>
      </c>
      <c r="DR16" s="103">
        <v>4225259</v>
      </c>
      <c r="DS16" s="106">
        <v>4289379</v>
      </c>
      <c r="DT16" s="100">
        <v>0</v>
      </c>
      <c r="DU16" s="104">
        <v>64120</v>
      </c>
      <c r="DV16" s="103">
        <v>64120</v>
      </c>
      <c r="DW16" s="100">
        <v>0</v>
      </c>
      <c r="DX16" s="104">
        <v>508113</v>
      </c>
      <c r="DY16" s="104">
        <v>556158</v>
      </c>
      <c r="DZ16" s="104">
        <v>1074747</v>
      </c>
      <c r="EA16" s="104">
        <v>1740514</v>
      </c>
      <c r="EB16" s="104">
        <v>26205</v>
      </c>
      <c r="EC16" s="103">
        <v>3905737</v>
      </c>
      <c r="ED16" s="106">
        <v>3969857</v>
      </c>
      <c r="EE16" s="100">
        <v>0</v>
      </c>
      <c r="EF16" s="102">
        <v>0</v>
      </c>
      <c r="EG16" s="103">
        <v>0</v>
      </c>
      <c r="EH16" s="100">
        <v>0</v>
      </c>
      <c r="EI16" s="104">
        <v>102471</v>
      </c>
      <c r="EJ16" s="104">
        <v>126842</v>
      </c>
      <c r="EK16" s="104">
        <v>0</v>
      </c>
      <c r="EL16" s="104">
        <v>43839</v>
      </c>
      <c r="EM16" s="104">
        <v>46370</v>
      </c>
      <c r="EN16" s="102">
        <v>319522</v>
      </c>
      <c r="EO16" s="106">
        <v>319522</v>
      </c>
      <c r="EP16" s="100">
        <v>0</v>
      </c>
      <c r="EQ16" s="104">
        <v>0</v>
      </c>
      <c r="ER16" s="102">
        <v>0</v>
      </c>
      <c r="ES16" s="101">
        <v>0</v>
      </c>
      <c r="ET16" s="104">
        <v>0</v>
      </c>
      <c r="EU16" s="104">
        <v>0</v>
      </c>
      <c r="EV16" s="104">
        <v>0</v>
      </c>
      <c r="EW16" s="104">
        <v>0</v>
      </c>
      <c r="EX16" s="104">
        <v>0</v>
      </c>
      <c r="EY16" s="103">
        <v>0</v>
      </c>
      <c r="EZ16" s="106">
        <v>0</v>
      </c>
      <c r="FA16" s="100">
        <v>0</v>
      </c>
      <c r="FB16" s="104">
        <v>0</v>
      </c>
      <c r="FC16" s="102">
        <v>0</v>
      </c>
      <c r="FD16" s="324"/>
      <c r="FE16" s="104">
        <v>0</v>
      </c>
      <c r="FF16" s="104">
        <v>0</v>
      </c>
      <c r="FG16" s="104">
        <v>0</v>
      </c>
      <c r="FH16" s="104">
        <v>0</v>
      </c>
      <c r="FI16" s="104">
        <v>0</v>
      </c>
      <c r="FJ16" s="103">
        <v>0</v>
      </c>
      <c r="FK16" s="106">
        <v>0</v>
      </c>
      <c r="FL16" s="100">
        <v>228956</v>
      </c>
      <c r="FM16" s="104">
        <v>571193</v>
      </c>
      <c r="FN16" s="103">
        <v>800149</v>
      </c>
      <c r="FO16" s="100">
        <v>0</v>
      </c>
      <c r="FP16" s="104">
        <v>1064763</v>
      </c>
      <c r="FQ16" s="104">
        <v>1458107</v>
      </c>
      <c r="FR16" s="104">
        <v>753760</v>
      </c>
      <c r="FS16" s="104">
        <v>884779</v>
      </c>
      <c r="FT16" s="104">
        <v>683376</v>
      </c>
      <c r="FU16" s="103">
        <v>4844785</v>
      </c>
      <c r="FV16" s="106">
        <v>5644934</v>
      </c>
      <c r="FW16" s="105">
        <v>203546</v>
      </c>
      <c r="FX16" s="104">
        <v>478443</v>
      </c>
      <c r="FY16" s="102">
        <v>681989</v>
      </c>
      <c r="FZ16" s="101">
        <v>0</v>
      </c>
      <c r="GA16" s="104">
        <v>796950</v>
      </c>
      <c r="GB16" s="104">
        <v>1318107</v>
      </c>
      <c r="GC16" s="104">
        <v>753760</v>
      </c>
      <c r="GD16" s="104">
        <v>731843</v>
      </c>
      <c r="GE16" s="104">
        <v>640780</v>
      </c>
      <c r="GF16" s="103">
        <v>4241440</v>
      </c>
      <c r="GG16" s="296">
        <v>4923429</v>
      </c>
      <c r="GH16" s="105">
        <v>25410</v>
      </c>
      <c r="GI16" s="104">
        <v>22050</v>
      </c>
      <c r="GJ16" s="102">
        <v>47460</v>
      </c>
      <c r="GK16" s="101">
        <v>0</v>
      </c>
      <c r="GL16" s="104">
        <v>51163</v>
      </c>
      <c r="GM16" s="104">
        <v>0</v>
      </c>
      <c r="GN16" s="104">
        <v>0</v>
      </c>
      <c r="GO16" s="104">
        <v>12936</v>
      </c>
      <c r="GP16" s="104">
        <v>0</v>
      </c>
      <c r="GQ16" s="103">
        <v>64099</v>
      </c>
      <c r="GR16" s="106">
        <v>111559</v>
      </c>
      <c r="GS16" s="100">
        <v>0</v>
      </c>
      <c r="GT16" s="104">
        <v>70700</v>
      </c>
      <c r="GU16" s="103">
        <v>70700</v>
      </c>
      <c r="GV16" s="100">
        <v>0</v>
      </c>
      <c r="GW16" s="104">
        <v>216650</v>
      </c>
      <c r="GX16" s="104">
        <v>140000</v>
      </c>
      <c r="GY16" s="104">
        <v>0</v>
      </c>
      <c r="GZ16" s="104">
        <v>140000</v>
      </c>
      <c r="HA16" s="104">
        <v>42596</v>
      </c>
      <c r="HB16" s="102">
        <v>539246</v>
      </c>
      <c r="HC16" s="106">
        <v>609946</v>
      </c>
      <c r="HD16" s="100">
        <v>470722</v>
      </c>
      <c r="HE16" s="104">
        <v>571399</v>
      </c>
      <c r="HF16" s="102">
        <v>1042121</v>
      </c>
      <c r="HG16" s="101">
        <v>0</v>
      </c>
      <c r="HH16" s="104">
        <v>4198374</v>
      </c>
      <c r="HI16" s="104">
        <v>4632842</v>
      </c>
      <c r="HJ16" s="104">
        <v>3063599</v>
      </c>
      <c r="HK16" s="104">
        <v>5175701</v>
      </c>
      <c r="HL16" s="104">
        <v>5533428</v>
      </c>
      <c r="HM16" s="103">
        <v>22603944</v>
      </c>
      <c r="HN16" s="99">
        <v>23646065</v>
      </c>
      <c r="HO16" s="306"/>
      <c r="HP16" s="307"/>
      <c r="HQ16" s="308"/>
      <c r="HR16" s="309"/>
      <c r="HS16" s="307"/>
      <c r="HT16" s="307"/>
      <c r="HU16" s="307"/>
      <c r="HV16" s="307"/>
      <c r="HW16" s="307"/>
      <c r="HX16" s="310"/>
      <c r="HY16" s="311"/>
      <c r="HZ16" s="137">
        <v>40399</v>
      </c>
      <c r="IA16" s="122">
        <v>70030</v>
      </c>
      <c r="IB16" s="137">
        <v>110429</v>
      </c>
      <c r="IC16" s="121">
        <v>0</v>
      </c>
      <c r="ID16" s="122">
        <v>2554243</v>
      </c>
      <c r="IE16" s="123">
        <v>2279574</v>
      </c>
      <c r="IF16" s="124">
        <v>3751948</v>
      </c>
      <c r="IG16" s="122">
        <v>3274521</v>
      </c>
      <c r="IH16" s="124">
        <v>3061592</v>
      </c>
      <c r="II16" s="125">
        <v>14921878</v>
      </c>
      <c r="IJ16" s="137">
        <v>15032307</v>
      </c>
      <c r="IK16" s="219">
        <v>0</v>
      </c>
      <c r="IL16" s="223">
        <v>0</v>
      </c>
      <c r="IM16" s="224">
        <v>0</v>
      </c>
      <c r="IN16" s="127"/>
      <c r="IO16" s="109">
        <v>0</v>
      </c>
      <c r="IP16" s="109">
        <v>108325</v>
      </c>
      <c r="IQ16" s="109">
        <v>181542</v>
      </c>
      <c r="IR16" s="109">
        <v>0</v>
      </c>
      <c r="IS16" s="109">
        <v>0</v>
      </c>
      <c r="IT16" s="128">
        <v>289867</v>
      </c>
      <c r="IU16" s="298">
        <v>289867</v>
      </c>
      <c r="IV16" s="129">
        <v>0</v>
      </c>
      <c r="IW16" s="109">
        <v>0</v>
      </c>
      <c r="IX16" s="110">
        <v>0</v>
      </c>
      <c r="IY16" s="131"/>
      <c r="IZ16" s="109">
        <v>0</v>
      </c>
      <c r="JA16" s="109">
        <v>9355</v>
      </c>
      <c r="JB16" s="109">
        <v>31633</v>
      </c>
      <c r="JC16" s="109">
        <v>0</v>
      </c>
      <c r="JD16" s="109">
        <v>0</v>
      </c>
      <c r="JE16" s="110">
        <v>40988</v>
      </c>
      <c r="JF16" s="111">
        <v>40988</v>
      </c>
      <c r="JG16" s="129">
        <v>0</v>
      </c>
      <c r="JH16" s="109">
        <v>0</v>
      </c>
      <c r="JI16" s="128">
        <v>0</v>
      </c>
      <c r="JJ16" s="108">
        <v>0</v>
      </c>
      <c r="JK16" s="109">
        <v>1150590</v>
      </c>
      <c r="JL16" s="109">
        <v>655853</v>
      </c>
      <c r="JM16" s="109">
        <v>284603</v>
      </c>
      <c r="JN16" s="109">
        <v>712265</v>
      </c>
      <c r="JO16" s="109">
        <v>39966</v>
      </c>
      <c r="JP16" s="110">
        <v>2843277</v>
      </c>
      <c r="JQ16" s="298">
        <v>2843277</v>
      </c>
      <c r="JR16" s="129">
        <v>0</v>
      </c>
      <c r="JS16" s="109">
        <v>0</v>
      </c>
      <c r="JT16" s="128">
        <v>0</v>
      </c>
      <c r="JU16" s="108">
        <v>0</v>
      </c>
      <c r="JV16" s="109">
        <v>0</v>
      </c>
      <c r="JW16" s="109">
        <v>0</v>
      </c>
      <c r="JX16" s="109">
        <v>240126</v>
      </c>
      <c r="JY16" s="109">
        <v>270317</v>
      </c>
      <c r="JZ16" s="109">
        <v>0</v>
      </c>
      <c r="KA16" s="110">
        <v>510443</v>
      </c>
      <c r="KB16" s="298">
        <v>510443</v>
      </c>
      <c r="KC16" s="221">
        <v>40399</v>
      </c>
      <c r="KD16" s="217">
        <v>70030</v>
      </c>
      <c r="KE16" s="110">
        <v>110429</v>
      </c>
      <c r="KF16" s="108">
        <v>0</v>
      </c>
      <c r="KG16" s="109">
        <v>622756</v>
      </c>
      <c r="KH16" s="109">
        <v>147844</v>
      </c>
      <c r="KI16" s="109">
        <v>560457</v>
      </c>
      <c r="KJ16" s="109">
        <v>214308</v>
      </c>
      <c r="KK16" s="109">
        <v>235612</v>
      </c>
      <c r="KL16" s="110">
        <v>1780977</v>
      </c>
      <c r="KM16" s="130">
        <v>1891406</v>
      </c>
      <c r="KN16" s="219">
        <v>0</v>
      </c>
      <c r="KO16" s="223">
        <v>0</v>
      </c>
      <c r="KP16" s="224">
        <v>0</v>
      </c>
      <c r="KQ16" s="127"/>
      <c r="KR16" s="109">
        <v>211667</v>
      </c>
      <c r="KS16" s="109">
        <v>1290488</v>
      </c>
      <c r="KT16" s="109">
        <v>1494771</v>
      </c>
      <c r="KU16" s="109">
        <v>1150462</v>
      </c>
      <c r="KV16" s="109">
        <v>1644419</v>
      </c>
      <c r="KW16" s="110">
        <v>5791807</v>
      </c>
      <c r="KX16" s="298">
        <v>5791807</v>
      </c>
      <c r="KY16" s="129">
        <v>0</v>
      </c>
      <c r="KZ16" s="109">
        <v>0</v>
      </c>
      <c r="LA16" s="110">
        <v>0</v>
      </c>
      <c r="LB16" s="132"/>
      <c r="LC16" s="109">
        <v>569230</v>
      </c>
      <c r="LD16" s="109">
        <v>0</v>
      </c>
      <c r="LE16" s="109">
        <v>740075</v>
      </c>
      <c r="LF16" s="109">
        <v>238788</v>
      </c>
      <c r="LG16" s="109">
        <v>837370</v>
      </c>
      <c r="LH16" s="110">
        <v>2385463</v>
      </c>
      <c r="LI16" s="111">
        <v>2385463</v>
      </c>
      <c r="LJ16" s="129">
        <v>0</v>
      </c>
      <c r="LK16" s="109">
        <v>0</v>
      </c>
      <c r="LL16" s="110">
        <v>0</v>
      </c>
      <c r="LM16" s="132"/>
      <c r="LN16" s="109">
        <v>0</v>
      </c>
      <c r="LO16" s="109">
        <v>0</v>
      </c>
      <c r="LP16" s="109">
        <v>0</v>
      </c>
      <c r="LQ16" s="109">
        <v>434599</v>
      </c>
      <c r="LR16" s="109">
        <v>0</v>
      </c>
      <c r="LS16" s="110">
        <v>434599</v>
      </c>
      <c r="LT16" s="298">
        <v>434599</v>
      </c>
      <c r="LU16" s="129">
        <v>0</v>
      </c>
      <c r="LV16" s="109">
        <v>0</v>
      </c>
      <c r="LW16" s="110">
        <v>0</v>
      </c>
      <c r="LX16" s="132"/>
      <c r="LY16" s="109">
        <v>0</v>
      </c>
      <c r="LZ16" s="109">
        <v>67709</v>
      </c>
      <c r="MA16" s="109">
        <v>218741</v>
      </c>
      <c r="MB16" s="109">
        <v>253782</v>
      </c>
      <c r="MC16" s="109">
        <v>304225</v>
      </c>
      <c r="MD16" s="110">
        <v>844457</v>
      </c>
      <c r="ME16" s="111">
        <v>844457</v>
      </c>
      <c r="MF16" s="129">
        <v>0</v>
      </c>
      <c r="MG16" s="109">
        <v>0</v>
      </c>
      <c r="MH16" s="110">
        <v>0</v>
      </c>
      <c r="MI16" s="132"/>
      <c r="MJ16" s="109">
        <v>214648</v>
      </c>
      <c r="MK16" s="109">
        <v>403045</v>
      </c>
      <c r="ML16" s="109">
        <v>3854488</v>
      </c>
      <c r="MM16" s="109">
        <v>5048991</v>
      </c>
      <c r="MN16" s="109">
        <v>6231412</v>
      </c>
      <c r="MO16" s="110">
        <v>15752584</v>
      </c>
      <c r="MP16" s="130">
        <v>15752584</v>
      </c>
      <c r="MQ16" s="129">
        <v>0</v>
      </c>
      <c r="MR16" s="109">
        <v>0</v>
      </c>
      <c r="MS16" s="110">
        <v>0</v>
      </c>
      <c r="MT16" s="132"/>
      <c r="MU16" s="109">
        <v>0</v>
      </c>
      <c r="MV16" s="109">
        <v>0</v>
      </c>
      <c r="MW16" s="109">
        <v>2412589</v>
      </c>
      <c r="MX16" s="109">
        <v>3680503</v>
      </c>
      <c r="MY16" s="109">
        <v>4690485</v>
      </c>
      <c r="MZ16" s="110">
        <v>10783577</v>
      </c>
      <c r="NA16" s="130">
        <v>10783577</v>
      </c>
      <c r="NB16" s="129">
        <v>0</v>
      </c>
      <c r="NC16" s="109">
        <v>0</v>
      </c>
      <c r="ND16" s="110">
        <v>0</v>
      </c>
      <c r="NE16" s="132"/>
      <c r="NF16" s="109">
        <v>214648</v>
      </c>
      <c r="NG16" s="109">
        <v>403045</v>
      </c>
      <c r="NH16" s="109">
        <v>1441899</v>
      </c>
      <c r="NI16" s="109">
        <v>1368488</v>
      </c>
      <c r="NJ16" s="109">
        <v>1232888</v>
      </c>
      <c r="NK16" s="110">
        <v>4660968</v>
      </c>
      <c r="NL16" s="298">
        <v>4660968</v>
      </c>
      <c r="NM16" s="129">
        <v>0</v>
      </c>
      <c r="NN16" s="109">
        <v>0</v>
      </c>
      <c r="NO16" s="110">
        <v>0</v>
      </c>
      <c r="NP16" s="132"/>
      <c r="NQ16" s="109">
        <v>0</v>
      </c>
      <c r="NR16" s="109">
        <v>0</v>
      </c>
      <c r="NS16" s="109">
        <v>0</v>
      </c>
      <c r="NT16" s="109">
        <v>0</v>
      </c>
      <c r="NU16" s="109">
        <v>308039</v>
      </c>
      <c r="NV16" s="110">
        <v>308039</v>
      </c>
      <c r="NW16" s="111">
        <v>308039</v>
      </c>
      <c r="NX16" s="129">
        <v>0</v>
      </c>
      <c r="NY16" s="109">
        <v>0</v>
      </c>
      <c r="NZ16" s="110">
        <v>0</v>
      </c>
      <c r="OA16" s="132"/>
      <c r="OB16" s="109">
        <v>0</v>
      </c>
      <c r="OC16" s="109">
        <v>0</v>
      </c>
      <c r="OD16" s="109">
        <v>0</v>
      </c>
      <c r="OE16" s="109">
        <v>0</v>
      </c>
      <c r="OF16" s="109">
        <v>0</v>
      </c>
      <c r="OG16" s="110">
        <v>0</v>
      </c>
      <c r="OH16" s="111">
        <v>0</v>
      </c>
      <c r="OI16" s="129">
        <v>1313293</v>
      </c>
      <c r="OJ16" s="109">
        <v>2394530</v>
      </c>
      <c r="OK16" s="128">
        <v>3707823</v>
      </c>
      <c r="OL16" s="108">
        <v>0</v>
      </c>
      <c r="OM16" s="109">
        <v>21192547</v>
      </c>
      <c r="ON16" s="109">
        <v>18867624</v>
      </c>
      <c r="OO16" s="109">
        <v>20121339</v>
      </c>
      <c r="OP16" s="109">
        <v>22996889</v>
      </c>
      <c r="OQ16" s="109">
        <v>21365310</v>
      </c>
      <c r="OR16" s="110">
        <v>104543709</v>
      </c>
      <c r="OS16" s="130">
        <v>108251532</v>
      </c>
    </row>
    <row r="17" spans="2:409" ht="21" customHeight="1" x14ac:dyDescent="0.2">
      <c r="B17" s="472" t="s">
        <v>11</v>
      </c>
      <c r="C17" s="100">
        <v>288735</v>
      </c>
      <c r="D17" s="104">
        <v>339099</v>
      </c>
      <c r="E17" s="158">
        <v>627834</v>
      </c>
      <c r="F17" s="101">
        <v>0</v>
      </c>
      <c r="G17" s="104">
        <v>5708621</v>
      </c>
      <c r="H17" s="104">
        <v>4630982</v>
      </c>
      <c r="I17" s="104">
        <v>5568444</v>
      </c>
      <c r="J17" s="104">
        <v>5698982</v>
      </c>
      <c r="K17" s="104">
        <v>4253013</v>
      </c>
      <c r="L17" s="99">
        <v>25860042</v>
      </c>
      <c r="M17" s="106">
        <v>26487876</v>
      </c>
      <c r="N17" s="100">
        <v>77192</v>
      </c>
      <c r="O17" s="104">
        <v>44396</v>
      </c>
      <c r="P17" s="103">
        <v>121588</v>
      </c>
      <c r="Q17" s="100">
        <v>0</v>
      </c>
      <c r="R17" s="104">
        <v>1317682</v>
      </c>
      <c r="S17" s="104">
        <v>1461520</v>
      </c>
      <c r="T17" s="104">
        <v>1454751</v>
      </c>
      <c r="U17" s="104">
        <v>1836161</v>
      </c>
      <c r="V17" s="104">
        <v>1812675</v>
      </c>
      <c r="W17" s="103">
        <v>7882789</v>
      </c>
      <c r="X17" s="106">
        <v>8004377</v>
      </c>
      <c r="Y17" s="100">
        <v>0</v>
      </c>
      <c r="Z17" s="104">
        <v>0</v>
      </c>
      <c r="AA17" s="103">
        <v>0</v>
      </c>
      <c r="AB17" s="100">
        <v>0</v>
      </c>
      <c r="AC17" s="104">
        <v>421842</v>
      </c>
      <c r="AD17" s="104">
        <v>532863</v>
      </c>
      <c r="AE17" s="104">
        <v>772600</v>
      </c>
      <c r="AF17" s="104">
        <v>870281</v>
      </c>
      <c r="AG17" s="104">
        <v>1057730</v>
      </c>
      <c r="AH17" s="103">
        <v>3655316</v>
      </c>
      <c r="AI17" s="106">
        <v>3655316</v>
      </c>
      <c r="AJ17" s="100">
        <v>0</v>
      </c>
      <c r="AK17" s="104">
        <v>0</v>
      </c>
      <c r="AL17" s="103">
        <v>0</v>
      </c>
      <c r="AM17" s="100">
        <v>0</v>
      </c>
      <c r="AN17" s="104">
        <v>0</v>
      </c>
      <c r="AO17" s="104">
        <v>0</v>
      </c>
      <c r="AP17" s="104">
        <v>0</v>
      </c>
      <c r="AQ17" s="104">
        <v>132881</v>
      </c>
      <c r="AR17" s="104">
        <v>263947</v>
      </c>
      <c r="AS17" s="103">
        <v>396828</v>
      </c>
      <c r="AT17" s="106">
        <v>396828</v>
      </c>
      <c r="AU17" s="100">
        <v>60630</v>
      </c>
      <c r="AV17" s="104">
        <v>16956</v>
      </c>
      <c r="AW17" s="103">
        <v>77586</v>
      </c>
      <c r="AX17" s="100">
        <v>0</v>
      </c>
      <c r="AY17" s="104">
        <v>653332</v>
      </c>
      <c r="AZ17" s="104">
        <v>642848</v>
      </c>
      <c r="BA17" s="104">
        <v>444648</v>
      </c>
      <c r="BB17" s="104">
        <v>556765</v>
      </c>
      <c r="BC17" s="104">
        <v>302859</v>
      </c>
      <c r="BD17" s="103">
        <v>2600452</v>
      </c>
      <c r="BE17" s="106">
        <v>2678038</v>
      </c>
      <c r="BF17" s="100">
        <v>0</v>
      </c>
      <c r="BG17" s="104">
        <v>26292</v>
      </c>
      <c r="BH17" s="102">
        <v>26292</v>
      </c>
      <c r="BI17" s="101">
        <v>0</v>
      </c>
      <c r="BJ17" s="104">
        <v>53536</v>
      </c>
      <c r="BK17" s="104">
        <v>40424</v>
      </c>
      <c r="BL17" s="104">
        <v>0</v>
      </c>
      <c r="BM17" s="104">
        <v>26768</v>
      </c>
      <c r="BN17" s="104">
        <v>50869</v>
      </c>
      <c r="BO17" s="103">
        <v>171597</v>
      </c>
      <c r="BP17" s="106">
        <v>197889</v>
      </c>
      <c r="BQ17" s="100">
        <v>16562</v>
      </c>
      <c r="BR17" s="104">
        <v>1148</v>
      </c>
      <c r="BS17" s="103">
        <v>17710</v>
      </c>
      <c r="BT17" s="100">
        <v>0</v>
      </c>
      <c r="BU17" s="104">
        <v>188972</v>
      </c>
      <c r="BV17" s="104">
        <v>245385</v>
      </c>
      <c r="BW17" s="104">
        <v>237503</v>
      </c>
      <c r="BX17" s="104">
        <v>249466</v>
      </c>
      <c r="BY17" s="104">
        <v>137270</v>
      </c>
      <c r="BZ17" s="103">
        <v>1058596</v>
      </c>
      <c r="CA17" s="106">
        <v>1076306</v>
      </c>
      <c r="CB17" s="100">
        <v>36702</v>
      </c>
      <c r="CC17" s="104">
        <v>101600</v>
      </c>
      <c r="CD17" s="103">
        <v>138302</v>
      </c>
      <c r="CE17" s="100">
        <v>0</v>
      </c>
      <c r="CF17" s="104">
        <v>1067777</v>
      </c>
      <c r="CG17" s="104">
        <v>1320117</v>
      </c>
      <c r="CH17" s="104">
        <v>1124251</v>
      </c>
      <c r="CI17" s="104">
        <v>834776</v>
      </c>
      <c r="CJ17" s="104">
        <v>251421</v>
      </c>
      <c r="CK17" s="103">
        <v>4598342</v>
      </c>
      <c r="CL17" s="106">
        <v>4736644</v>
      </c>
      <c r="CM17" s="100">
        <v>0</v>
      </c>
      <c r="CN17" s="104">
        <v>0</v>
      </c>
      <c r="CO17" s="103">
        <v>0</v>
      </c>
      <c r="CP17" s="101">
        <v>0</v>
      </c>
      <c r="CQ17" s="104">
        <v>580769</v>
      </c>
      <c r="CR17" s="104">
        <v>757743</v>
      </c>
      <c r="CS17" s="104">
        <v>640199</v>
      </c>
      <c r="CT17" s="104">
        <v>715895</v>
      </c>
      <c r="CU17" s="104">
        <v>211971</v>
      </c>
      <c r="CV17" s="103">
        <v>2906577</v>
      </c>
      <c r="CW17" s="106">
        <v>2906577</v>
      </c>
      <c r="CX17" s="100">
        <v>36702</v>
      </c>
      <c r="CY17" s="104">
        <v>101600</v>
      </c>
      <c r="CZ17" s="103">
        <v>138302</v>
      </c>
      <c r="DA17" s="100">
        <v>0</v>
      </c>
      <c r="DB17" s="104">
        <v>487008</v>
      </c>
      <c r="DC17" s="104">
        <v>562374</v>
      </c>
      <c r="DD17" s="104">
        <v>484052</v>
      </c>
      <c r="DE17" s="104">
        <v>118881</v>
      </c>
      <c r="DF17" s="104">
        <v>39450</v>
      </c>
      <c r="DG17" s="103">
        <v>1691765</v>
      </c>
      <c r="DH17" s="106">
        <v>1830067</v>
      </c>
      <c r="DI17" s="100">
        <v>0</v>
      </c>
      <c r="DJ17" s="104">
        <v>0</v>
      </c>
      <c r="DK17" s="102">
        <v>0</v>
      </c>
      <c r="DL17" s="101">
        <v>0</v>
      </c>
      <c r="DM17" s="104">
        <v>183355</v>
      </c>
      <c r="DN17" s="104">
        <v>347053</v>
      </c>
      <c r="DO17" s="104">
        <v>339106</v>
      </c>
      <c r="DP17" s="104">
        <v>115031</v>
      </c>
      <c r="DQ17" s="104">
        <v>563961</v>
      </c>
      <c r="DR17" s="103">
        <v>1548506</v>
      </c>
      <c r="DS17" s="106">
        <v>1548506</v>
      </c>
      <c r="DT17" s="100">
        <v>0</v>
      </c>
      <c r="DU17" s="104">
        <v>0</v>
      </c>
      <c r="DV17" s="103">
        <v>0</v>
      </c>
      <c r="DW17" s="100">
        <v>0</v>
      </c>
      <c r="DX17" s="104">
        <v>183355</v>
      </c>
      <c r="DY17" s="104">
        <v>347053</v>
      </c>
      <c r="DZ17" s="104">
        <v>158000</v>
      </c>
      <c r="EA17" s="104">
        <v>82733</v>
      </c>
      <c r="EB17" s="104">
        <v>411452</v>
      </c>
      <c r="EC17" s="103">
        <v>1182593</v>
      </c>
      <c r="ED17" s="106">
        <v>1182593</v>
      </c>
      <c r="EE17" s="100">
        <v>0</v>
      </c>
      <c r="EF17" s="102">
        <v>0</v>
      </c>
      <c r="EG17" s="103">
        <v>0</v>
      </c>
      <c r="EH17" s="100">
        <v>0</v>
      </c>
      <c r="EI17" s="104">
        <v>0</v>
      </c>
      <c r="EJ17" s="104">
        <v>0</v>
      </c>
      <c r="EK17" s="104">
        <v>181106</v>
      </c>
      <c r="EL17" s="104">
        <v>32298</v>
      </c>
      <c r="EM17" s="104">
        <v>152509</v>
      </c>
      <c r="EN17" s="102">
        <v>365913</v>
      </c>
      <c r="EO17" s="106">
        <v>365913</v>
      </c>
      <c r="EP17" s="100">
        <v>0</v>
      </c>
      <c r="EQ17" s="104">
        <v>0</v>
      </c>
      <c r="ER17" s="102">
        <v>0</v>
      </c>
      <c r="ES17" s="101">
        <v>0</v>
      </c>
      <c r="ET17" s="104">
        <v>0</v>
      </c>
      <c r="EU17" s="104">
        <v>0</v>
      </c>
      <c r="EV17" s="104">
        <v>0</v>
      </c>
      <c r="EW17" s="104">
        <v>0</v>
      </c>
      <c r="EX17" s="104">
        <v>0</v>
      </c>
      <c r="EY17" s="103">
        <v>0</v>
      </c>
      <c r="EZ17" s="106">
        <v>0</v>
      </c>
      <c r="FA17" s="100">
        <v>0</v>
      </c>
      <c r="FB17" s="104">
        <v>0</v>
      </c>
      <c r="FC17" s="102">
        <v>0</v>
      </c>
      <c r="FD17" s="324"/>
      <c r="FE17" s="104">
        <v>0</v>
      </c>
      <c r="FF17" s="104">
        <v>0</v>
      </c>
      <c r="FG17" s="104">
        <v>0</v>
      </c>
      <c r="FH17" s="104">
        <v>0</v>
      </c>
      <c r="FI17" s="104">
        <v>0</v>
      </c>
      <c r="FJ17" s="103">
        <v>0</v>
      </c>
      <c r="FK17" s="106">
        <v>0</v>
      </c>
      <c r="FL17" s="100">
        <v>73318</v>
      </c>
      <c r="FM17" s="104">
        <v>108696</v>
      </c>
      <c r="FN17" s="103">
        <v>182014</v>
      </c>
      <c r="FO17" s="100">
        <v>0</v>
      </c>
      <c r="FP17" s="104">
        <v>317053</v>
      </c>
      <c r="FQ17" s="104">
        <v>397362</v>
      </c>
      <c r="FR17" s="104">
        <v>385665</v>
      </c>
      <c r="FS17" s="104">
        <v>612283</v>
      </c>
      <c r="FT17" s="104">
        <v>160748</v>
      </c>
      <c r="FU17" s="103">
        <v>1873111</v>
      </c>
      <c r="FV17" s="106">
        <v>2055125</v>
      </c>
      <c r="FW17" s="105">
        <v>60018</v>
      </c>
      <c r="FX17" s="104">
        <v>96096</v>
      </c>
      <c r="FY17" s="102">
        <v>156114</v>
      </c>
      <c r="FZ17" s="101">
        <v>0</v>
      </c>
      <c r="GA17" s="104">
        <v>234066</v>
      </c>
      <c r="GB17" s="104">
        <v>374290</v>
      </c>
      <c r="GC17" s="104">
        <v>385665</v>
      </c>
      <c r="GD17" s="104">
        <v>506583</v>
      </c>
      <c r="GE17" s="104">
        <v>160748</v>
      </c>
      <c r="GF17" s="103">
        <v>1661352</v>
      </c>
      <c r="GG17" s="296">
        <v>1817466</v>
      </c>
      <c r="GH17" s="105">
        <v>0</v>
      </c>
      <c r="GI17" s="104">
        <v>12600</v>
      </c>
      <c r="GJ17" s="102">
        <v>12600</v>
      </c>
      <c r="GK17" s="101">
        <v>0</v>
      </c>
      <c r="GL17" s="104">
        <v>33707</v>
      </c>
      <c r="GM17" s="104">
        <v>13062</v>
      </c>
      <c r="GN17" s="104">
        <v>0</v>
      </c>
      <c r="GO17" s="104">
        <v>0</v>
      </c>
      <c r="GP17" s="104">
        <v>0</v>
      </c>
      <c r="GQ17" s="103">
        <v>46769</v>
      </c>
      <c r="GR17" s="106">
        <v>59369</v>
      </c>
      <c r="GS17" s="100">
        <v>13300</v>
      </c>
      <c r="GT17" s="104">
        <v>0</v>
      </c>
      <c r="GU17" s="103">
        <v>13300</v>
      </c>
      <c r="GV17" s="100">
        <v>0</v>
      </c>
      <c r="GW17" s="104">
        <v>49280</v>
      </c>
      <c r="GX17" s="104">
        <v>10010</v>
      </c>
      <c r="GY17" s="104">
        <v>0</v>
      </c>
      <c r="GZ17" s="104">
        <v>105700</v>
      </c>
      <c r="HA17" s="104">
        <v>0</v>
      </c>
      <c r="HB17" s="102">
        <v>164990</v>
      </c>
      <c r="HC17" s="106">
        <v>178290</v>
      </c>
      <c r="HD17" s="100">
        <v>101523</v>
      </c>
      <c r="HE17" s="104">
        <v>84407</v>
      </c>
      <c r="HF17" s="102">
        <v>185930</v>
      </c>
      <c r="HG17" s="101">
        <v>0</v>
      </c>
      <c r="HH17" s="104">
        <v>2822754</v>
      </c>
      <c r="HI17" s="104">
        <v>1104930</v>
      </c>
      <c r="HJ17" s="104">
        <v>2264671</v>
      </c>
      <c r="HK17" s="104">
        <v>2300731</v>
      </c>
      <c r="HL17" s="104">
        <v>1464208</v>
      </c>
      <c r="HM17" s="103">
        <v>9957294</v>
      </c>
      <c r="HN17" s="99">
        <v>10143224</v>
      </c>
      <c r="HO17" s="306"/>
      <c r="HP17" s="307"/>
      <c r="HQ17" s="308"/>
      <c r="HR17" s="309"/>
      <c r="HS17" s="307"/>
      <c r="HT17" s="307"/>
      <c r="HU17" s="307"/>
      <c r="HV17" s="307"/>
      <c r="HW17" s="307"/>
      <c r="HX17" s="310"/>
      <c r="HY17" s="311"/>
      <c r="HZ17" s="118">
        <v>0</v>
      </c>
      <c r="IA17" s="119">
        <v>61362</v>
      </c>
      <c r="IB17" s="120">
        <v>61362</v>
      </c>
      <c r="IC17" s="133">
        <v>0</v>
      </c>
      <c r="ID17" s="119">
        <v>1369742</v>
      </c>
      <c r="IE17" s="134">
        <v>1285450</v>
      </c>
      <c r="IF17" s="120">
        <v>1048473</v>
      </c>
      <c r="IG17" s="119">
        <v>1488391</v>
      </c>
      <c r="IH17" s="120">
        <v>146219</v>
      </c>
      <c r="II17" s="135">
        <v>5338275</v>
      </c>
      <c r="IJ17" s="126">
        <v>5399637</v>
      </c>
      <c r="IK17" s="219">
        <v>0</v>
      </c>
      <c r="IL17" s="223">
        <v>0</v>
      </c>
      <c r="IM17" s="224">
        <v>0</v>
      </c>
      <c r="IN17" s="127"/>
      <c r="IO17" s="109">
        <v>68271</v>
      </c>
      <c r="IP17" s="109">
        <v>110554</v>
      </c>
      <c r="IQ17" s="109">
        <v>170823</v>
      </c>
      <c r="IR17" s="109">
        <v>199024</v>
      </c>
      <c r="IS17" s="109">
        <v>0</v>
      </c>
      <c r="IT17" s="128">
        <v>548672</v>
      </c>
      <c r="IU17" s="298">
        <v>548672</v>
      </c>
      <c r="IV17" s="129">
        <v>0</v>
      </c>
      <c r="IW17" s="109">
        <v>0</v>
      </c>
      <c r="IX17" s="110">
        <v>0</v>
      </c>
      <c r="IY17" s="131"/>
      <c r="IZ17" s="109">
        <v>143432</v>
      </c>
      <c r="JA17" s="109">
        <v>14732</v>
      </c>
      <c r="JB17" s="109">
        <v>0</v>
      </c>
      <c r="JC17" s="109">
        <v>0</v>
      </c>
      <c r="JD17" s="109">
        <v>0</v>
      </c>
      <c r="JE17" s="110">
        <v>158164</v>
      </c>
      <c r="JF17" s="111">
        <v>158164</v>
      </c>
      <c r="JG17" s="129">
        <v>0</v>
      </c>
      <c r="JH17" s="109">
        <v>0</v>
      </c>
      <c r="JI17" s="128">
        <v>0</v>
      </c>
      <c r="JJ17" s="108">
        <v>0</v>
      </c>
      <c r="JK17" s="109">
        <v>1028766</v>
      </c>
      <c r="JL17" s="109">
        <v>499227</v>
      </c>
      <c r="JM17" s="109">
        <v>258319</v>
      </c>
      <c r="JN17" s="109">
        <v>410886</v>
      </c>
      <c r="JO17" s="109">
        <v>146219</v>
      </c>
      <c r="JP17" s="110">
        <v>2343417</v>
      </c>
      <c r="JQ17" s="298">
        <v>2343417</v>
      </c>
      <c r="JR17" s="129">
        <v>0</v>
      </c>
      <c r="JS17" s="109">
        <v>0</v>
      </c>
      <c r="JT17" s="128">
        <v>0</v>
      </c>
      <c r="JU17" s="108">
        <v>0</v>
      </c>
      <c r="JV17" s="109">
        <v>26992</v>
      </c>
      <c r="JW17" s="109">
        <v>0</v>
      </c>
      <c r="JX17" s="109">
        <v>0</v>
      </c>
      <c r="JY17" s="109">
        <v>0</v>
      </c>
      <c r="JZ17" s="109">
        <v>0</v>
      </c>
      <c r="KA17" s="110">
        <v>26992</v>
      </c>
      <c r="KB17" s="298">
        <v>26992</v>
      </c>
      <c r="KC17" s="221">
        <v>0</v>
      </c>
      <c r="KD17" s="217">
        <v>61362</v>
      </c>
      <c r="KE17" s="110">
        <v>61362</v>
      </c>
      <c r="KF17" s="108">
        <v>0</v>
      </c>
      <c r="KG17" s="109">
        <v>102281</v>
      </c>
      <c r="KH17" s="109">
        <v>0</v>
      </c>
      <c r="KI17" s="109">
        <v>215420</v>
      </c>
      <c r="KJ17" s="109">
        <v>411779</v>
      </c>
      <c r="KK17" s="109">
        <v>0</v>
      </c>
      <c r="KL17" s="110">
        <v>729480</v>
      </c>
      <c r="KM17" s="130">
        <v>790842</v>
      </c>
      <c r="KN17" s="219">
        <v>0</v>
      </c>
      <c r="KO17" s="223">
        <v>0</v>
      </c>
      <c r="KP17" s="224">
        <v>0</v>
      </c>
      <c r="KQ17" s="127"/>
      <c r="KR17" s="109">
        <v>0</v>
      </c>
      <c r="KS17" s="109">
        <v>660937</v>
      </c>
      <c r="KT17" s="109">
        <v>403911</v>
      </c>
      <c r="KU17" s="109">
        <v>466702</v>
      </c>
      <c r="KV17" s="109">
        <v>0</v>
      </c>
      <c r="KW17" s="110">
        <v>1531550</v>
      </c>
      <c r="KX17" s="298">
        <v>1531550</v>
      </c>
      <c r="KY17" s="129">
        <v>0</v>
      </c>
      <c r="KZ17" s="109">
        <v>0</v>
      </c>
      <c r="LA17" s="110">
        <v>0</v>
      </c>
      <c r="LB17" s="132"/>
      <c r="LC17" s="109">
        <v>0</v>
      </c>
      <c r="LD17" s="109">
        <v>0</v>
      </c>
      <c r="LE17" s="109">
        <v>0</v>
      </c>
      <c r="LF17" s="109">
        <v>0</v>
      </c>
      <c r="LG17" s="109">
        <v>0</v>
      </c>
      <c r="LH17" s="110">
        <v>0</v>
      </c>
      <c r="LI17" s="111">
        <v>0</v>
      </c>
      <c r="LJ17" s="129">
        <v>0</v>
      </c>
      <c r="LK17" s="109">
        <v>0</v>
      </c>
      <c r="LL17" s="110">
        <v>0</v>
      </c>
      <c r="LM17" s="132"/>
      <c r="LN17" s="109">
        <v>0</v>
      </c>
      <c r="LO17" s="109">
        <v>0</v>
      </c>
      <c r="LP17" s="109">
        <v>0</v>
      </c>
      <c r="LQ17" s="109">
        <v>0</v>
      </c>
      <c r="LR17" s="109">
        <v>0</v>
      </c>
      <c r="LS17" s="110">
        <v>0</v>
      </c>
      <c r="LT17" s="298">
        <v>0</v>
      </c>
      <c r="LU17" s="129">
        <v>0</v>
      </c>
      <c r="LV17" s="109">
        <v>0</v>
      </c>
      <c r="LW17" s="110">
        <v>0</v>
      </c>
      <c r="LX17" s="132"/>
      <c r="LY17" s="109">
        <v>0</v>
      </c>
      <c r="LZ17" s="109">
        <v>0</v>
      </c>
      <c r="MA17" s="109">
        <v>0</v>
      </c>
      <c r="MB17" s="109">
        <v>0</v>
      </c>
      <c r="MC17" s="109">
        <v>0</v>
      </c>
      <c r="MD17" s="110">
        <v>0</v>
      </c>
      <c r="ME17" s="111">
        <v>0</v>
      </c>
      <c r="MF17" s="129">
        <v>0</v>
      </c>
      <c r="MG17" s="109">
        <v>0</v>
      </c>
      <c r="MH17" s="110">
        <v>0</v>
      </c>
      <c r="MI17" s="132"/>
      <c r="MJ17" s="109">
        <v>0</v>
      </c>
      <c r="MK17" s="109">
        <v>198564</v>
      </c>
      <c r="ML17" s="109">
        <v>2043455</v>
      </c>
      <c r="MM17" s="109">
        <v>1853917</v>
      </c>
      <c r="MN17" s="109">
        <v>2754647</v>
      </c>
      <c r="MO17" s="110">
        <v>6850583</v>
      </c>
      <c r="MP17" s="130">
        <v>6850583</v>
      </c>
      <c r="MQ17" s="129">
        <v>0</v>
      </c>
      <c r="MR17" s="109">
        <v>0</v>
      </c>
      <c r="MS17" s="110">
        <v>0</v>
      </c>
      <c r="MT17" s="132"/>
      <c r="MU17" s="109">
        <v>0</v>
      </c>
      <c r="MV17" s="109">
        <v>0</v>
      </c>
      <c r="MW17" s="109">
        <v>851711</v>
      </c>
      <c r="MX17" s="109">
        <v>1086240</v>
      </c>
      <c r="MY17" s="109">
        <v>2754647</v>
      </c>
      <c r="MZ17" s="110">
        <v>4692598</v>
      </c>
      <c r="NA17" s="130">
        <v>4692598</v>
      </c>
      <c r="NB17" s="129">
        <v>0</v>
      </c>
      <c r="NC17" s="109">
        <v>0</v>
      </c>
      <c r="ND17" s="110">
        <v>0</v>
      </c>
      <c r="NE17" s="132"/>
      <c r="NF17" s="109">
        <v>0</v>
      </c>
      <c r="NG17" s="109">
        <v>198564</v>
      </c>
      <c r="NH17" s="109">
        <v>1191744</v>
      </c>
      <c r="NI17" s="109">
        <v>767677</v>
      </c>
      <c r="NJ17" s="109">
        <v>0</v>
      </c>
      <c r="NK17" s="110">
        <v>2157985</v>
      </c>
      <c r="NL17" s="298">
        <v>2157985</v>
      </c>
      <c r="NM17" s="129">
        <v>0</v>
      </c>
      <c r="NN17" s="109">
        <v>0</v>
      </c>
      <c r="NO17" s="110">
        <v>0</v>
      </c>
      <c r="NP17" s="132"/>
      <c r="NQ17" s="109">
        <v>0</v>
      </c>
      <c r="NR17" s="109">
        <v>0</v>
      </c>
      <c r="NS17" s="109">
        <v>0</v>
      </c>
      <c r="NT17" s="109">
        <v>0</v>
      </c>
      <c r="NU17" s="109">
        <v>0</v>
      </c>
      <c r="NV17" s="110">
        <v>0</v>
      </c>
      <c r="NW17" s="111">
        <v>0</v>
      </c>
      <c r="NX17" s="129">
        <v>0</v>
      </c>
      <c r="NY17" s="109">
        <v>0</v>
      </c>
      <c r="NZ17" s="110">
        <v>0</v>
      </c>
      <c r="OA17" s="132"/>
      <c r="OB17" s="109">
        <v>0</v>
      </c>
      <c r="OC17" s="109">
        <v>0</v>
      </c>
      <c r="OD17" s="109">
        <v>0</v>
      </c>
      <c r="OE17" s="109">
        <v>0</v>
      </c>
      <c r="OF17" s="109">
        <v>0</v>
      </c>
      <c r="OG17" s="110">
        <v>0</v>
      </c>
      <c r="OH17" s="111">
        <v>0</v>
      </c>
      <c r="OI17" s="129">
        <v>288735</v>
      </c>
      <c r="OJ17" s="109">
        <v>400461</v>
      </c>
      <c r="OK17" s="128">
        <v>689196</v>
      </c>
      <c r="OL17" s="108">
        <v>0</v>
      </c>
      <c r="OM17" s="109">
        <v>7078363</v>
      </c>
      <c r="ON17" s="109">
        <v>6114996</v>
      </c>
      <c r="OO17" s="109">
        <v>8660372</v>
      </c>
      <c r="OP17" s="109">
        <v>9041290</v>
      </c>
      <c r="OQ17" s="109">
        <v>7153879</v>
      </c>
      <c r="OR17" s="110">
        <v>38048900</v>
      </c>
      <c r="OS17" s="130">
        <v>38738096</v>
      </c>
    </row>
    <row r="18" spans="2:409" ht="21" customHeight="1" x14ac:dyDescent="0.2">
      <c r="B18" s="472" t="s">
        <v>12</v>
      </c>
      <c r="C18" s="100">
        <v>829002</v>
      </c>
      <c r="D18" s="104">
        <v>1448949</v>
      </c>
      <c r="E18" s="103">
        <v>2277951</v>
      </c>
      <c r="F18" s="99">
        <v>0</v>
      </c>
      <c r="G18" s="104">
        <v>6014935</v>
      </c>
      <c r="H18" s="157">
        <v>6910457</v>
      </c>
      <c r="I18" s="157">
        <v>7725416</v>
      </c>
      <c r="J18" s="157">
        <v>7667802</v>
      </c>
      <c r="K18" s="157">
        <v>4929656</v>
      </c>
      <c r="L18" s="102">
        <v>33248266</v>
      </c>
      <c r="M18" s="106">
        <v>35526217</v>
      </c>
      <c r="N18" s="100">
        <v>254760</v>
      </c>
      <c r="O18" s="104">
        <v>624254</v>
      </c>
      <c r="P18" s="103">
        <v>879014</v>
      </c>
      <c r="Q18" s="100">
        <v>0</v>
      </c>
      <c r="R18" s="104">
        <v>2054390</v>
      </c>
      <c r="S18" s="104">
        <v>2380933</v>
      </c>
      <c r="T18" s="104">
        <v>3067462</v>
      </c>
      <c r="U18" s="104">
        <v>2346466</v>
      </c>
      <c r="V18" s="104">
        <v>2488709</v>
      </c>
      <c r="W18" s="103">
        <v>12337960</v>
      </c>
      <c r="X18" s="106">
        <v>13216974</v>
      </c>
      <c r="Y18" s="100">
        <v>0</v>
      </c>
      <c r="Z18" s="104">
        <v>0</v>
      </c>
      <c r="AA18" s="103">
        <v>0</v>
      </c>
      <c r="AB18" s="100">
        <v>0</v>
      </c>
      <c r="AC18" s="104">
        <v>1101048</v>
      </c>
      <c r="AD18" s="104">
        <v>1458112</v>
      </c>
      <c r="AE18" s="104">
        <v>2065626</v>
      </c>
      <c r="AF18" s="104">
        <v>1340724</v>
      </c>
      <c r="AG18" s="104">
        <v>1546824</v>
      </c>
      <c r="AH18" s="103">
        <v>7512334</v>
      </c>
      <c r="AI18" s="106">
        <v>7512334</v>
      </c>
      <c r="AJ18" s="100">
        <v>0</v>
      </c>
      <c r="AK18" s="104">
        <v>0</v>
      </c>
      <c r="AL18" s="103">
        <v>0</v>
      </c>
      <c r="AM18" s="100">
        <v>0</v>
      </c>
      <c r="AN18" s="104">
        <v>0</v>
      </c>
      <c r="AO18" s="104">
        <v>41847</v>
      </c>
      <c r="AP18" s="104">
        <v>81842</v>
      </c>
      <c r="AQ18" s="104">
        <v>51149</v>
      </c>
      <c r="AR18" s="104">
        <v>346797</v>
      </c>
      <c r="AS18" s="103">
        <v>521635</v>
      </c>
      <c r="AT18" s="106">
        <v>521635</v>
      </c>
      <c r="AU18" s="100">
        <v>159589</v>
      </c>
      <c r="AV18" s="104">
        <v>544937</v>
      </c>
      <c r="AW18" s="103">
        <v>704526</v>
      </c>
      <c r="AX18" s="100">
        <v>0</v>
      </c>
      <c r="AY18" s="104">
        <v>729129</v>
      </c>
      <c r="AZ18" s="104">
        <v>617410</v>
      </c>
      <c r="BA18" s="104">
        <v>535046</v>
      </c>
      <c r="BB18" s="104">
        <v>499146</v>
      </c>
      <c r="BC18" s="104">
        <v>448942</v>
      </c>
      <c r="BD18" s="103">
        <v>2829673</v>
      </c>
      <c r="BE18" s="106">
        <v>3534199</v>
      </c>
      <c r="BF18" s="100">
        <v>20803</v>
      </c>
      <c r="BG18" s="104">
        <v>18137</v>
      </c>
      <c r="BH18" s="102">
        <v>38940</v>
      </c>
      <c r="BI18" s="101">
        <v>0</v>
      </c>
      <c r="BJ18" s="104">
        <v>73965</v>
      </c>
      <c r="BK18" s="104">
        <v>17059</v>
      </c>
      <c r="BL18" s="104">
        <v>70473</v>
      </c>
      <c r="BM18" s="104">
        <v>122380</v>
      </c>
      <c r="BN18" s="104">
        <v>0</v>
      </c>
      <c r="BO18" s="103">
        <v>283877</v>
      </c>
      <c r="BP18" s="106">
        <v>322817</v>
      </c>
      <c r="BQ18" s="100">
        <v>74368</v>
      </c>
      <c r="BR18" s="104">
        <v>61180</v>
      </c>
      <c r="BS18" s="103">
        <v>135548</v>
      </c>
      <c r="BT18" s="100">
        <v>0</v>
      </c>
      <c r="BU18" s="104">
        <v>150248</v>
      </c>
      <c r="BV18" s="104">
        <v>246505</v>
      </c>
      <c r="BW18" s="104">
        <v>314475</v>
      </c>
      <c r="BX18" s="104">
        <v>333067</v>
      </c>
      <c r="BY18" s="104">
        <v>146146</v>
      </c>
      <c r="BZ18" s="103">
        <v>1190441</v>
      </c>
      <c r="CA18" s="106">
        <v>1325989</v>
      </c>
      <c r="CB18" s="100">
        <v>261445</v>
      </c>
      <c r="CC18" s="104">
        <v>237939</v>
      </c>
      <c r="CD18" s="103">
        <v>499384</v>
      </c>
      <c r="CE18" s="100">
        <v>0</v>
      </c>
      <c r="CF18" s="104">
        <v>2525961</v>
      </c>
      <c r="CG18" s="104">
        <v>2098033</v>
      </c>
      <c r="CH18" s="104">
        <v>1370611</v>
      </c>
      <c r="CI18" s="104">
        <v>780228</v>
      </c>
      <c r="CJ18" s="104">
        <v>630917</v>
      </c>
      <c r="CK18" s="103">
        <v>7405750</v>
      </c>
      <c r="CL18" s="106">
        <v>7905134</v>
      </c>
      <c r="CM18" s="100">
        <v>0</v>
      </c>
      <c r="CN18" s="104">
        <v>0</v>
      </c>
      <c r="CO18" s="103">
        <v>0</v>
      </c>
      <c r="CP18" s="101">
        <v>0</v>
      </c>
      <c r="CQ18" s="104">
        <v>1943566</v>
      </c>
      <c r="CR18" s="104">
        <v>1560634</v>
      </c>
      <c r="CS18" s="104">
        <v>685839</v>
      </c>
      <c r="CT18" s="104">
        <v>413575</v>
      </c>
      <c r="CU18" s="104">
        <v>536515</v>
      </c>
      <c r="CV18" s="103">
        <v>5140129</v>
      </c>
      <c r="CW18" s="106">
        <v>5140129</v>
      </c>
      <c r="CX18" s="100">
        <v>261445</v>
      </c>
      <c r="CY18" s="104">
        <v>237939</v>
      </c>
      <c r="CZ18" s="103">
        <v>499384</v>
      </c>
      <c r="DA18" s="100">
        <v>0</v>
      </c>
      <c r="DB18" s="104">
        <v>582395</v>
      </c>
      <c r="DC18" s="104">
        <v>537399</v>
      </c>
      <c r="DD18" s="104">
        <v>684772</v>
      </c>
      <c r="DE18" s="104">
        <v>366653</v>
      </c>
      <c r="DF18" s="104">
        <v>94402</v>
      </c>
      <c r="DG18" s="103">
        <v>2265621</v>
      </c>
      <c r="DH18" s="106">
        <v>2765005</v>
      </c>
      <c r="DI18" s="100">
        <v>0</v>
      </c>
      <c r="DJ18" s="104">
        <v>0</v>
      </c>
      <c r="DK18" s="102">
        <v>0</v>
      </c>
      <c r="DL18" s="101">
        <v>0</v>
      </c>
      <c r="DM18" s="104">
        <v>476955</v>
      </c>
      <c r="DN18" s="104">
        <v>521920</v>
      </c>
      <c r="DO18" s="104">
        <v>1005768</v>
      </c>
      <c r="DP18" s="104">
        <v>537882</v>
      </c>
      <c r="DQ18" s="104">
        <v>222781</v>
      </c>
      <c r="DR18" s="103">
        <v>2765306</v>
      </c>
      <c r="DS18" s="106">
        <v>2765306</v>
      </c>
      <c r="DT18" s="100">
        <v>0</v>
      </c>
      <c r="DU18" s="104">
        <v>0</v>
      </c>
      <c r="DV18" s="103">
        <v>0</v>
      </c>
      <c r="DW18" s="100">
        <v>0</v>
      </c>
      <c r="DX18" s="104">
        <v>456151</v>
      </c>
      <c r="DY18" s="104">
        <v>449809</v>
      </c>
      <c r="DZ18" s="104">
        <v>978982</v>
      </c>
      <c r="EA18" s="104">
        <v>537882</v>
      </c>
      <c r="EB18" s="104">
        <v>222781</v>
      </c>
      <c r="EC18" s="103">
        <v>2645605</v>
      </c>
      <c r="ED18" s="106">
        <v>2645605</v>
      </c>
      <c r="EE18" s="100">
        <v>0</v>
      </c>
      <c r="EF18" s="102">
        <v>0</v>
      </c>
      <c r="EG18" s="103">
        <v>0</v>
      </c>
      <c r="EH18" s="100">
        <v>0</v>
      </c>
      <c r="EI18" s="104">
        <v>20804</v>
      </c>
      <c r="EJ18" s="104">
        <v>72111</v>
      </c>
      <c r="EK18" s="104">
        <v>26786</v>
      </c>
      <c r="EL18" s="104">
        <v>0</v>
      </c>
      <c r="EM18" s="104">
        <v>0</v>
      </c>
      <c r="EN18" s="102">
        <v>119701</v>
      </c>
      <c r="EO18" s="106">
        <v>119701</v>
      </c>
      <c r="EP18" s="100">
        <v>0</v>
      </c>
      <c r="EQ18" s="104">
        <v>0</v>
      </c>
      <c r="ER18" s="102">
        <v>0</v>
      </c>
      <c r="ES18" s="101">
        <v>0</v>
      </c>
      <c r="ET18" s="104">
        <v>0</v>
      </c>
      <c r="EU18" s="104">
        <v>0</v>
      </c>
      <c r="EV18" s="104">
        <v>0</v>
      </c>
      <c r="EW18" s="104">
        <v>0</v>
      </c>
      <c r="EX18" s="104">
        <v>0</v>
      </c>
      <c r="EY18" s="103">
        <v>0</v>
      </c>
      <c r="EZ18" s="106">
        <v>0</v>
      </c>
      <c r="FA18" s="100">
        <v>0</v>
      </c>
      <c r="FB18" s="104">
        <v>0</v>
      </c>
      <c r="FC18" s="102">
        <v>0</v>
      </c>
      <c r="FD18" s="324"/>
      <c r="FE18" s="104">
        <v>0</v>
      </c>
      <c r="FF18" s="104">
        <v>0</v>
      </c>
      <c r="FG18" s="104">
        <v>0</v>
      </c>
      <c r="FH18" s="104">
        <v>0</v>
      </c>
      <c r="FI18" s="104">
        <v>0</v>
      </c>
      <c r="FJ18" s="103">
        <v>0</v>
      </c>
      <c r="FK18" s="106">
        <v>0</v>
      </c>
      <c r="FL18" s="100">
        <v>107212</v>
      </c>
      <c r="FM18" s="104">
        <v>252105</v>
      </c>
      <c r="FN18" s="103">
        <v>359317</v>
      </c>
      <c r="FO18" s="100">
        <v>0</v>
      </c>
      <c r="FP18" s="104">
        <v>221312</v>
      </c>
      <c r="FQ18" s="104">
        <v>631757</v>
      </c>
      <c r="FR18" s="104">
        <v>511156</v>
      </c>
      <c r="FS18" s="104">
        <v>664335</v>
      </c>
      <c r="FT18" s="104">
        <v>370622</v>
      </c>
      <c r="FU18" s="103">
        <v>2399182</v>
      </c>
      <c r="FV18" s="106">
        <v>2758499</v>
      </c>
      <c r="FW18" s="105">
        <v>107212</v>
      </c>
      <c r="FX18" s="104">
        <v>252105</v>
      </c>
      <c r="FY18" s="102">
        <v>359317</v>
      </c>
      <c r="FZ18" s="101">
        <v>0</v>
      </c>
      <c r="GA18" s="104">
        <v>181412</v>
      </c>
      <c r="GB18" s="104">
        <v>631757</v>
      </c>
      <c r="GC18" s="104">
        <v>462644</v>
      </c>
      <c r="GD18" s="104">
        <v>647703</v>
      </c>
      <c r="GE18" s="104">
        <v>370622</v>
      </c>
      <c r="GF18" s="103">
        <v>2294138</v>
      </c>
      <c r="GG18" s="296">
        <v>2653455</v>
      </c>
      <c r="GH18" s="105">
        <v>0</v>
      </c>
      <c r="GI18" s="104">
        <v>0</v>
      </c>
      <c r="GJ18" s="102">
        <v>0</v>
      </c>
      <c r="GK18" s="101">
        <v>0</v>
      </c>
      <c r="GL18" s="104">
        <v>0</v>
      </c>
      <c r="GM18" s="104">
        <v>0</v>
      </c>
      <c r="GN18" s="104">
        <v>27512</v>
      </c>
      <c r="GO18" s="104">
        <v>16632</v>
      </c>
      <c r="GP18" s="104">
        <v>0</v>
      </c>
      <c r="GQ18" s="103">
        <v>44144</v>
      </c>
      <c r="GR18" s="106">
        <v>44144</v>
      </c>
      <c r="GS18" s="100">
        <v>0</v>
      </c>
      <c r="GT18" s="104">
        <v>0</v>
      </c>
      <c r="GU18" s="103">
        <v>0</v>
      </c>
      <c r="GV18" s="100">
        <v>0</v>
      </c>
      <c r="GW18" s="104">
        <v>39900</v>
      </c>
      <c r="GX18" s="104">
        <v>0</v>
      </c>
      <c r="GY18" s="104">
        <v>21000</v>
      </c>
      <c r="GZ18" s="104">
        <v>0</v>
      </c>
      <c r="HA18" s="104">
        <v>0</v>
      </c>
      <c r="HB18" s="102">
        <v>60900</v>
      </c>
      <c r="HC18" s="106">
        <v>60900</v>
      </c>
      <c r="HD18" s="100">
        <v>205585</v>
      </c>
      <c r="HE18" s="104">
        <v>334651</v>
      </c>
      <c r="HF18" s="102">
        <v>540236</v>
      </c>
      <c r="HG18" s="101">
        <v>0</v>
      </c>
      <c r="HH18" s="104">
        <v>736317</v>
      </c>
      <c r="HI18" s="104">
        <v>1277814</v>
      </c>
      <c r="HJ18" s="104">
        <v>1770419</v>
      </c>
      <c r="HK18" s="104">
        <v>3338891</v>
      </c>
      <c r="HL18" s="104">
        <v>1216627</v>
      </c>
      <c r="HM18" s="103">
        <v>8340068</v>
      </c>
      <c r="HN18" s="99">
        <v>8880304</v>
      </c>
      <c r="HO18" s="306"/>
      <c r="HP18" s="307"/>
      <c r="HQ18" s="308"/>
      <c r="HR18" s="309"/>
      <c r="HS18" s="307"/>
      <c r="HT18" s="307"/>
      <c r="HU18" s="307"/>
      <c r="HV18" s="307"/>
      <c r="HW18" s="307"/>
      <c r="HX18" s="310"/>
      <c r="HY18" s="311"/>
      <c r="HZ18" s="137">
        <v>0</v>
      </c>
      <c r="IA18" s="122">
        <v>0</v>
      </c>
      <c r="IB18" s="137">
        <v>0</v>
      </c>
      <c r="IC18" s="121">
        <v>0</v>
      </c>
      <c r="ID18" s="122">
        <v>857051</v>
      </c>
      <c r="IE18" s="123">
        <v>1666680</v>
      </c>
      <c r="IF18" s="124">
        <v>1168878</v>
      </c>
      <c r="IG18" s="122">
        <v>2687208</v>
      </c>
      <c r="IH18" s="124">
        <v>1179541</v>
      </c>
      <c r="II18" s="125">
        <v>7559358</v>
      </c>
      <c r="IJ18" s="137">
        <v>7559358</v>
      </c>
      <c r="IK18" s="219">
        <v>0</v>
      </c>
      <c r="IL18" s="223">
        <v>0</v>
      </c>
      <c r="IM18" s="224">
        <v>0</v>
      </c>
      <c r="IN18" s="127"/>
      <c r="IO18" s="109">
        <v>0</v>
      </c>
      <c r="IP18" s="109">
        <v>0</v>
      </c>
      <c r="IQ18" s="109">
        <v>0</v>
      </c>
      <c r="IR18" s="109">
        <v>0</v>
      </c>
      <c r="IS18" s="109">
        <v>0</v>
      </c>
      <c r="IT18" s="128">
        <v>0</v>
      </c>
      <c r="IU18" s="298">
        <v>0</v>
      </c>
      <c r="IV18" s="129">
        <v>0</v>
      </c>
      <c r="IW18" s="109">
        <v>0</v>
      </c>
      <c r="IX18" s="110">
        <v>0</v>
      </c>
      <c r="IY18" s="131"/>
      <c r="IZ18" s="109">
        <v>0</v>
      </c>
      <c r="JA18" s="109">
        <v>0</v>
      </c>
      <c r="JB18" s="109">
        <v>0</v>
      </c>
      <c r="JC18" s="109">
        <v>0</v>
      </c>
      <c r="JD18" s="109">
        <v>0</v>
      </c>
      <c r="JE18" s="110">
        <v>0</v>
      </c>
      <c r="JF18" s="111">
        <v>0</v>
      </c>
      <c r="JG18" s="129">
        <v>0</v>
      </c>
      <c r="JH18" s="109">
        <v>0</v>
      </c>
      <c r="JI18" s="128">
        <v>0</v>
      </c>
      <c r="JJ18" s="108">
        <v>0</v>
      </c>
      <c r="JK18" s="109">
        <v>750250</v>
      </c>
      <c r="JL18" s="109">
        <v>598839</v>
      </c>
      <c r="JM18" s="109">
        <v>364675</v>
      </c>
      <c r="JN18" s="109">
        <v>587015</v>
      </c>
      <c r="JO18" s="109">
        <v>140966</v>
      </c>
      <c r="JP18" s="110">
        <v>2441745</v>
      </c>
      <c r="JQ18" s="298">
        <v>2441745</v>
      </c>
      <c r="JR18" s="129">
        <v>0</v>
      </c>
      <c r="JS18" s="109">
        <v>0</v>
      </c>
      <c r="JT18" s="128">
        <v>0</v>
      </c>
      <c r="JU18" s="108">
        <v>0</v>
      </c>
      <c r="JV18" s="109">
        <v>0</v>
      </c>
      <c r="JW18" s="109">
        <v>0</v>
      </c>
      <c r="JX18" s="109">
        <v>0</v>
      </c>
      <c r="JY18" s="109">
        <v>0</v>
      </c>
      <c r="JZ18" s="109">
        <v>0</v>
      </c>
      <c r="KA18" s="110">
        <v>0</v>
      </c>
      <c r="KB18" s="298">
        <v>0</v>
      </c>
      <c r="KC18" s="221">
        <v>0</v>
      </c>
      <c r="KD18" s="217">
        <v>0</v>
      </c>
      <c r="KE18" s="110">
        <v>0</v>
      </c>
      <c r="KF18" s="108">
        <v>0</v>
      </c>
      <c r="KG18" s="109">
        <v>106801</v>
      </c>
      <c r="KH18" s="109">
        <v>318713</v>
      </c>
      <c r="KI18" s="109">
        <v>120434</v>
      </c>
      <c r="KJ18" s="109">
        <v>691072</v>
      </c>
      <c r="KK18" s="109">
        <v>0</v>
      </c>
      <c r="KL18" s="110">
        <v>1237020</v>
      </c>
      <c r="KM18" s="130">
        <v>1237020</v>
      </c>
      <c r="KN18" s="219">
        <v>0</v>
      </c>
      <c r="KO18" s="223">
        <v>0</v>
      </c>
      <c r="KP18" s="224">
        <v>0</v>
      </c>
      <c r="KQ18" s="127"/>
      <c r="KR18" s="109">
        <v>0</v>
      </c>
      <c r="KS18" s="109">
        <v>220824</v>
      </c>
      <c r="KT18" s="109">
        <v>223012</v>
      </c>
      <c r="KU18" s="109">
        <v>455993</v>
      </c>
      <c r="KV18" s="109">
        <v>233582</v>
      </c>
      <c r="KW18" s="110">
        <v>1133411</v>
      </c>
      <c r="KX18" s="298">
        <v>1133411</v>
      </c>
      <c r="KY18" s="129">
        <v>0</v>
      </c>
      <c r="KZ18" s="109">
        <v>0</v>
      </c>
      <c r="LA18" s="110">
        <v>0</v>
      </c>
      <c r="LB18" s="132"/>
      <c r="LC18" s="109">
        <v>0</v>
      </c>
      <c r="LD18" s="109">
        <v>159181</v>
      </c>
      <c r="LE18" s="109">
        <v>0</v>
      </c>
      <c r="LF18" s="109">
        <v>386656</v>
      </c>
      <c r="LG18" s="109">
        <v>0</v>
      </c>
      <c r="LH18" s="110">
        <v>545837</v>
      </c>
      <c r="LI18" s="111">
        <v>545837</v>
      </c>
      <c r="LJ18" s="129">
        <v>0</v>
      </c>
      <c r="LK18" s="109">
        <v>0</v>
      </c>
      <c r="LL18" s="110">
        <v>0</v>
      </c>
      <c r="LM18" s="132"/>
      <c r="LN18" s="109">
        <v>0</v>
      </c>
      <c r="LO18" s="109">
        <v>0</v>
      </c>
      <c r="LP18" s="109">
        <v>227488</v>
      </c>
      <c r="LQ18" s="109">
        <v>0</v>
      </c>
      <c r="LR18" s="109">
        <v>173533</v>
      </c>
      <c r="LS18" s="110">
        <v>401021</v>
      </c>
      <c r="LT18" s="298">
        <v>401021</v>
      </c>
      <c r="LU18" s="129">
        <v>0</v>
      </c>
      <c r="LV18" s="109">
        <v>0</v>
      </c>
      <c r="LW18" s="110">
        <v>0</v>
      </c>
      <c r="LX18" s="132"/>
      <c r="LY18" s="109">
        <v>0</v>
      </c>
      <c r="LZ18" s="109">
        <v>369123</v>
      </c>
      <c r="MA18" s="109">
        <v>233269</v>
      </c>
      <c r="MB18" s="109">
        <v>566472</v>
      </c>
      <c r="MC18" s="109">
        <v>631460</v>
      </c>
      <c r="MD18" s="110">
        <v>1800324</v>
      </c>
      <c r="ME18" s="111">
        <v>1800324</v>
      </c>
      <c r="MF18" s="129">
        <v>0</v>
      </c>
      <c r="MG18" s="109">
        <v>0</v>
      </c>
      <c r="MH18" s="110">
        <v>0</v>
      </c>
      <c r="MI18" s="132"/>
      <c r="MJ18" s="109">
        <v>0</v>
      </c>
      <c r="MK18" s="109">
        <v>618352</v>
      </c>
      <c r="ML18" s="109">
        <v>2118213</v>
      </c>
      <c r="MM18" s="109">
        <v>3893926</v>
      </c>
      <c r="MN18" s="109">
        <v>1610884</v>
      </c>
      <c r="MO18" s="110">
        <v>8241375</v>
      </c>
      <c r="MP18" s="130">
        <v>8241375</v>
      </c>
      <c r="MQ18" s="129">
        <v>0</v>
      </c>
      <c r="MR18" s="109">
        <v>0</v>
      </c>
      <c r="MS18" s="110">
        <v>0</v>
      </c>
      <c r="MT18" s="132"/>
      <c r="MU18" s="109">
        <v>0</v>
      </c>
      <c r="MV18" s="109">
        <v>160995</v>
      </c>
      <c r="MW18" s="109">
        <v>604962</v>
      </c>
      <c r="MX18" s="109">
        <v>2153068</v>
      </c>
      <c r="MY18" s="109">
        <v>1002795</v>
      </c>
      <c r="MZ18" s="110">
        <v>3921820</v>
      </c>
      <c r="NA18" s="130">
        <v>3921820</v>
      </c>
      <c r="NB18" s="129">
        <v>0</v>
      </c>
      <c r="NC18" s="109">
        <v>0</v>
      </c>
      <c r="ND18" s="110">
        <v>0</v>
      </c>
      <c r="NE18" s="132"/>
      <c r="NF18" s="109">
        <v>0</v>
      </c>
      <c r="NG18" s="109">
        <v>457357</v>
      </c>
      <c r="NH18" s="109">
        <v>1513251</v>
      </c>
      <c r="NI18" s="109">
        <v>1436179</v>
      </c>
      <c r="NJ18" s="109">
        <v>608089</v>
      </c>
      <c r="NK18" s="110">
        <v>4014876</v>
      </c>
      <c r="NL18" s="298">
        <v>4014876</v>
      </c>
      <c r="NM18" s="129">
        <v>0</v>
      </c>
      <c r="NN18" s="109">
        <v>0</v>
      </c>
      <c r="NO18" s="110">
        <v>0</v>
      </c>
      <c r="NP18" s="132"/>
      <c r="NQ18" s="109">
        <v>0</v>
      </c>
      <c r="NR18" s="109">
        <v>0</v>
      </c>
      <c r="NS18" s="109">
        <v>0</v>
      </c>
      <c r="NT18" s="109">
        <v>0</v>
      </c>
      <c r="NU18" s="109">
        <v>0</v>
      </c>
      <c r="NV18" s="110">
        <v>0</v>
      </c>
      <c r="NW18" s="111">
        <v>0</v>
      </c>
      <c r="NX18" s="129">
        <v>0</v>
      </c>
      <c r="NY18" s="109">
        <v>0</v>
      </c>
      <c r="NZ18" s="110">
        <v>0</v>
      </c>
      <c r="OA18" s="132"/>
      <c r="OB18" s="109">
        <v>0</v>
      </c>
      <c r="OC18" s="109">
        <v>0</v>
      </c>
      <c r="OD18" s="109">
        <v>0</v>
      </c>
      <c r="OE18" s="109">
        <v>304679</v>
      </c>
      <c r="OF18" s="109">
        <v>0</v>
      </c>
      <c r="OG18" s="110">
        <v>304679</v>
      </c>
      <c r="OH18" s="111">
        <v>304679</v>
      </c>
      <c r="OI18" s="129">
        <v>829002</v>
      </c>
      <c r="OJ18" s="109">
        <v>1448949</v>
      </c>
      <c r="OK18" s="128">
        <v>2277951</v>
      </c>
      <c r="OL18" s="108">
        <v>0</v>
      </c>
      <c r="OM18" s="109">
        <v>6871986</v>
      </c>
      <c r="ON18" s="109">
        <v>9195489</v>
      </c>
      <c r="OO18" s="109">
        <v>11012507</v>
      </c>
      <c r="OP18" s="109">
        <v>14248936</v>
      </c>
      <c r="OQ18" s="109">
        <v>7720081</v>
      </c>
      <c r="OR18" s="110">
        <v>49048999</v>
      </c>
      <c r="OS18" s="130">
        <v>51326950</v>
      </c>
    </row>
    <row r="19" spans="2:409" ht="21" customHeight="1" x14ac:dyDescent="0.2">
      <c r="B19" s="472" t="s">
        <v>13</v>
      </c>
      <c r="C19" s="100">
        <v>386867</v>
      </c>
      <c r="D19" s="104">
        <v>569142</v>
      </c>
      <c r="E19" s="103">
        <v>956009</v>
      </c>
      <c r="F19" s="100">
        <v>0</v>
      </c>
      <c r="G19" s="157">
        <v>3372989</v>
      </c>
      <c r="H19" s="104">
        <v>4360394</v>
      </c>
      <c r="I19" s="104">
        <v>3703360</v>
      </c>
      <c r="J19" s="104">
        <v>4055381</v>
      </c>
      <c r="K19" s="104">
        <v>4046872</v>
      </c>
      <c r="L19" s="102">
        <v>19538996</v>
      </c>
      <c r="M19" s="106">
        <v>20495005</v>
      </c>
      <c r="N19" s="100">
        <v>135944</v>
      </c>
      <c r="O19" s="104">
        <v>283773</v>
      </c>
      <c r="P19" s="103">
        <v>419717</v>
      </c>
      <c r="Q19" s="100">
        <v>0</v>
      </c>
      <c r="R19" s="104">
        <v>1006183</v>
      </c>
      <c r="S19" s="104">
        <v>1736864</v>
      </c>
      <c r="T19" s="104">
        <v>1323988</v>
      </c>
      <c r="U19" s="104">
        <v>1538135</v>
      </c>
      <c r="V19" s="104">
        <v>2627737</v>
      </c>
      <c r="W19" s="103">
        <v>8232907</v>
      </c>
      <c r="X19" s="106">
        <v>8652624</v>
      </c>
      <c r="Y19" s="100">
        <v>0</v>
      </c>
      <c r="Z19" s="104">
        <v>0</v>
      </c>
      <c r="AA19" s="103">
        <v>0</v>
      </c>
      <c r="AB19" s="100">
        <v>0</v>
      </c>
      <c r="AC19" s="104">
        <v>350333</v>
      </c>
      <c r="AD19" s="104">
        <v>896417</v>
      </c>
      <c r="AE19" s="104">
        <v>885371</v>
      </c>
      <c r="AF19" s="104">
        <v>767178</v>
      </c>
      <c r="AG19" s="104">
        <v>1897173</v>
      </c>
      <c r="AH19" s="103">
        <v>4796472</v>
      </c>
      <c r="AI19" s="106">
        <v>4796472</v>
      </c>
      <c r="AJ19" s="100">
        <v>0</v>
      </c>
      <c r="AK19" s="104">
        <v>0</v>
      </c>
      <c r="AL19" s="103">
        <v>0</v>
      </c>
      <c r="AM19" s="100">
        <v>0</v>
      </c>
      <c r="AN19" s="104">
        <v>0</v>
      </c>
      <c r="AO19" s="104">
        <v>0</v>
      </c>
      <c r="AP19" s="104">
        <v>0</v>
      </c>
      <c r="AQ19" s="104">
        <v>134245</v>
      </c>
      <c r="AR19" s="104">
        <v>22065</v>
      </c>
      <c r="AS19" s="103">
        <v>156310</v>
      </c>
      <c r="AT19" s="106">
        <v>156310</v>
      </c>
      <c r="AU19" s="100">
        <v>44965</v>
      </c>
      <c r="AV19" s="104">
        <v>220199</v>
      </c>
      <c r="AW19" s="103">
        <v>265164</v>
      </c>
      <c r="AX19" s="100">
        <v>0</v>
      </c>
      <c r="AY19" s="104">
        <v>459880</v>
      </c>
      <c r="AZ19" s="104">
        <v>427473</v>
      </c>
      <c r="BA19" s="104">
        <v>244612</v>
      </c>
      <c r="BB19" s="104">
        <v>361354</v>
      </c>
      <c r="BC19" s="104">
        <v>402571</v>
      </c>
      <c r="BD19" s="103">
        <v>1895890</v>
      </c>
      <c r="BE19" s="106">
        <v>2161054</v>
      </c>
      <c r="BF19" s="100">
        <v>0</v>
      </c>
      <c r="BG19" s="104">
        <v>0</v>
      </c>
      <c r="BH19" s="102">
        <v>0</v>
      </c>
      <c r="BI19" s="101">
        <v>0</v>
      </c>
      <c r="BJ19" s="104">
        <v>14775</v>
      </c>
      <c r="BK19" s="104">
        <v>117336</v>
      </c>
      <c r="BL19" s="104">
        <v>0</v>
      </c>
      <c r="BM19" s="104">
        <v>50336</v>
      </c>
      <c r="BN19" s="104">
        <v>51709</v>
      </c>
      <c r="BO19" s="103">
        <v>234156</v>
      </c>
      <c r="BP19" s="106">
        <v>234156</v>
      </c>
      <c r="BQ19" s="100">
        <v>90979</v>
      </c>
      <c r="BR19" s="104">
        <v>63574</v>
      </c>
      <c r="BS19" s="103">
        <v>154553</v>
      </c>
      <c r="BT19" s="100">
        <v>0</v>
      </c>
      <c r="BU19" s="104">
        <v>181195</v>
      </c>
      <c r="BV19" s="104">
        <v>295638</v>
      </c>
      <c r="BW19" s="104">
        <v>194005</v>
      </c>
      <c r="BX19" s="104">
        <v>225022</v>
      </c>
      <c r="BY19" s="104">
        <v>254219</v>
      </c>
      <c r="BZ19" s="103">
        <v>1150079</v>
      </c>
      <c r="CA19" s="106">
        <v>1304632</v>
      </c>
      <c r="CB19" s="100">
        <v>0</v>
      </c>
      <c r="CC19" s="104">
        <v>0</v>
      </c>
      <c r="CD19" s="103">
        <v>0</v>
      </c>
      <c r="CE19" s="100">
        <v>0</v>
      </c>
      <c r="CF19" s="104">
        <v>730812</v>
      </c>
      <c r="CG19" s="104">
        <v>969907</v>
      </c>
      <c r="CH19" s="104">
        <v>712955</v>
      </c>
      <c r="CI19" s="104">
        <v>418110</v>
      </c>
      <c r="CJ19" s="104">
        <v>122640</v>
      </c>
      <c r="CK19" s="103">
        <v>2954424</v>
      </c>
      <c r="CL19" s="106">
        <v>2954424</v>
      </c>
      <c r="CM19" s="100">
        <v>0</v>
      </c>
      <c r="CN19" s="104">
        <v>0</v>
      </c>
      <c r="CO19" s="103">
        <v>0</v>
      </c>
      <c r="CP19" s="101">
        <v>0</v>
      </c>
      <c r="CQ19" s="104">
        <v>718233</v>
      </c>
      <c r="CR19" s="104">
        <v>858904</v>
      </c>
      <c r="CS19" s="104">
        <v>587830</v>
      </c>
      <c r="CT19" s="104">
        <v>209617</v>
      </c>
      <c r="CU19" s="104">
        <v>22481</v>
      </c>
      <c r="CV19" s="103">
        <v>2397065</v>
      </c>
      <c r="CW19" s="106">
        <v>2397065</v>
      </c>
      <c r="CX19" s="100">
        <v>0</v>
      </c>
      <c r="CY19" s="104">
        <v>0</v>
      </c>
      <c r="CZ19" s="103">
        <v>0</v>
      </c>
      <c r="DA19" s="100">
        <v>0</v>
      </c>
      <c r="DB19" s="104">
        <v>12579</v>
      </c>
      <c r="DC19" s="104">
        <v>111003</v>
      </c>
      <c r="DD19" s="104">
        <v>125125</v>
      </c>
      <c r="DE19" s="104">
        <v>208493</v>
      </c>
      <c r="DF19" s="104">
        <v>100159</v>
      </c>
      <c r="DG19" s="103">
        <v>557359</v>
      </c>
      <c r="DH19" s="106">
        <v>557359</v>
      </c>
      <c r="DI19" s="100">
        <v>0</v>
      </c>
      <c r="DJ19" s="104">
        <v>0</v>
      </c>
      <c r="DK19" s="102">
        <v>0</v>
      </c>
      <c r="DL19" s="101">
        <v>0</v>
      </c>
      <c r="DM19" s="104">
        <v>22672</v>
      </c>
      <c r="DN19" s="104">
        <v>116480</v>
      </c>
      <c r="DO19" s="104">
        <v>201967</v>
      </c>
      <c r="DP19" s="104">
        <v>106724</v>
      </c>
      <c r="DQ19" s="104">
        <v>0</v>
      </c>
      <c r="DR19" s="103">
        <v>447843</v>
      </c>
      <c r="DS19" s="106">
        <v>447843</v>
      </c>
      <c r="DT19" s="100">
        <v>0</v>
      </c>
      <c r="DU19" s="104">
        <v>0</v>
      </c>
      <c r="DV19" s="103">
        <v>0</v>
      </c>
      <c r="DW19" s="100">
        <v>0</v>
      </c>
      <c r="DX19" s="104">
        <v>22672</v>
      </c>
      <c r="DY19" s="104">
        <v>116480</v>
      </c>
      <c r="DZ19" s="104">
        <v>201967</v>
      </c>
      <c r="EA19" s="104">
        <v>80090</v>
      </c>
      <c r="EB19" s="104">
        <v>0</v>
      </c>
      <c r="EC19" s="103">
        <v>421209</v>
      </c>
      <c r="ED19" s="106">
        <v>421209</v>
      </c>
      <c r="EE19" s="100">
        <v>0</v>
      </c>
      <c r="EF19" s="102">
        <v>0</v>
      </c>
      <c r="EG19" s="103">
        <v>0</v>
      </c>
      <c r="EH19" s="100">
        <v>0</v>
      </c>
      <c r="EI19" s="104">
        <v>0</v>
      </c>
      <c r="EJ19" s="104">
        <v>0</v>
      </c>
      <c r="EK19" s="104">
        <v>0</v>
      </c>
      <c r="EL19" s="104">
        <v>26634</v>
      </c>
      <c r="EM19" s="104">
        <v>0</v>
      </c>
      <c r="EN19" s="102">
        <v>26634</v>
      </c>
      <c r="EO19" s="106">
        <v>26634</v>
      </c>
      <c r="EP19" s="100">
        <v>0</v>
      </c>
      <c r="EQ19" s="104">
        <v>0</v>
      </c>
      <c r="ER19" s="102">
        <v>0</v>
      </c>
      <c r="ES19" s="101">
        <v>0</v>
      </c>
      <c r="ET19" s="104">
        <v>0</v>
      </c>
      <c r="EU19" s="104">
        <v>0</v>
      </c>
      <c r="EV19" s="104">
        <v>0</v>
      </c>
      <c r="EW19" s="104">
        <v>0</v>
      </c>
      <c r="EX19" s="104">
        <v>0</v>
      </c>
      <c r="EY19" s="103">
        <v>0</v>
      </c>
      <c r="EZ19" s="106">
        <v>0</v>
      </c>
      <c r="FA19" s="100">
        <v>0</v>
      </c>
      <c r="FB19" s="104">
        <v>0</v>
      </c>
      <c r="FC19" s="102">
        <v>0</v>
      </c>
      <c r="FD19" s="324"/>
      <c r="FE19" s="104">
        <v>0</v>
      </c>
      <c r="FF19" s="104">
        <v>0</v>
      </c>
      <c r="FG19" s="104">
        <v>0</v>
      </c>
      <c r="FH19" s="104">
        <v>0</v>
      </c>
      <c r="FI19" s="104">
        <v>0</v>
      </c>
      <c r="FJ19" s="103">
        <v>0</v>
      </c>
      <c r="FK19" s="106">
        <v>0</v>
      </c>
      <c r="FL19" s="100">
        <v>13496</v>
      </c>
      <c r="FM19" s="104">
        <v>119868</v>
      </c>
      <c r="FN19" s="103">
        <v>133364</v>
      </c>
      <c r="FO19" s="100">
        <v>0</v>
      </c>
      <c r="FP19" s="104">
        <v>76692</v>
      </c>
      <c r="FQ19" s="104">
        <v>366520</v>
      </c>
      <c r="FR19" s="104">
        <v>235403</v>
      </c>
      <c r="FS19" s="104">
        <v>233401</v>
      </c>
      <c r="FT19" s="104">
        <v>237244</v>
      </c>
      <c r="FU19" s="103">
        <v>1149260</v>
      </c>
      <c r="FV19" s="106">
        <v>1282624</v>
      </c>
      <c r="FW19" s="105">
        <v>13496</v>
      </c>
      <c r="FX19" s="104">
        <v>78848</v>
      </c>
      <c r="FY19" s="102">
        <v>92344</v>
      </c>
      <c r="FZ19" s="101">
        <v>0</v>
      </c>
      <c r="GA19" s="104">
        <v>76692</v>
      </c>
      <c r="GB19" s="104">
        <v>366520</v>
      </c>
      <c r="GC19" s="104">
        <v>235403</v>
      </c>
      <c r="GD19" s="104">
        <v>233401</v>
      </c>
      <c r="GE19" s="104">
        <v>237244</v>
      </c>
      <c r="GF19" s="103">
        <v>1149260</v>
      </c>
      <c r="GG19" s="296">
        <v>1241604</v>
      </c>
      <c r="GH19" s="105">
        <v>0</v>
      </c>
      <c r="GI19" s="104">
        <v>0</v>
      </c>
      <c r="GJ19" s="102">
        <v>0</v>
      </c>
      <c r="GK19" s="101">
        <v>0</v>
      </c>
      <c r="GL19" s="104">
        <v>0</v>
      </c>
      <c r="GM19" s="104">
        <v>0</v>
      </c>
      <c r="GN19" s="104">
        <v>0</v>
      </c>
      <c r="GO19" s="104">
        <v>0</v>
      </c>
      <c r="GP19" s="104">
        <v>0</v>
      </c>
      <c r="GQ19" s="103">
        <v>0</v>
      </c>
      <c r="GR19" s="106">
        <v>0</v>
      </c>
      <c r="GS19" s="100">
        <v>0</v>
      </c>
      <c r="GT19" s="104">
        <v>41020</v>
      </c>
      <c r="GU19" s="103">
        <v>41020</v>
      </c>
      <c r="GV19" s="100">
        <v>0</v>
      </c>
      <c r="GW19" s="104">
        <v>0</v>
      </c>
      <c r="GX19" s="104">
        <v>0</v>
      </c>
      <c r="GY19" s="104">
        <v>0</v>
      </c>
      <c r="GZ19" s="104">
        <v>0</v>
      </c>
      <c r="HA19" s="104">
        <v>0</v>
      </c>
      <c r="HB19" s="102">
        <v>0</v>
      </c>
      <c r="HC19" s="106">
        <v>41020</v>
      </c>
      <c r="HD19" s="100">
        <v>237427</v>
      </c>
      <c r="HE19" s="104">
        <v>165501</v>
      </c>
      <c r="HF19" s="102">
        <v>402928</v>
      </c>
      <c r="HG19" s="101">
        <v>0</v>
      </c>
      <c r="HH19" s="104">
        <v>1536630</v>
      </c>
      <c r="HI19" s="104">
        <v>1170623</v>
      </c>
      <c r="HJ19" s="104">
        <v>1229047</v>
      </c>
      <c r="HK19" s="104">
        <v>1759011</v>
      </c>
      <c r="HL19" s="104">
        <v>1059251</v>
      </c>
      <c r="HM19" s="103">
        <v>6754562</v>
      </c>
      <c r="HN19" s="99">
        <v>7157490</v>
      </c>
      <c r="HO19" s="306"/>
      <c r="HP19" s="307"/>
      <c r="HQ19" s="308"/>
      <c r="HR19" s="309"/>
      <c r="HS19" s="307"/>
      <c r="HT19" s="307"/>
      <c r="HU19" s="307"/>
      <c r="HV19" s="307"/>
      <c r="HW19" s="307"/>
      <c r="HX19" s="310"/>
      <c r="HY19" s="311"/>
      <c r="HZ19" s="118">
        <v>0</v>
      </c>
      <c r="IA19" s="119">
        <v>0</v>
      </c>
      <c r="IB19" s="120">
        <v>0</v>
      </c>
      <c r="IC19" s="133">
        <v>0</v>
      </c>
      <c r="ID19" s="119">
        <v>379178</v>
      </c>
      <c r="IE19" s="134">
        <v>1032422</v>
      </c>
      <c r="IF19" s="120">
        <v>775486</v>
      </c>
      <c r="IG19" s="119">
        <v>153092</v>
      </c>
      <c r="IH19" s="120">
        <v>238831</v>
      </c>
      <c r="II19" s="135">
        <v>2579009</v>
      </c>
      <c r="IJ19" s="126">
        <v>2579009</v>
      </c>
      <c r="IK19" s="219">
        <v>0</v>
      </c>
      <c r="IL19" s="223">
        <v>0</v>
      </c>
      <c r="IM19" s="224">
        <v>0</v>
      </c>
      <c r="IN19" s="127"/>
      <c r="IO19" s="109">
        <v>0</v>
      </c>
      <c r="IP19" s="109">
        <v>0</v>
      </c>
      <c r="IQ19" s="109">
        <v>0</v>
      </c>
      <c r="IR19" s="109">
        <v>0</v>
      </c>
      <c r="IS19" s="109">
        <v>0</v>
      </c>
      <c r="IT19" s="128">
        <v>0</v>
      </c>
      <c r="IU19" s="298">
        <v>0</v>
      </c>
      <c r="IV19" s="129">
        <v>0</v>
      </c>
      <c r="IW19" s="109">
        <v>0</v>
      </c>
      <c r="IX19" s="110">
        <v>0</v>
      </c>
      <c r="IY19" s="131"/>
      <c r="IZ19" s="109">
        <v>0</v>
      </c>
      <c r="JA19" s="109">
        <v>0</v>
      </c>
      <c r="JB19" s="109">
        <v>0</v>
      </c>
      <c r="JC19" s="109">
        <v>0</v>
      </c>
      <c r="JD19" s="109">
        <v>0</v>
      </c>
      <c r="JE19" s="110">
        <v>0</v>
      </c>
      <c r="JF19" s="111">
        <v>0</v>
      </c>
      <c r="JG19" s="129">
        <v>0</v>
      </c>
      <c r="JH19" s="109">
        <v>0</v>
      </c>
      <c r="JI19" s="128">
        <v>0</v>
      </c>
      <c r="JJ19" s="108">
        <v>0</v>
      </c>
      <c r="JK19" s="109">
        <v>342883</v>
      </c>
      <c r="JL19" s="109">
        <v>563662</v>
      </c>
      <c r="JM19" s="109">
        <v>566350</v>
      </c>
      <c r="JN19" s="109">
        <v>153092</v>
      </c>
      <c r="JO19" s="109">
        <v>30440</v>
      </c>
      <c r="JP19" s="110">
        <v>1656427</v>
      </c>
      <c r="JQ19" s="298">
        <v>1656427</v>
      </c>
      <c r="JR19" s="129">
        <v>0</v>
      </c>
      <c r="JS19" s="109">
        <v>0</v>
      </c>
      <c r="JT19" s="128">
        <v>0</v>
      </c>
      <c r="JU19" s="108">
        <v>0</v>
      </c>
      <c r="JV19" s="109">
        <v>36295</v>
      </c>
      <c r="JW19" s="109">
        <v>94476</v>
      </c>
      <c r="JX19" s="109">
        <v>0</v>
      </c>
      <c r="JY19" s="109">
        <v>0</v>
      </c>
      <c r="JZ19" s="109">
        <v>0</v>
      </c>
      <c r="KA19" s="110">
        <v>130771</v>
      </c>
      <c r="KB19" s="298">
        <v>130771</v>
      </c>
      <c r="KC19" s="221">
        <v>0</v>
      </c>
      <c r="KD19" s="217">
        <v>0</v>
      </c>
      <c r="KE19" s="110">
        <v>0</v>
      </c>
      <c r="KF19" s="108">
        <v>0</v>
      </c>
      <c r="KG19" s="109">
        <v>0</v>
      </c>
      <c r="KH19" s="109">
        <v>149396</v>
      </c>
      <c r="KI19" s="109">
        <v>209136</v>
      </c>
      <c r="KJ19" s="109">
        <v>0</v>
      </c>
      <c r="KK19" s="109">
        <v>0</v>
      </c>
      <c r="KL19" s="110">
        <v>358532</v>
      </c>
      <c r="KM19" s="130">
        <v>358532</v>
      </c>
      <c r="KN19" s="219">
        <v>0</v>
      </c>
      <c r="KO19" s="223">
        <v>0</v>
      </c>
      <c r="KP19" s="224">
        <v>0</v>
      </c>
      <c r="KQ19" s="127"/>
      <c r="KR19" s="109">
        <v>0</v>
      </c>
      <c r="KS19" s="109">
        <v>224888</v>
      </c>
      <c r="KT19" s="109">
        <v>0</v>
      </c>
      <c r="KU19" s="109">
        <v>0</v>
      </c>
      <c r="KV19" s="109">
        <v>0</v>
      </c>
      <c r="KW19" s="110">
        <v>224888</v>
      </c>
      <c r="KX19" s="298">
        <v>224888</v>
      </c>
      <c r="KY19" s="129">
        <v>0</v>
      </c>
      <c r="KZ19" s="109">
        <v>0</v>
      </c>
      <c r="LA19" s="110">
        <v>0</v>
      </c>
      <c r="LB19" s="132"/>
      <c r="LC19" s="109">
        <v>0</v>
      </c>
      <c r="LD19" s="109">
        <v>0</v>
      </c>
      <c r="LE19" s="109">
        <v>0</v>
      </c>
      <c r="LF19" s="109">
        <v>0</v>
      </c>
      <c r="LG19" s="109">
        <v>208391</v>
      </c>
      <c r="LH19" s="110">
        <v>208391</v>
      </c>
      <c r="LI19" s="111">
        <v>208391</v>
      </c>
      <c r="LJ19" s="129">
        <v>0</v>
      </c>
      <c r="LK19" s="109">
        <v>0</v>
      </c>
      <c r="LL19" s="110">
        <v>0</v>
      </c>
      <c r="LM19" s="132"/>
      <c r="LN19" s="109">
        <v>0</v>
      </c>
      <c r="LO19" s="109">
        <v>0</v>
      </c>
      <c r="LP19" s="109">
        <v>0</v>
      </c>
      <c r="LQ19" s="109">
        <v>0</v>
      </c>
      <c r="LR19" s="109">
        <v>0</v>
      </c>
      <c r="LS19" s="110">
        <v>0</v>
      </c>
      <c r="LT19" s="298">
        <v>0</v>
      </c>
      <c r="LU19" s="129">
        <v>0</v>
      </c>
      <c r="LV19" s="109">
        <v>0</v>
      </c>
      <c r="LW19" s="110">
        <v>0</v>
      </c>
      <c r="LX19" s="132"/>
      <c r="LY19" s="109">
        <v>0</v>
      </c>
      <c r="LZ19" s="109">
        <v>0</v>
      </c>
      <c r="MA19" s="109">
        <v>0</v>
      </c>
      <c r="MB19" s="109">
        <v>0</v>
      </c>
      <c r="MC19" s="109">
        <v>0</v>
      </c>
      <c r="MD19" s="110">
        <v>0</v>
      </c>
      <c r="ME19" s="111">
        <v>0</v>
      </c>
      <c r="MF19" s="129">
        <v>0</v>
      </c>
      <c r="MG19" s="109">
        <v>0</v>
      </c>
      <c r="MH19" s="110">
        <v>0</v>
      </c>
      <c r="MI19" s="132"/>
      <c r="MJ19" s="109">
        <v>11893</v>
      </c>
      <c r="MK19" s="109">
        <v>576314</v>
      </c>
      <c r="ML19" s="109">
        <v>898886</v>
      </c>
      <c r="MM19" s="109">
        <v>1465114</v>
      </c>
      <c r="MN19" s="109">
        <v>2298513</v>
      </c>
      <c r="MO19" s="110">
        <v>5250720</v>
      </c>
      <c r="MP19" s="130">
        <v>5250720</v>
      </c>
      <c r="MQ19" s="129">
        <v>0</v>
      </c>
      <c r="MR19" s="109">
        <v>0</v>
      </c>
      <c r="MS19" s="110">
        <v>0</v>
      </c>
      <c r="MT19" s="132"/>
      <c r="MU19" s="109">
        <v>0</v>
      </c>
      <c r="MV19" s="109">
        <v>0</v>
      </c>
      <c r="MW19" s="109">
        <v>407308</v>
      </c>
      <c r="MX19" s="109">
        <v>903445</v>
      </c>
      <c r="MY19" s="109">
        <v>1566179</v>
      </c>
      <c r="MZ19" s="110">
        <v>2876932</v>
      </c>
      <c r="NA19" s="130">
        <v>2876932</v>
      </c>
      <c r="NB19" s="129">
        <v>0</v>
      </c>
      <c r="NC19" s="109">
        <v>0</v>
      </c>
      <c r="ND19" s="110">
        <v>0</v>
      </c>
      <c r="NE19" s="132"/>
      <c r="NF19" s="109">
        <v>11893</v>
      </c>
      <c r="NG19" s="109">
        <v>576314</v>
      </c>
      <c r="NH19" s="109">
        <v>491578</v>
      </c>
      <c r="NI19" s="109">
        <v>561669</v>
      </c>
      <c r="NJ19" s="109">
        <v>732334</v>
      </c>
      <c r="NK19" s="110">
        <v>2373788</v>
      </c>
      <c r="NL19" s="298">
        <v>2373788</v>
      </c>
      <c r="NM19" s="129">
        <v>0</v>
      </c>
      <c r="NN19" s="109">
        <v>0</v>
      </c>
      <c r="NO19" s="110">
        <v>0</v>
      </c>
      <c r="NP19" s="132"/>
      <c r="NQ19" s="109">
        <v>0</v>
      </c>
      <c r="NR19" s="109">
        <v>0</v>
      </c>
      <c r="NS19" s="109">
        <v>0</v>
      </c>
      <c r="NT19" s="109">
        <v>0</v>
      </c>
      <c r="NU19" s="109">
        <v>0</v>
      </c>
      <c r="NV19" s="110">
        <v>0</v>
      </c>
      <c r="NW19" s="111">
        <v>0</v>
      </c>
      <c r="NX19" s="129">
        <v>0</v>
      </c>
      <c r="NY19" s="109">
        <v>0</v>
      </c>
      <c r="NZ19" s="110">
        <v>0</v>
      </c>
      <c r="OA19" s="132"/>
      <c r="OB19" s="109">
        <v>0</v>
      </c>
      <c r="OC19" s="109">
        <v>0</v>
      </c>
      <c r="OD19" s="109">
        <v>0</v>
      </c>
      <c r="OE19" s="109">
        <v>0</v>
      </c>
      <c r="OF19" s="109">
        <v>0</v>
      </c>
      <c r="OG19" s="110">
        <v>0</v>
      </c>
      <c r="OH19" s="111">
        <v>0</v>
      </c>
      <c r="OI19" s="129">
        <v>386867</v>
      </c>
      <c r="OJ19" s="109">
        <v>569142</v>
      </c>
      <c r="OK19" s="128">
        <v>956009</v>
      </c>
      <c r="OL19" s="108">
        <v>0</v>
      </c>
      <c r="OM19" s="109">
        <v>3764060</v>
      </c>
      <c r="ON19" s="109">
        <v>5969130</v>
      </c>
      <c r="OO19" s="109">
        <v>5377732</v>
      </c>
      <c r="OP19" s="109">
        <v>5673587</v>
      </c>
      <c r="OQ19" s="109">
        <v>6584216</v>
      </c>
      <c r="OR19" s="110">
        <v>27368725</v>
      </c>
      <c r="OS19" s="130">
        <v>28324734</v>
      </c>
    </row>
    <row r="20" spans="2:409" ht="21" customHeight="1" x14ac:dyDescent="0.2">
      <c r="B20" s="472" t="s">
        <v>15</v>
      </c>
      <c r="C20" s="100">
        <v>64259</v>
      </c>
      <c r="D20" s="104">
        <v>204480</v>
      </c>
      <c r="E20" s="103">
        <v>268739</v>
      </c>
      <c r="F20" s="99">
        <v>0</v>
      </c>
      <c r="G20" s="104">
        <v>1171431</v>
      </c>
      <c r="H20" s="104">
        <v>1196321</v>
      </c>
      <c r="I20" s="104">
        <v>1035148</v>
      </c>
      <c r="J20" s="104">
        <v>1354112</v>
      </c>
      <c r="K20" s="104">
        <v>1455216</v>
      </c>
      <c r="L20" s="99">
        <v>6212228</v>
      </c>
      <c r="M20" s="106">
        <v>6480967</v>
      </c>
      <c r="N20" s="100">
        <v>10787</v>
      </c>
      <c r="O20" s="104">
        <v>98477</v>
      </c>
      <c r="P20" s="103">
        <v>109264</v>
      </c>
      <c r="Q20" s="100">
        <v>0</v>
      </c>
      <c r="R20" s="104">
        <v>141312</v>
      </c>
      <c r="S20" s="104">
        <v>321992</v>
      </c>
      <c r="T20" s="104">
        <v>135128</v>
      </c>
      <c r="U20" s="104">
        <v>372365</v>
      </c>
      <c r="V20" s="104">
        <v>933941</v>
      </c>
      <c r="W20" s="103">
        <v>1904738</v>
      </c>
      <c r="X20" s="106">
        <v>2014002</v>
      </c>
      <c r="Y20" s="100">
        <v>0</v>
      </c>
      <c r="Z20" s="104">
        <v>0</v>
      </c>
      <c r="AA20" s="103">
        <v>0</v>
      </c>
      <c r="AB20" s="100">
        <v>0</v>
      </c>
      <c r="AC20" s="104">
        <v>71959</v>
      </c>
      <c r="AD20" s="104">
        <v>128590</v>
      </c>
      <c r="AE20" s="104">
        <v>9298</v>
      </c>
      <c r="AF20" s="104">
        <v>170889</v>
      </c>
      <c r="AG20" s="104">
        <v>308901</v>
      </c>
      <c r="AH20" s="103">
        <v>689637</v>
      </c>
      <c r="AI20" s="106">
        <v>689637</v>
      </c>
      <c r="AJ20" s="100">
        <v>0</v>
      </c>
      <c r="AK20" s="104">
        <v>0</v>
      </c>
      <c r="AL20" s="103">
        <v>0</v>
      </c>
      <c r="AM20" s="100">
        <v>0</v>
      </c>
      <c r="AN20" s="104">
        <v>0</v>
      </c>
      <c r="AO20" s="104">
        <v>0</v>
      </c>
      <c r="AP20" s="104">
        <v>0</v>
      </c>
      <c r="AQ20" s="104">
        <v>42550</v>
      </c>
      <c r="AR20" s="104">
        <v>265982</v>
      </c>
      <c r="AS20" s="103">
        <v>308532</v>
      </c>
      <c r="AT20" s="106">
        <v>308532</v>
      </c>
      <c r="AU20" s="100">
        <v>0</v>
      </c>
      <c r="AV20" s="104">
        <v>59896</v>
      </c>
      <c r="AW20" s="103">
        <v>59896</v>
      </c>
      <c r="AX20" s="100">
        <v>0</v>
      </c>
      <c r="AY20" s="104">
        <v>15054</v>
      </c>
      <c r="AZ20" s="104">
        <v>114666</v>
      </c>
      <c r="BA20" s="104">
        <v>57972</v>
      </c>
      <c r="BB20" s="104">
        <v>89360</v>
      </c>
      <c r="BC20" s="104">
        <v>186913</v>
      </c>
      <c r="BD20" s="103">
        <v>463965</v>
      </c>
      <c r="BE20" s="106">
        <v>523861</v>
      </c>
      <c r="BF20" s="100">
        <v>0</v>
      </c>
      <c r="BG20" s="104">
        <v>18491</v>
      </c>
      <c r="BH20" s="102">
        <v>18491</v>
      </c>
      <c r="BI20" s="101">
        <v>0</v>
      </c>
      <c r="BJ20" s="104">
        <v>0</v>
      </c>
      <c r="BK20" s="104">
        <v>0</v>
      </c>
      <c r="BL20" s="104">
        <v>0</v>
      </c>
      <c r="BM20" s="104">
        <v>0</v>
      </c>
      <c r="BN20" s="104">
        <v>90147</v>
      </c>
      <c r="BO20" s="103">
        <v>90147</v>
      </c>
      <c r="BP20" s="106">
        <v>108638</v>
      </c>
      <c r="BQ20" s="100">
        <v>10787</v>
      </c>
      <c r="BR20" s="104">
        <v>20090</v>
      </c>
      <c r="BS20" s="103">
        <v>30877</v>
      </c>
      <c r="BT20" s="100">
        <v>0</v>
      </c>
      <c r="BU20" s="104">
        <v>54299</v>
      </c>
      <c r="BV20" s="104">
        <v>78736</v>
      </c>
      <c r="BW20" s="104">
        <v>67858</v>
      </c>
      <c r="BX20" s="104">
        <v>69566</v>
      </c>
      <c r="BY20" s="104">
        <v>81998</v>
      </c>
      <c r="BZ20" s="103">
        <v>352457</v>
      </c>
      <c r="CA20" s="106">
        <v>383334</v>
      </c>
      <c r="CB20" s="100">
        <v>0</v>
      </c>
      <c r="CC20" s="104">
        <v>0</v>
      </c>
      <c r="CD20" s="103">
        <v>0</v>
      </c>
      <c r="CE20" s="100">
        <v>0</v>
      </c>
      <c r="CF20" s="104">
        <v>143387</v>
      </c>
      <c r="CG20" s="104">
        <v>239969</v>
      </c>
      <c r="CH20" s="104">
        <v>148700</v>
      </c>
      <c r="CI20" s="104">
        <v>235544</v>
      </c>
      <c r="CJ20" s="104">
        <v>200869</v>
      </c>
      <c r="CK20" s="103">
        <v>968469</v>
      </c>
      <c r="CL20" s="106">
        <v>968469</v>
      </c>
      <c r="CM20" s="100">
        <v>0</v>
      </c>
      <c r="CN20" s="104">
        <v>0</v>
      </c>
      <c r="CO20" s="103">
        <v>0</v>
      </c>
      <c r="CP20" s="101">
        <v>0</v>
      </c>
      <c r="CQ20" s="104">
        <v>101499</v>
      </c>
      <c r="CR20" s="104">
        <v>143986</v>
      </c>
      <c r="CS20" s="104">
        <v>72508</v>
      </c>
      <c r="CT20" s="104">
        <v>27785</v>
      </c>
      <c r="CU20" s="104">
        <v>0</v>
      </c>
      <c r="CV20" s="103">
        <v>345778</v>
      </c>
      <c r="CW20" s="106">
        <v>345778</v>
      </c>
      <c r="CX20" s="100">
        <v>0</v>
      </c>
      <c r="CY20" s="104">
        <v>0</v>
      </c>
      <c r="CZ20" s="103">
        <v>0</v>
      </c>
      <c r="DA20" s="100">
        <v>0</v>
      </c>
      <c r="DB20" s="104">
        <v>41888</v>
      </c>
      <c r="DC20" s="104">
        <v>95983</v>
      </c>
      <c r="DD20" s="104">
        <v>76192</v>
      </c>
      <c r="DE20" s="104">
        <v>207759</v>
      </c>
      <c r="DF20" s="104">
        <v>200869</v>
      </c>
      <c r="DG20" s="103">
        <v>622691</v>
      </c>
      <c r="DH20" s="106">
        <v>622691</v>
      </c>
      <c r="DI20" s="100">
        <v>0</v>
      </c>
      <c r="DJ20" s="104">
        <v>0</v>
      </c>
      <c r="DK20" s="102">
        <v>0</v>
      </c>
      <c r="DL20" s="101">
        <v>0</v>
      </c>
      <c r="DM20" s="104">
        <v>0</v>
      </c>
      <c r="DN20" s="104">
        <v>45070</v>
      </c>
      <c r="DO20" s="104">
        <v>325146</v>
      </c>
      <c r="DP20" s="104">
        <v>26052</v>
      </c>
      <c r="DQ20" s="104">
        <v>0</v>
      </c>
      <c r="DR20" s="103">
        <v>396268</v>
      </c>
      <c r="DS20" s="106">
        <v>396268</v>
      </c>
      <c r="DT20" s="100">
        <v>0</v>
      </c>
      <c r="DU20" s="104">
        <v>0</v>
      </c>
      <c r="DV20" s="103">
        <v>0</v>
      </c>
      <c r="DW20" s="100">
        <v>0</v>
      </c>
      <c r="DX20" s="104">
        <v>0</v>
      </c>
      <c r="DY20" s="104">
        <v>45070</v>
      </c>
      <c r="DZ20" s="104">
        <v>325146</v>
      </c>
      <c r="EA20" s="104">
        <v>26052</v>
      </c>
      <c r="EB20" s="104">
        <v>0</v>
      </c>
      <c r="EC20" s="103">
        <v>396268</v>
      </c>
      <c r="ED20" s="106">
        <v>396268</v>
      </c>
      <c r="EE20" s="100">
        <v>0</v>
      </c>
      <c r="EF20" s="102">
        <v>0</v>
      </c>
      <c r="EG20" s="103">
        <v>0</v>
      </c>
      <c r="EH20" s="100">
        <v>0</v>
      </c>
      <c r="EI20" s="104">
        <v>0</v>
      </c>
      <c r="EJ20" s="104">
        <v>0</v>
      </c>
      <c r="EK20" s="104">
        <v>0</v>
      </c>
      <c r="EL20" s="104">
        <v>0</v>
      </c>
      <c r="EM20" s="104">
        <v>0</v>
      </c>
      <c r="EN20" s="102">
        <v>0</v>
      </c>
      <c r="EO20" s="106">
        <v>0</v>
      </c>
      <c r="EP20" s="100">
        <v>0</v>
      </c>
      <c r="EQ20" s="104">
        <v>0</v>
      </c>
      <c r="ER20" s="102">
        <v>0</v>
      </c>
      <c r="ES20" s="101">
        <v>0</v>
      </c>
      <c r="ET20" s="104">
        <v>0</v>
      </c>
      <c r="EU20" s="104">
        <v>0</v>
      </c>
      <c r="EV20" s="104">
        <v>0</v>
      </c>
      <c r="EW20" s="104">
        <v>0</v>
      </c>
      <c r="EX20" s="104">
        <v>0</v>
      </c>
      <c r="EY20" s="103">
        <v>0</v>
      </c>
      <c r="EZ20" s="106">
        <v>0</v>
      </c>
      <c r="FA20" s="100">
        <v>0</v>
      </c>
      <c r="FB20" s="104">
        <v>0</v>
      </c>
      <c r="FC20" s="102">
        <v>0</v>
      </c>
      <c r="FD20" s="324"/>
      <c r="FE20" s="104">
        <v>0</v>
      </c>
      <c r="FF20" s="104">
        <v>0</v>
      </c>
      <c r="FG20" s="104">
        <v>0</v>
      </c>
      <c r="FH20" s="104">
        <v>0</v>
      </c>
      <c r="FI20" s="104">
        <v>0</v>
      </c>
      <c r="FJ20" s="103">
        <v>0</v>
      </c>
      <c r="FK20" s="106">
        <v>0</v>
      </c>
      <c r="FL20" s="100">
        <v>1575</v>
      </c>
      <c r="FM20" s="104">
        <v>22050</v>
      </c>
      <c r="FN20" s="103">
        <v>23625</v>
      </c>
      <c r="FO20" s="100">
        <v>0</v>
      </c>
      <c r="FP20" s="104">
        <v>27944</v>
      </c>
      <c r="FQ20" s="104">
        <v>123842</v>
      </c>
      <c r="FR20" s="104">
        <v>68691</v>
      </c>
      <c r="FS20" s="104">
        <v>142107</v>
      </c>
      <c r="FT20" s="104">
        <v>106778</v>
      </c>
      <c r="FU20" s="103">
        <v>469362</v>
      </c>
      <c r="FV20" s="106">
        <v>492987</v>
      </c>
      <c r="FW20" s="105">
        <v>1575</v>
      </c>
      <c r="FX20" s="104">
        <v>22050</v>
      </c>
      <c r="FY20" s="102">
        <v>23625</v>
      </c>
      <c r="FZ20" s="101">
        <v>0</v>
      </c>
      <c r="GA20" s="104">
        <v>27944</v>
      </c>
      <c r="GB20" s="104">
        <v>123842</v>
      </c>
      <c r="GC20" s="104">
        <v>68691</v>
      </c>
      <c r="GD20" s="104">
        <v>142107</v>
      </c>
      <c r="GE20" s="104">
        <v>106778</v>
      </c>
      <c r="GF20" s="103">
        <v>469362</v>
      </c>
      <c r="GG20" s="296">
        <v>492987</v>
      </c>
      <c r="GH20" s="105">
        <v>0</v>
      </c>
      <c r="GI20" s="104">
        <v>0</v>
      </c>
      <c r="GJ20" s="102">
        <v>0</v>
      </c>
      <c r="GK20" s="101">
        <v>0</v>
      </c>
      <c r="GL20" s="104">
        <v>0</v>
      </c>
      <c r="GM20" s="104">
        <v>0</v>
      </c>
      <c r="GN20" s="104">
        <v>0</v>
      </c>
      <c r="GO20" s="104">
        <v>0</v>
      </c>
      <c r="GP20" s="104">
        <v>0</v>
      </c>
      <c r="GQ20" s="103">
        <v>0</v>
      </c>
      <c r="GR20" s="106">
        <v>0</v>
      </c>
      <c r="GS20" s="100">
        <v>0</v>
      </c>
      <c r="GT20" s="104">
        <v>0</v>
      </c>
      <c r="GU20" s="103">
        <v>0</v>
      </c>
      <c r="GV20" s="100">
        <v>0</v>
      </c>
      <c r="GW20" s="104">
        <v>0</v>
      </c>
      <c r="GX20" s="104">
        <v>0</v>
      </c>
      <c r="GY20" s="104">
        <v>0</v>
      </c>
      <c r="GZ20" s="104">
        <v>0</v>
      </c>
      <c r="HA20" s="104">
        <v>0</v>
      </c>
      <c r="HB20" s="102">
        <v>0</v>
      </c>
      <c r="HC20" s="106">
        <v>0</v>
      </c>
      <c r="HD20" s="100">
        <v>51897</v>
      </c>
      <c r="HE20" s="104">
        <v>83953</v>
      </c>
      <c r="HF20" s="102">
        <v>135850</v>
      </c>
      <c r="HG20" s="101">
        <v>0</v>
      </c>
      <c r="HH20" s="104">
        <v>858788</v>
      </c>
      <c r="HI20" s="104">
        <v>465448</v>
      </c>
      <c r="HJ20" s="104">
        <v>357483</v>
      </c>
      <c r="HK20" s="104">
        <v>578044</v>
      </c>
      <c r="HL20" s="104">
        <v>213628</v>
      </c>
      <c r="HM20" s="103">
        <v>2473391</v>
      </c>
      <c r="HN20" s="99">
        <v>2609241</v>
      </c>
      <c r="HO20" s="306"/>
      <c r="HP20" s="307"/>
      <c r="HQ20" s="308"/>
      <c r="HR20" s="309"/>
      <c r="HS20" s="307"/>
      <c r="HT20" s="307"/>
      <c r="HU20" s="307"/>
      <c r="HV20" s="307"/>
      <c r="HW20" s="307"/>
      <c r="HX20" s="310"/>
      <c r="HY20" s="311"/>
      <c r="HZ20" s="137">
        <v>0</v>
      </c>
      <c r="IA20" s="122">
        <v>0</v>
      </c>
      <c r="IB20" s="137">
        <v>0</v>
      </c>
      <c r="IC20" s="121">
        <v>0</v>
      </c>
      <c r="ID20" s="122">
        <v>94100</v>
      </c>
      <c r="IE20" s="123">
        <v>674613</v>
      </c>
      <c r="IF20" s="124">
        <v>331812</v>
      </c>
      <c r="IG20" s="122">
        <v>481532</v>
      </c>
      <c r="IH20" s="124">
        <v>68840</v>
      </c>
      <c r="II20" s="125">
        <v>1650897</v>
      </c>
      <c r="IJ20" s="137">
        <v>1650897</v>
      </c>
      <c r="IK20" s="219">
        <v>0</v>
      </c>
      <c r="IL20" s="223">
        <v>0</v>
      </c>
      <c r="IM20" s="224">
        <v>0</v>
      </c>
      <c r="IN20" s="127"/>
      <c r="IO20" s="109">
        <v>0</v>
      </c>
      <c r="IP20" s="109">
        <v>0</v>
      </c>
      <c r="IQ20" s="109">
        <v>177287</v>
      </c>
      <c r="IR20" s="109">
        <v>0</v>
      </c>
      <c r="IS20" s="109">
        <v>0</v>
      </c>
      <c r="IT20" s="128">
        <v>177287</v>
      </c>
      <c r="IU20" s="298">
        <v>177287</v>
      </c>
      <c r="IV20" s="129">
        <v>0</v>
      </c>
      <c r="IW20" s="109">
        <v>0</v>
      </c>
      <c r="IX20" s="110">
        <v>0</v>
      </c>
      <c r="IY20" s="131"/>
      <c r="IZ20" s="109">
        <v>0</v>
      </c>
      <c r="JA20" s="109">
        <v>0</v>
      </c>
      <c r="JB20" s="109">
        <v>0</v>
      </c>
      <c r="JC20" s="109">
        <v>0</v>
      </c>
      <c r="JD20" s="109">
        <v>0</v>
      </c>
      <c r="JE20" s="110">
        <v>0</v>
      </c>
      <c r="JF20" s="111">
        <v>0</v>
      </c>
      <c r="JG20" s="129">
        <v>0</v>
      </c>
      <c r="JH20" s="109">
        <v>0</v>
      </c>
      <c r="JI20" s="128">
        <v>0</v>
      </c>
      <c r="JJ20" s="108">
        <v>0</v>
      </c>
      <c r="JK20" s="109">
        <v>94100</v>
      </c>
      <c r="JL20" s="109">
        <v>252297</v>
      </c>
      <c r="JM20" s="109">
        <v>154525</v>
      </c>
      <c r="JN20" s="109">
        <v>21207</v>
      </c>
      <c r="JO20" s="109">
        <v>68840</v>
      </c>
      <c r="JP20" s="110">
        <v>590969</v>
      </c>
      <c r="JQ20" s="298">
        <v>590969</v>
      </c>
      <c r="JR20" s="129">
        <v>0</v>
      </c>
      <c r="JS20" s="109">
        <v>0</v>
      </c>
      <c r="JT20" s="128">
        <v>0</v>
      </c>
      <c r="JU20" s="108">
        <v>0</v>
      </c>
      <c r="JV20" s="109">
        <v>0</v>
      </c>
      <c r="JW20" s="109">
        <v>0</v>
      </c>
      <c r="JX20" s="109">
        <v>0</v>
      </c>
      <c r="JY20" s="109">
        <v>0</v>
      </c>
      <c r="JZ20" s="109">
        <v>0</v>
      </c>
      <c r="KA20" s="110">
        <v>0</v>
      </c>
      <c r="KB20" s="298">
        <v>0</v>
      </c>
      <c r="KC20" s="221">
        <v>0</v>
      </c>
      <c r="KD20" s="217">
        <v>0</v>
      </c>
      <c r="KE20" s="110">
        <v>0</v>
      </c>
      <c r="KF20" s="108">
        <v>0</v>
      </c>
      <c r="KG20" s="109">
        <v>0</v>
      </c>
      <c r="KH20" s="109">
        <v>0</v>
      </c>
      <c r="KI20" s="109">
        <v>0</v>
      </c>
      <c r="KJ20" s="109">
        <v>0</v>
      </c>
      <c r="KK20" s="109">
        <v>0</v>
      </c>
      <c r="KL20" s="110">
        <v>0</v>
      </c>
      <c r="KM20" s="130">
        <v>0</v>
      </c>
      <c r="KN20" s="219">
        <v>0</v>
      </c>
      <c r="KO20" s="223">
        <v>0</v>
      </c>
      <c r="KP20" s="224">
        <v>0</v>
      </c>
      <c r="KQ20" s="127"/>
      <c r="KR20" s="109">
        <v>0</v>
      </c>
      <c r="KS20" s="109">
        <v>422316</v>
      </c>
      <c r="KT20" s="109">
        <v>0</v>
      </c>
      <c r="KU20" s="109">
        <v>223879</v>
      </c>
      <c r="KV20" s="109">
        <v>0</v>
      </c>
      <c r="KW20" s="110">
        <v>646195</v>
      </c>
      <c r="KX20" s="298">
        <v>646195</v>
      </c>
      <c r="KY20" s="129">
        <v>0</v>
      </c>
      <c r="KZ20" s="109">
        <v>0</v>
      </c>
      <c r="LA20" s="110">
        <v>0</v>
      </c>
      <c r="LB20" s="132"/>
      <c r="LC20" s="109">
        <v>0</v>
      </c>
      <c r="LD20" s="109">
        <v>0</v>
      </c>
      <c r="LE20" s="109">
        <v>0</v>
      </c>
      <c r="LF20" s="109">
        <v>0</v>
      </c>
      <c r="LG20" s="109">
        <v>0</v>
      </c>
      <c r="LH20" s="110">
        <v>0</v>
      </c>
      <c r="LI20" s="111">
        <v>0</v>
      </c>
      <c r="LJ20" s="129">
        <v>0</v>
      </c>
      <c r="LK20" s="109">
        <v>0</v>
      </c>
      <c r="LL20" s="110">
        <v>0</v>
      </c>
      <c r="LM20" s="132"/>
      <c r="LN20" s="109">
        <v>0</v>
      </c>
      <c r="LO20" s="109">
        <v>0</v>
      </c>
      <c r="LP20" s="109">
        <v>0</v>
      </c>
      <c r="LQ20" s="109">
        <v>236446</v>
      </c>
      <c r="LR20" s="109">
        <v>0</v>
      </c>
      <c r="LS20" s="110">
        <v>236446</v>
      </c>
      <c r="LT20" s="298">
        <v>236446</v>
      </c>
      <c r="LU20" s="129">
        <v>0</v>
      </c>
      <c r="LV20" s="109">
        <v>0</v>
      </c>
      <c r="LW20" s="110">
        <v>0</v>
      </c>
      <c r="LX20" s="132"/>
      <c r="LY20" s="109">
        <v>0</v>
      </c>
      <c r="LZ20" s="109">
        <v>0</v>
      </c>
      <c r="MA20" s="109">
        <v>0</v>
      </c>
      <c r="MB20" s="109">
        <v>0</v>
      </c>
      <c r="MC20" s="109">
        <v>0</v>
      </c>
      <c r="MD20" s="110">
        <v>0</v>
      </c>
      <c r="ME20" s="111">
        <v>0</v>
      </c>
      <c r="MF20" s="129">
        <v>0</v>
      </c>
      <c r="MG20" s="109">
        <v>0</v>
      </c>
      <c r="MH20" s="110">
        <v>0</v>
      </c>
      <c r="MI20" s="132"/>
      <c r="MJ20" s="109">
        <v>0</v>
      </c>
      <c r="MK20" s="109">
        <v>0</v>
      </c>
      <c r="ML20" s="109">
        <v>471213</v>
      </c>
      <c r="MM20" s="109">
        <v>1185094</v>
      </c>
      <c r="MN20" s="109">
        <v>229170</v>
      </c>
      <c r="MO20" s="110">
        <v>1885477</v>
      </c>
      <c r="MP20" s="130">
        <v>1885477</v>
      </c>
      <c r="MQ20" s="129">
        <v>0</v>
      </c>
      <c r="MR20" s="109">
        <v>0</v>
      </c>
      <c r="MS20" s="110">
        <v>0</v>
      </c>
      <c r="MT20" s="132"/>
      <c r="MU20" s="109">
        <v>0</v>
      </c>
      <c r="MV20" s="109">
        <v>0</v>
      </c>
      <c r="MW20" s="109">
        <v>199420</v>
      </c>
      <c r="MX20" s="109">
        <v>410971</v>
      </c>
      <c r="MY20" s="109">
        <v>229170</v>
      </c>
      <c r="MZ20" s="110">
        <v>839561</v>
      </c>
      <c r="NA20" s="130">
        <v>839561</v>
      </c>
      <c r="NB20" s="129">
        <v>0</v>
      </c>
      <c r="NC20" s="109">
        <v>0</v>
      </c>
      <c r="ND20" s="110">
        <v>0</v>
      </c>
      <c r="NE20" s="132"/>
      <c r="NF20" s="109">
        <v>0</v>
      </c>
      <c r="NG20" s="109">
        <v>0</v>
      </c>
      <c r="NH20" s="109">
        <v>271793</v>
      </c>
      <c r="NI20" s="109">
        <v>774123</v>
      </c>
      <c r="NJ20" s="109">
        <v>0</v>
      </c>
      <c r="NK20" s="110">
        <v>1045916</v>
      </c>
      <c r="NL20" s="298">
        <v>1045916</v>
      </c>
      <c r="NM20" s="129">
        <v>0</v>
      </c>
      <c r="NN20" s="109">
        <v>0</v>
      </c>
      <c r="NO20" s="110">
        <v>0</v>
      </c>
      <c r="NP20" s="132"/>
      <c r="NQ20" s="109">
        <v>0</v>
      </c>
      <c r="NR20" s="109">
        <v>0</v>
      </c>
      <c r="NS20" s="109">
        <v>0</v>
      </c>
      <c r="NT20" s="109">
        <v>0</v>
      </c>
      <c r="NU20" s="109">
        <v>0</v>
      </c>
      <c r="NV20" s="110">
        <v>0</v>
      </c>
      <c r="NW20" s="111">
        <v>0</v>
      </c>
      <c r="NX20" s="129">
        <v>0</v>
      </c>
      <c r="NY20" s="109">
        <v>0</v>
      </c>
      <c r="NZ20" s="110">
        <v>0</v>
      </c>
      <c r="OA20" s="132"/>
      <c r="OB20" s="109">
        <v>0</v>
      </c>
      <c r="OC20" s="109">
        <v>0</v>
      </c>
      <c r="OD20" s="109">
        <v>0</v>
      </c>
      <c r="OE20" s="109">
        <v>0</v>
      </c>
      <c r="OF20" s="109">
        <v>0</v>
      </c>
      <c r="OG20" s="110">
        <v>0</v>
      </c>
      <c r="OH20" s="111">
        <v>0</v>
      </c>
      <c r="OI20" s="129">
        <v>64259</v>
      </c>
      <c r="OJ20" s="109">
        <v>204480</v>
      </c>
      <c r="OK20" s="128">
        <v>268739</v>
      </c>
      <c r="OL20" s="108">
        <v>0</v>
      </c>
      <c r="OM20" s="109">
        <v>1265531</v>
      </c>
      <c r="ON20" s="109">
        <v>1870934</v>
      </c>
      <c r="OO20" s="109">
        <v>1838173</v>
      </c>
      <c r="OP20" s="109">
        <v>3020738</v>
      </c>
      <c r="OQ20" s="109">
        <v>1753226</v>
      </c>
      <c r="OR20" s="110">
        <v>9748602</v>
      </c>
      <c r="OS20" s="130">
        <v>10017341</v>
      </c>
    </row>
    <row r="21" spans="2:409" ht="21" customHeight="1" x14ac:dyDescent="0.2">
      <c r="B21" s="472" t="s">
        <v>16</v>
      </c>
      <c r="C21" s="100">
        <v>291348</v>
      </c>
      <c r="D21" s="104">
        <v>440809</v>
      </c>
      <c r="E21" s="103">
        <v>732157</v>
      </c>
      <c r="F21" s="99">
        <v>0</v>
      </c>
      <c r="G21" s="104">
        <v>3622920</v>
      </c>
      <c r="H21" s="104">
        <v>6069620</v>
      </c>
      <c r="I21" s="104">
        <v>4368223</v>
      </c>
      <c r="J21" s="104">
        <v>4121111</v>
      </c>
      <c r="K21" s="104">
        <v>2283812</v>
      </c>
      <c r="L21" s="99">
        <v>20465686</v>
      </c>
      <c r="M21" s="106">
        <v>21197843</v>
      </c>
      <c r="N21" s="100">
        <v>94992</v>
      </c>
      <c r="O21" s="104">
        <v>56911</v>
      </c>
      <c r="P21" s="103">
        <v>151903</v>
      </c>
      <c r="Q21" s="100">
        <v>0</v>
      </c>
      <c r="R21" s="104">
        <v>519965</v>
      </c>
      <c r="S21" s="104">
        <v>1569851</v>
      </c>
      <c r="T21" s="104">
        <v>1017924</v>
      </c>
      <c r="U21" s="104">
        <v>1058231</v>
      </c>
      <c r="V21" s="104">
        <v>542959</v>
      </c>
      <c r="W21" s="103">
        <v>4708930</v>
      </c>
      <c r="X21" s="106">
        <v>4860833</v>
      </c>
      <c r="Y21" s="100">
        <v>0</v>
      </c>
      <c r="Z21" s="104">
        <v>0</v>
      </c>
      <c r="AA21" s="103">
        <v>0</v>
      </c>
      <c r="AB21" s="100">
        <v>0</v>
      </c>
      <c r="AC21" s="104">
        <v>246194</v>
      </c>
      <c r="AD21" s="104">
        <v>768014</v>
      </c>
      <c r="AE21" s="104">
        <v>444449</v>
      </c>
      <c r="AF21" s="104">
        <v>493044</v>
      </c>
      <c r="AG21" s="104">
        <v>161097</v>
      </c>
      <c r="AH21" s="103">
        <v>2112798</v>
      </c>
      <c r="AI21" s="106">
        <v>2112798</v>
      </c>
      <c r="AJ21" s="100">
        <v>0</v>
      </c>
      <c r="AK21" s="104">
        <v>0</v>
      </c>
      <c r="AL21" s="103">
        <v>0</v>
      </c>
      <c r="AM21" s="100">
        <v>0</v>
      </c>
      <c r="AN21" s="104">
        <v>0</v>
      </c>
      <c r="AO21" s="104">
        <v>9963</v>
      </c>
      <c r="AP21" s="104">
        <v>0</v>
      </c>
      <c r="AQ21" s="104">
        <v>79692</v>
      </c>
      <c r="AR21" s="104">
        <v>81281</v>
      </c>
      <c r="AS21" s="103">
        <v>170936</v>
      </c>
      <c r="AT21" s="106">
        <v>170936</v>
      </c>
      <c r="AU21" s="100">
        <v>45402</v>
      </c>
      <c r="AV21" s="104">
        <v>38599</v>
      </c>
      <c r="AW21" s="103">
        <v>84001</v>
      </c>
      <c r="AX21" s="100">
        <v>0</v>
      </c>
      <c r="AY21" s="104">
        <v>130223</v>
      </c>
      <c r="AZ21" s="104">
        <v>543325</v>
      </c>
      <c r="BA21" s="104">
        <v>302036</v>
      </c>
      <c r="BB21" s="104">
        <v>250715</v>
      </c>
      <c r="BC21" s="104">
        <v>133426</v>
      </c>
      <c r="BD21" s="103">
        <v>1359725</v>
      </c>
      <c r="BE21" s="106">
        <v>1443726</v>
      </c>
      <c r="BF21" s="100">
        <v>22199</v>
      </c>
      <c r="BG21" s="104">
        <v>0</v>
      </c>
      <c r="BH21" s="102">
        <v>22199</v>
      </c>
      <c r="BI21" s="101">
        <v>0</v>
      </c>
      <c r="BJ21" s="104">
        <v>62215</v>
      </c>
      <c r="BK21" s="104">
        <v>27650</v>
      </c>
      <c r="BL21" s="104">
        <v>55300</v>
      </c>
      <c r="BM21" s="104">
        <v>0</v>
      </c>
      <c r="BN21" s="104">
        <v>0</v>
      </c>
      <c r="BO21" s="103">
        <v>145165</v>
      </c>
      <c r="BP21" s="106">
        <v>167364</v>
      </c>
      <c r="BQ21" s="100">
        <v>27391</v>
      </c>
      <c r="BR21" s="104">
        <v>18312</v>
      </c>
      <c r="BS21" s="103">
        <v>45703</v>
      </c>
      <c r="BT21" s="100">
        <v>0</v>
      </c>
      <c r="BU21" s="104">
        <v>81333</v>
      </c>
      <c r="BV21" s="104">
        <v>220899</v>
      </c>
      <c r="BW21" s="104">
        <v>216139</v>
      </c>
      <c r="BX21" s="104">
        <v>234780</v>
      </c>
      <c r="BY21" s="104">
        <v>167155</v>
      </c>
      <c r="BZ21" s="103">
        <v>920306</v>
      </c>
      <c r="CA21" s="106">
        <v>966009</v>
      </c>
      <c r="CB21" s="100">
        <v>18424</v>
      </c>
      <c r="CC21" s="104">
        <v>171074</v>
      </c>
      <c r="CD21" s="103">
        <v>189498</v>
      </c>
      <c r="CE21" s="100">
        <v>0</v>
      </c>
      <c r="CF21" s="104">
        <v>1810309</v>
      </c>
      <c r="CG21" s="104">
        <v>2325121</v>
      </c>
      <c r="CH21" s="104">
        <v>866653</v>
      </c>
      <c r="CI21" s="104">
        <v>567203</v>
      </c>
      <c r="CJ21" s="104">
        <v>198119</v>
      </c>
      <c r="CK21" s="103">
        <v>5767405</v>
      </c>
      <c r="CL21" s="106">
        <v>5956903</v>
      </c>
      <c r="CM21" s="100">
        <v>0</v>
      </c>
      <c r="CN21" s="104">
        <v>0</v>
      </c>
      <c r="CO21" s="103">
        <v>0</v>
      </c>
      <c r="CP21" s="101">
        <v>0</v>
      </c>
      <c r="CQ21" s="104">
        <v>1222009</v>
      </c>
      <c r="CR21" s="104">
        <v>1194786</v>
      </c>
      <c r="CS21" s="104">
        <v>481414</v>
      </c>
      <c r="CT21" s="104">
        <v>361744</v>
      </c>
      <c r="CU21" s="104">
        <v>110357</v>
      </c>
      <c r="CV21" s="103">
        <v>3370310</v>
      </c>
      <c r="CW21" s="106">
        <v>3370310</v>
      </c>
      <c r="CX21" s="100">
        <v>18424</v>
      </c>
      <c r="CY21" s="104">
        <v>171074</v>
      </c>
      <c r="CZ21" s="103">
        <v>189498</v>
      </c>
      <c r="DA21" s="100">
        <v>0</v>
      </c>
      <c r="DB21" s="104">
        <v>588300</v>
      </c>
      <c r="DC21" s="104">
        <v>1130335</v>
      </c>
      <c r="DD21" s="104">
        <v>385239</v>
      </c>
      <c r="DE21" s="104">
        <v>205459</v>
      </c>
      <c r="DF21" s="104">
        <v>87762</v>
      </c>
      <c r="DG21" s="103">
        <v>2397095</v>
      </c>
      <c r="DH21" s="106">
        <v>2586593</v>
      </c>
      <c r="DI21" s="100">
        <v>0</v>
      </c>
      <c r="DJ21" s="104">
        <v>0</v>
      </c>
      <c r="DK21" s="102">
        <v>0</v>
      </c>
      <c r="DL21" s="101">
        <v>0</v>
      </c>
      <c r="DM21" s="104">
        <v>245655</v>
      </c>
      <c r="DN21" s="104">
        <v>169441</v>
      </c>
      <c r="DO21" s="104">
        <v>443448</v>
      </c>
      <c r="DP21" s="104">
        <v>79646</v>
      </c>
      <c r="DQ21" s="104">
        <v>0</v>
      </c>
      <c r="DR21" s="103">
        <v>938190</v>
      </c>
      <c r="DS21" s="106">
        <v>938190</v>
      </c>
      <c r="DT21" s="100">
        <v>0</v>
      </c>
      <c r="DU21" s="104">
        <v>0</v>
      </c>
      <c r="DV21" s="103">
        <v>0</v>
      </c>
      <c r="DW21" s="100">
        <v>0</v>
      </c>
      <c r="DX21" s="104">
        <v>224676</v>
      </c>
      <c r="DY21" s="104">
        <v>169441</v>
      </c>
      <c r="DZ21" s="104">
        <v>396632</v>
      </c>
      <c r="EA21" s="104">
        <v>42084</v>
      </c>
      <c r="EB21" s="104">
        <v>0</v>
      </c>
      <c r="EC21" s="103">
        <v>832833</v>
      </c>
      <c r="ED21" s="106">
        <v>832833</v>
      </c>
      <c r="EE21" s="100">
        <v>0</v>
      </c>
      <c r="EF21" s="102">
        <v>0</v>
      </c>
      <c r="EG21" s="103">
        <v>0</v>
      </c>
      <c r="EH21" s="100">
        <v>0</v>
      </c>
      <c r="EI21" s="104">
        <v>20979</v>
      </c>
      <c r="EJ21" s="104">
        <v>0</v>
      </c>
      <c r="EK21" s="104">
        <v>46816</v>
      </c>
      <c r="EL21" s="104">
        <v>37562</v>
      </c>
      <c r="EM21" s="104">
        <v>0</v>
      </c>
      <c r="EN21" s="102">
        <v>105357</v>
      </c>
      <c r="EO21" s="106">
        <v>105357</v>
      </c>
      <c r="EP21" s="100">
        <v>0</v>
      </c>
      <c r="EQ21" s="104">
        <v>0</v>
      </c>
      <c r="ER21" s="102">
        <v>0</v>
      </c>
      <c r="ES21" s="101">
        <v>0</v>
      </c>
      <c r="ET21" s="104">
        <v>0</v>
      </c>
      <c r="EU21" s="104">
        <v>0</v>
      </c>
      <c r="EV21" s="104">
        <v>0</v>
      </c>
      <c r="EW21" s="104">
        <v>0</v>
      </c>
      <c r="EX21" s="104">
        <v>0</v>
      </c>
      <c r="EY21" s="103">
        <v>0</v>
      </c>
      <c r="EZ21" s="106">
        <v>0</v>
      </c>
      <c r="FA21" s="100">
        <v>0</v>
      </c>
      <c r="FB21" s="104">
        <v>0</v>
      </c>
      <c r="FC21" s="102">
        <v>0</v>
      </c>
      <c r="FD21" s="324"/>
      <c r="FE21" s="104">
        <v>0</v>
      </c>
      <c r="FF21" s="104">
        <v>0</v>
      </c>
      <c r="FG21" s="104">
        <v>0</v>
      </c>
      <c r="FH21" s="104">
        <v>0</v>
      </c>
      <c r="FI21" s="104">
        <v>0</v>
      </c>
      <c r="FJ21" s="103">
        <v>0</v>
      </c>
      <c r="FK21" s="106">
        <v>0</v>
      </c>
      <c r="FL21" s="100">
        <v>37646</v>
      </c>
      <c r="FM21" s="104">
        <v>129978</v>
      </c>
      <c r="FN21" s="103">
        <v>167624</v>
      </c>
      <c r="FO21" s="100">
        <v>0</v>
      </c>
      <c r="FP21" s="104">
        <v>152768</v>
      </c>
      <c r="FQ21" s="104">
        <v>574840</v>
      </c>
      <c r="FR21" s="104">
        <v>264572</v>
      </c>
      <c r="FS21" s="104">
        <v>228865</v>
      </c>
      <c r="FT21" s="104">
        <v>276724</v>
      </c>
      <c r="FU21" s="103">
        <v>1497769</v>
      </c>
      <c r="FV21" s="106">
        <v>1665393</v>
      </c>
      <c r="FW21" s="105">
        <v>37646</v>
      </c>
      <c r="FX21" s="104">
        <v>76230</v>
      </c>
      <c r="FY21" s="102">
        <v>113876</v>
      </c>
      <c r="FZ21" s="101">
        <v>0</v>
      </c>
      <c r="GA21" s="104">
        <v>133672</v>
      </c>
      <c r="GB21" s="104">
        <v>496825</v>
      </c>
      <c r="GC21" s="104">
        <v>254422</v>
      </c>
      <c r="GD21" s="104">
        <v>228865</v>
      </c>
      <c r="GE21" s="104">
        <v>276724</v>
      </c>
      <c r="GF21" s="103">
        <v>1390508</v>
      </c>
      <c r="GG21" s="296">
        <v>1504384</v>
      </c>
      <c r="GH21" s="105">
        <v>0</v>
      </c>
      <c r="GI21" s="104">
        <v>0</v>
      </c>
      <c r="GJ21" s="102">
        <v>0</v>
      </c>
      <c r="GK21" s="101">
        <v>0</v>
      </c>
      <c r="GL21" s="104">
        <v>19096</v>
      </c>
      <c r="GM21" s="104">
        <v>11165</v>
      </c>
      <c r="GN21" s="104">
        <v>10150</v>
      </c>
      <c r="GO21" s="104">
        <v>0</v>
      </c>
      <c r="GP21" s="104">
        <v>0</v>
      </c>
      <c r="GQ21" s="103">
        <v>40411</v>
      </c>
      <c r="GR21" s="106">
        <v>40411</v>
      </c>
      <c r="GS21" s="100">
        <v>0</v>
      </c>
      <c r="GT21" s="104">
        <v>53748</v>
      </c>
      <c r="GU21" s="103">
        <v>53748</v>
      </c>
      <c r="GV21" s="100">
        <v>0</v>
      </c>
      <c r="GW21" s="104">
        <v>0</v>
      </c>
      <c r="GX21" s="104">
        <v>66850</v>
      </c>
      <c r="GY21" s="104">
        <v>0</v>
      </c>
      <c r="GZ21" s="104">
        <v>0</v>
      </c>
      <c r="HA21" s="104">
        <v>0</v>
      </c>
      <c r="HB21" s="102">
        <v>66850</v>
      </c>
      <c r="HC21" s="106">
        <v>120598</v>
      </c>
      <c r="HD21" s="100">
        <v>140286</v>
      </c>
      <c r="HE21" s="104">
        <v>82846</v>
      </c>
      <c r="HF21" s="102">
        <v>223132</v>
      </c>
      <c r="HG21" s="101">
        <v>0</v>
      </c>
      <c r="HH21" s="104">
        <v>894223</v>
      </c>
      <c r="HI21" s="104">
        <v>1430367</v>
      </c>
      <c r="HJ21" s="104">
        <v>1775626</v>
      </c>
      <c r="HK21" s="104">
        <v>2187166</v>
      </c>
      <c r="HL21" s="104">
        <v>1266010</v>
      </c>
      <c r="HM21" s="103">
        <v>7553392</v>
      </c>
      <c r="HN21" s="99">
        <v>7776524</v>
      </c>
      <c r="HO21" s="306"/>
      <c r="HP21" s="307"/>
      <c r="HQ21" s="308"/>
      <c r="HR21" s="309"/>
      <c r="HS21" s="307"/>
      <c r="HT21" s="307"/>
      <c r="HU21" s="307"/>
      <c r="HV21" s="307"/>
      <c r="HW21" s="307"/>
      <c r="HX21" s="310"/>
      <c r="HY21" s="311"/>
      <c r="HZ21" s="118">
        <v>0</v>
      </c>
      <c r="IA21" s="119">
        <v>70538</v>
      </c>
      <c r="IB21" s="120">
        <v>70538</v>
      </c>
      <c r="IC21" s="133">
        <v>0</v>
      </c>
      <c r="ID21" s="119">
        <v>312723</v>
      </c>
      <c r="IE21" s="134">
        <v>1130141</v>
      </c>
      <c r="IF21" s="120">
        <v>1049489</v>
      </c>
      <c r="IG21" s="119">
        <v>977735</v>
      </c>
      <c r="IH21" s="120">
        <v>1220540</v>
      </c>
      <c r="II21" s="135">
        <v>4690628</v>
      </c>
      <c r="IJ21" s="126">
        <v>4761166</v>
      </c>
      <c r="IK21" s="219">
        <v>0</v>
      </c>
      <c r="IL21" s="223">
        <v>0</v>
      </c>
      <c r="IM21" s="224">
        <v>0</v>
      </c>
      <c r="IN21" s="127"/>
      <c r="IO21" s="109">
        <v>0</v>
      </c>
      <c r="IP21" s="109">
        <v>0</v>
      </c>
      <c r="IQ21" s="109">
        <v>0</v>
      </c>
      <c r="IR21" s="109">
        <v>341700</v>
      </c>
      <c r="IS21" s="109">
        <v>512025</v>
      </c>
      <c r="IT21" s="128">
        <v>853725</v>
      </c>
      <c r="IU21" s="298">
        <v>853725</v>
      </c>
      <c r="IV21" s="129">
        <v>0</v>
      </c>
      <c r="IW21" s="109">
        <v>0</v>
      </c>
      <c r="IX21" s="110">
        <v>0</v>
      </c>
      <c r="IY21" s="131"/>
      <c r="IZ21" s="109">
        <v>0</v>
      </c>
      <c r="JA21" s="109">
        <v>0</v>
      </c>
      <c r="JB21" s="109">
        <v>0</v>
      </c>
      <c r="JC21" s="109">
        <v>14347</v>
      </c>
      <c r="JD21" s="109">
        <v>0</v>
      </c>
      <c r="JE21" s="110">
        <v>14347</v>
      </c>
      <c r="JF21" s="111">
        <v>14347</v>
      </c>
      <c r="JG21" s="129">
        <v>0</v>
      </c>
      <c r="JH21" s="109">
        <v>0</v>
      </c>
      <c r="JI21" s="128">
        <v>0</v>
      </c>
      <c r="JJ21" s="108">
        <v>0</v>
      </c>
      <c r="JK21" s="109">
        <v>312723</v>
      </c>
      <c r="JL21" s="109">
        <v>315771</v>
      </c>
      <c r="JM21" s="109">
        <v>483998</v>
      </c>
      <c r="JN21" s="109">
        <v>167006</v>
      </c>
      <c r="JO21" s="109">
        <v>0</v>
      </c>
      <c r="JP21" s="110">
        <v>1279498</v>
      </c>
      <c r="JQ21" s="298">
        <v>1279498</v>
      </c>
      <c r="JR21" s="129">
        <v>0</v>
      </c>
      <c r="JS21" s="109">
        <v>0</v>
      </c>
      <c r="JT21" s="128">
        <v>0</v>
      </c>
      <c r="JU21" s="108">
        <v>0</v>
      </c>
      <c r="JV21" s="109">
        <v>0</v>
      </c>
      <c r="JW21" s="109">
        <v>229574</v>
      </c>
      <c r="JX21" s="109">
        <v>0</v>
      </c>
      <c r="JY21" s="109">
        <v>0</v>
      </c>
      <c r="JZ21" s="109">
        <v>0</v>
      </c>
      <c r="KA21" s="110">
        <v>229574</v>
      </c>
      <c r="KB21" s="298">
        <v>229574</v>
      </c>
      <c r="KC21" s="221">
        <v>0</v>
      </c>
      <c r="KD21" s="217">
        <v>70538</v>
      </c>
      <c r="KE21" s="110">
        <v>70538</v>
      </c>
      <c r="KF21" s="108">
        <v>0</v>
      </c>
      <c r="KG21" s="109">
        <v>0</v>
      </c>
      <c r="KH21" s="109">
        <v>158734</v>
      </c>
      <c r="KI21" s="109">
        <v>0</v>
      </c>
      <c r="KJ21" s="109">
        <v>231392</v>
      </c>
      <c r="KK21" s="109">
        <v>250973</v>
      </c>
      <c r="KL21" s="110">
        <v>641099</v>
      </c>
      <c r="KM21" s="130">
        <v>711637</v>
      </c>
      <c r="KN21" s="219">
        <v>0</v>
      </c>
      <c r="KO21" s="223">
        <v>0</v>
      </c>
      <c r="KP21" s="224">
        <v>0</v>
      </c>
      <c r="KQ21" s="127"/>
      <c r="KR21" s="109">
        <v>0</v>
      </c>
      <c r="KS21" s="109">
        <v>426062</v>
      </c>
      <c r="KT21" s="109">
        <v>565491</v>
      </c>
      <c r="KU21" s="109">
        <v>223290</v>
      </c>
      <c r="KV21" s="109">
        <v>457542</v>
      </c>
      <c r="KW21" s="110">
        <v>1672385</v>
      </c>
      <c r="KX21" s="298">
        <v>1672385</v>
      </c>
      <c r="KY21" s="129">
        <v>0</v>
      </c>
      <c r="KZ21" s="109">
        <v>0</v>
      </c>
      <c r="LA21" s="110">
        <v>0</v>
      </c>
      <c r="LB21" s="132"/>
      <c r="LC21" s="109">
        <v>0</v>
      </c>
      <c r="LD21" s="109">
        <v>0</v>
      </c>
      <c r="LE21" s="109">
        <v>0</v>
      </c>
      <c r="LF21" s="109">
        <v>0</v>
      </c>
      <c r="LG21" s="109">
        <v>0</v>
      </c>
      <c r="LH21" s="110">
        <v>0</v>
      </c>
      <c r="LI21" s="111">
        <v>0</v>
      </c>
      <c r="LJ21" s="129">
        <v>0</v>
      </c>
      <c r="LK21" s="109">
        <v>0</v>
      </c>
      <c r="LL21" s="110">
        <v>0</v>
      </c>
      <c r="LM21" s="132"/>
      <c r="LN21" s="109">
        <v>0</v>
      </c>
      <c r="LO21" s="109">
        <v>0</v>
      </c>
      <c r="LP21" s="109">
        <v>0</v>
      </c>
      <c r="LQ21" s="109">
        <v>0</v>
      </c>
      <c r="LR21" s="109">
        <v>0</v>
      </c>
      <c r="LS21" s="110">
        <v>0</v>
      </c>
      <c r="LT21" s="298">
        <v>0</v>
      </c>
      <c r="LU21" s="129">
        <v>0</v>
      </c>
      <c r="LV21" s="109">
        <v>0</v>
      </c>
      <c r="LW21" s="110">
        <v>0</v>
      </c>
      <c r="LX21" s="132"/>
      <c r="LY21" s="109">
        <v>0</v>
      </c>
      <c r="LZ21" s="109">
        <v>0</v>
      </c>
      <c r="MA21" s="109">
        <v>0</v>
      </c>
      <c r="MB21" s="109">
        <v>0</v>
      </c>
      <c r="MC21" s="109">
        <v>0</v>
      </c>
      <c r="MD21" s="110">
        <v>0</v>
      </c>
      <c r="ME21" s="111">
        <v>0</v>
      </c>
      <c r="MF21" s="129">
        <v>0</v>
      </c>
      <c r="MG21" s="109">
        <v>0</v>
      </c>
      <c r="MH21" s="110">
        <v>0</v>
      </c>
      <c r="MI21" s="132"/>
      <c r="MJ21" s="109">
        <v>200608</v>
      </c>
      <c r="MK21" s="109">
        <v>271082</v>
      </c>
      <c r="ML21" s="109">
        <v>1931523</v>
      </c>
      <c r="MM21" s="109">
        <v>2455589</v>
      </c>
      <c r="MN21" s="109">
        <v>1333833</v>
      </c>
      <c r="MO21" s="110">
        <v>6192635</v>
      </c>
      <c r="MP21" s="130">
        <v>6192635</v>
      </c>
      <c r="MQ21" s="129">
        <v>0</v>
      </c>
      <c r="MR21" s="109">
        <v>0</v>
      </c>
      <c r="MS21" s="110">
        <v>0</v>
      </c>
      <c r="MT21" s="132"/>
      <c r="MU21" s="109">
        <v>0</v>
      </c>
      <c r="MV21" s="109">
        <v>0</v>
      </c>
      <c r="MW21" s="109">
        <v>918768</v>
      </c>
      <c r="MX21" s="109">
        <v>2019569</v>
      </c>
      <c r="MY21" s="109">
        <v>493926</v>
      </c>
      <c r="MZ21" s="110">
        <v>3432263</v>
      </c>
      <c r="NA21" s="130">
        <v>3432263</v>
      </c>
      <c r="NB21" s="129">
        <v>0</v>
      </c>
      <c r="NC21" s="109">
        <v>0</v>
      </c>
      <c r="ND21" s="110">
        <v>0</v>
      </c>
      <c r="NE21" s="132"/>
      <c r="NF21" s="109">
        <v>200608</v>
      </c>
      <c r="NG21" s="109">
        <v>271082</v>
      </c>
      <c r="NH21" s="109">
        <v>1012755</v>
      </c>
      <c r="NI21" s="109">
        <v>436020</v>
      </c>
      <c r="NJ21" s="109">
        <v>839907</v>
      </c>
      <c r="NK21" s="110">
        <v>2760372</v>
      </c>
      <c r="NL21" s="298">
        <v>2760372</v>
      </c>
      <c r="NM21" s="129">
        <v>0</v>
      </c>
      <c r="NN21" s="109">
        <v>0</v>
      </c>
      <c r="NO21" s="110">
        <v>0</v>
      </c>
      <c r="NP21" s="132"/>
      <c r="NQ21" s="109">
        <v>0</v>
      </c>
      <c r="NR21" s="109">
        <v>0</v>
      </c>
      <c r="NS21" s="109">
        <v>0</v>
      </c>
      <c r="NT21" s="109">
        <v>0</v>
      </c>
      <c r="NU21" s="109">
        <v>0</v>
      </c>
      <c r="NV21" s="110">
        <v>0</v>
      </c>
      <c r="NW21" s="111">
        <v>0</v>
      </c>
      <c r="NX21" s="129">
        <v>0</v>
      </c>
      <c r="NY21" s="109">
        <v>0</v>
      </c>
      <c r="NZ21" s="110">
        <v>0</v>
      </c>
      <c r="OA21" s="132"/>
      <c r="OB21" s="109">
        <v>0</v>
      </c>
      <c r="OC21" s="109">
        <v>0</v>
      </c>
      <c r="OD21" s="109">
        <v>0</v>
      </c>
      <c r="OE21" s="109">
        <v>0</v>
      </c>
      <c r="OF21" s="109">
        <v>0</v>
      </c>
      <c r="OG21" s="110">
        <v>0</v>
      </c>
      <c r="OH21" s="111">
        <v>0</v>
      </c>
      <c r="OI21" s="129">
        <v>291348</v>
      </c>
      <c r="OJ21" s="109">
        <v>511347</v>
      </c>
      <c r="OK21" s="128">
        <v>802695</v>
      </c>
      <c r="OL21" s="108">
        <v>0</v>
      </c>
      <c r="OM21" s="109">
        <v>4136251</v>
      </c>
      <c r="ON21" s="109">
        <v>7470843</v>
      </c>
      <c r="OO21" s="109">
        <v>7349235</v>
      </c>
      <c r="OP21" s="109">
        <v>7554435</v>
      </c>
      <c r="OQ21" s="109">
        <v>4838185</v>
      </c>
      <c r="OR21" s="110">
        <v>31348949</v>
      </c>
      <c r="OS21" s="130">
        <v>32151644</v>
      </c>
    </row>
    <row r="22" spans="2:409" ht="21" customHeight="1" x14ac:dyDescent="0.2">
      <c r="B22" s="472" t="s">
        <v>17</v>
      </c>
      <c r="C22" s="100">
        <v>498126</v>
      </c>
      <c r="D22" s="104">
        <v>872421</v>
      </c>
      <c r="E22" s="103">
        <v>1370547</v>
      </c>
      <c r="F22" s="99">
        <v>0</v>
      </c>
      <c r="G22" s="104">
        <v>4082886</v>
      </c>
      <c r="H22" s="104">
        <v>6428554</v>
      </c>
      <c r="I22" s="104">
        <v>7244642</v>
      </c>
      <c r="J22" s="104">
        <v>6866087</v>
      </c>
      <c r="K22" s="104">
        <v>4051987</v>
      </c>
      <c r="L22" s="99">
        <v>28674156</v>
      </c>
      <c r="M22" s="106">
        <v>30044703</v>
      </c>
      <c r="N22" s="100">
        <v>140390</v>
      </c>
      <c r="O22" s="104">
        <v>195073</v>
      </c>
      <c r="P22" s="103">
        <v>335463</v>
      </c>
      <c r="Q22" s="100">
        <v>0</v>
      </c>
      <c r="R22" s="104">
        <v>975724</v>
      </c>
      <c r="S22" s="104">
        <v>1717596</v>
      </c>
      <c r="T22" s="104">
        <v>2300622</v>
      </c>
      <c r="U22" s="104">
        <v>1490854</v>
      </c>
      <c r="V22" s="104">
        <v>1756655</v>
      </c>
      <c r="W22" s="103">
        <v>8241451</v>
      </c>
      <c r="X22" s="106">
        <v>8576914</v>
      </c>
      <c r="Y22" s="100">
        <v>0</v>
      </c>
      <c r="Z22" s="104">
        <v>0</v>
      </c>
      <c r="AA22" s="103">
        <v>0</v>
      </c>
      <c r="AB22" s="100">
        <v>0</v>
      </c>
      <c r="AC22" s="104">
        <v>392219</v>
      </c>
      <c r="AD22" s="104">
        <v>792045</v>
      </c>
      <c r="AE22" s="104">
        <v>1364657</v>
      </c>
      <c r="AF22" s="104">
        <v>610280</v>
      </c>
      <c r="AG22" s="104">
        <v>1147852</v>
      </c>
      <c r="AH22" s="103">
        <v>4307053</v>
      </c>
      <c r="AI22" s="106">
        <v>4307053</v>
      </c>
      <c r="AJ22" s="100">
        <v>0</v>
      </c>
      <c r="AK22" s="104">
        <v>0</v>
      </c>
      <c r="AL22" s="103">
        <v>0</v>
      </c>
      <c r="AM22" s="100">
        <v>0</v>
      </c>
      <c r="AN22" s="104">
        <v>0</v>
      </c>
      <c r="AO22" s="104">
        <v>40876</v>
      </c>
      <c r="AP22" s="104">
        <v>40917</v>
      </c>
      <c r="AQ22" s="104">
        <v>93270</v>
      </c>
      <c r="AR22" s="104">
        <v>105289</v>
      </c>
      <c r="AS22" s="103">
        <v>280352</v>
      </c>
      <c r="AT22" s="106">
        <v>280352</v>
      </c>
      <c r="AU22" s="100">
        <v>102814</v>
      </c>
      <c r="AV22" s="104">
        <v>145086</v>
      </c>
      <c r="AW22" s="103">
        <v>247900</v>
      </c>
      <c r="AX22" s="100">
        <v>0</v>
      </c>
      <c r="AY22" s="104">
        <v>394019</v>
      </c>
      <c r="AZ22" s="104">
        <v>591986</v>
      </c>
      <c r="BA22" s="104">
        <v>614568</v>
      </c>
      <c r="BB22" s="104">
        <v>337770</v>
      </c>
      <c r="BC22" s="104">
        <v>304231</v>
      </c>
      <c r="BD22" s="103">
        <v>2242574</v>
      </c>
      <c r="BE22" s="106">
        <v>2490474</v>
      </c>
      <c r="BF22" s="100">
        <v>0</v>
      </c>
      <c r="BG22" s="104">
        <v>0</v>
      </c>
      <c r="BH22" s="102">
        <v>0</v>
      </c>
      <c r="BI22" s="101">
        <v>0</v>
      </c>
      <c r="BJ22" s="104">
        <v>37369</v>
      </c>
      <c r="BK22" s="104">
        <v>28026</v>
      </c>
      <c r="BL22" s="104">
        <v>44860</v>
      </c>
      <c r="BM22" s="104">
        <v>64128</v>
      </c>
      <c r="BN22" s="104">
        <v>0</v>
      </c>
      <c r="BO22" s="103">
        <v>174383</v>
      </c>
      <c r="BP22" s="106">
        <v>174383</v>
      </c>
      <c r="BQ22" s="100">
        <v>37576</v>
      </c>
      <c r="BR22" s="104">
        <v>49987</v>
      </c>
      <c r="BS22" s="103">
        <v>87563</v>
      </c>
      <c r="BT22" s="100">
        <v>0</v>
      </c>
      <c r="BU22" s="104">
        <v>152117</v>
      </c>
      <c r="BV22" s="104">
        <v>264663</v>
      </c>
      <c r="BW22" s="104">
        <v>235620</v>
      </c>
      <c r="BX22" s="104">
        <v>385406</v>
      </c>
      <c r="BY22" s="104">
        <v>199283</v>
      </c>
      <c r="BZ22" s="103">
        <v>1237089</v>
      </c>
      <c r="CA22" s="106">
        <v>1324652</v>
      </c>
      <c r="CB22" s="100">
        <v>127670</v>
      </c>
      <c r="CC22" s="104">
        <v>154360</v>
      </c>
      <c r="CD22" s="103">
        <v>282030</v>
      </c>
      <c r="CE22" s="100">
        <v>0</v>
      </c>
      <c r="CF22" s="104">
        <v>1438875</v>
      </c>
      <c r="CG22" s="104">
        <v>1870150</v>
      </c>
      <c r="CH22" s="104">
        <v>2033591</v>
      </c>
      <c r="CI22" s="104">
        <v>1175252</v>
      </c>
      <c r="CJ22" s="104">
        <v>401554</v>
      </c>
      <c r="CK22" s="103">
        <v>6919422</v>
      </c>
      <c r="CL22" s="106">
        <v>7201452</v>
      </c>
      <c r="CM22" s="100">
        <v>0</v>
      </c>
      <c r="CN22" s="104">
        <v>0</v>
      </c>
      <c r="CO22" s="103">
        <v>0</v>
      </c>
      <c r="CP22" s="101">
        <v>0</v>
      </c>
      <c r="CQ22" s="104">
        <v>1157572</v>
      </c>
      <c r="CR22" s="104">
        <v>1377338</v>
      </c>
      <c r="CS22" s="104">
        <v>1124806</v>
      </c>
      <c r="CT22" s="104">
        <v>931352</v>
      </c>
      <c r="CU22" s="104">
        <v>193229</v>
      </c>
      <c r="CV22" s="103">
        <v>4784297</v>
      </c>
      <c r="CW22" s="106">
        <v>4784297</v>
      </c>
      <c r="CX22" s="100">
        <v>127670</v>
      </c>
      <c r="CY22" s="104">
        <v>154360</v>
      </c>
      <c r="CZ22" s="103">
        <v>282030</v>
      </c>
      <c r="DA22" s="100">
        <v>0</v>
      </c>
      <c r="DB22" s="104">
        <v>281303</v>
      </c>
      <c r="DC22" s="104">
        <v>492812</v>
      </c>
      <c r="DD22" s="104">
        <v>908785</v>
      </c>
      <c r="DE22" s="104">
        <v>243900</v>
      </c>
      <c r="DF22" s="104">
        <v>208325</v>
      </c>
      <c r="DG22" s="103">
        <v>2135125</v>
      </c>
      <c r="DH22" s="106">
        <v>2417155</v>
      </c>
      <c r="DI22" s="100">
        <v>0</v>
      </c>
      <c r="DJ22" s="104">
        <v>17871</v>
      </c>
      <c r="DK22" s="102">
        <v>17871</v>
      </c>
      <c r="DL22" s="101">
        <v>0</v>
      </c>
      <c r="DM22" s="104">
        <v>44303</v>
      </c>
      <c r="DN22" s="104">
        <v>360260</v>
      </c>
      <c r="DO22" s="104">
        <v>477765</v>
      </c>
      <c r="DP22" s="104">
        <v>687438</v>
      </c>
      <c r="DQ22" s="104">
        <v>286218</v>
      </c>
      <c r="DR22" s="103">
        <v>1855984</v>
      </c>
      <c r="DS22" s="106">
        <v>1873855</v>
      </c>
      <c r="DT22" s="100">
        <v>0</v>
      </c>
      <c r="DU22" s="104">
        <v>17871</v>
      </c>
      <c r="DV22" s="103">
        <v>17871</v>
      </c>
      <c r="DW22" s="100">
        <v>0</v>
      </c>
      <c r="DX22" s="104">
        <v>44303</v>
      </c>
      <c r="DY22" s="104">
        <v>227177</v>
      </c>
      <c r="DZ22" s="104">
        <v>376503</v>
      </c>
      <c r="EA22" s="104">
        <v>666788</v>
      </c>
      <c r="EB22" s="104">
        <v>286218</v>
      </c>
      <c r="EC22" s="103">
        <v>1600989</v>
      </c>
      <c r="ED22" s="106">
        <v>1618860</v>
      </c>
      <c r="EE22" s="100">
        <v>0</v>
      </c>
      <c r="EF22" s="102">
        <v>0</v>
      </c>
      <c r="EG22" s="103">
        <v>0</v>
      </c>
      <c r="EH22" s="100">
        <v>0</v>
      </c>
      <c r="EI22" s="104">
        <v>0</v>
      </c>
      <c r="EJ22" s="104">
        <v>133083</v>
      </c>
      <c r="EK22" s="104">
        <v>101262</v>
      </c>
      <c r="EL22" s="104">
        <v>20650</v>
      </c>
      <c r="EM22" s="104">
        <v>0</v>
      </c>
      <c r="EN22" s="102">
        <v>254995</v>
      </c>
      <c r="EO22" s="106">
        <v>254995</v>
      </c>
      <c r="EP22" s="100">
        <v>0</v>
      </c>
      <c r="EQ22" s="104">
        <v>0</v>
      </c>
      <c r="ER22" s="102">
        <v>0</v>
      </c>
      <c r="ES22" s="101">
        <v>0</v>
      </c>
      <c r="ET22" s="104">
        <v>0</v>
      </c>
      <c r="EU22" s="104">
        <v>0</v>
      </c>
      <c r="EV22" s="104">
        <v>0</v>
      </c>
      <c r="EW22" s="104">
        <v>0</v>
      </c>
      <c r="EX22" s="104">
        <v>0</v>
      </c>
      <c r="EY22" s="103">
        <v>0</v>
      </c>
      <c r="EZ22" s="106">
        <v>0</v>
      </c>
      <c r="FA22" s="100">
        <v>0</v>
      </c>
      <c r="FB22" s="104">
        <v>0</v>
      </c>
      <c r="FC22" s="102">
        <v>0</v>
      </c>
      <c r="FD22" s="324"/>
      <c r="FE22" s="104">
        <v>0</v>
      </c>
      <c r="FF22" s="104">
        <v>0</v>
      </c>
      <c r="FG22" s="104">
        <v>0</v>
      </c>
      <c r="FH22" s="104">
        <v>0</v>
      </c>
      <c r="FI22" s="104">
        <v>0</v>
      </c>
      <c r="FJ22" s="103">
        <v>0</v>
      </c>
      <c r="FK22" s="106">
        <v>0</v>
      </c>
      <c r="FL22" s="100">
        <v>130088</v>
      </c>
      <c r="FM22" s="104">
        <v>256886</v>
      </c>
      <c r="FN22" s="103">
        <v>386974</v>
      </c>
      <c r="FO22" s="100">
        <v>0</v>
      </c>
      <c r="FP22" s="104">
        <v>209923</v>
      </c>
      <c r="FQ22" s="104">
        <v>760650</v>
      </c>
      <c r="FR22" s="104">
        <v>950180</v>
      </c>
      <c r="FS22" s="104">
        <v>360024</v>
      </c>
      <c r="FT22" s="104">
        <v>239617</v>
      </c>
      <c r="FU22" s="103">
        <v>2520394</v>
      </c>
      <c r="FV22" s="106">
        <v>2907368</v>
      </c>
      <c r="FW22" s="105">
        <v>110684</v>
      </c>
      <c r="FX22" s="104">
        <v>145096</v>
      </c>
      <c r="FY22" s="102">
        <v>255780</v>
      </c>
      <c r="FZ22" s="101">
        <v>0</v>
      </c>
      <c r="GA22" s="104">
        <v>111293</v>
      </c>
      <c r="GB22" s="104">
        <v>653879</v>
      </c>
      <c r="GC22" s="104">
        <v>675605</v>
      </c>
      <c r="GD22" s="104">
        <v>360024</v>
      </c>
      <c r="GE22" s="104">
        <v>239617</v>
      </c>
      <c r="GF22" s="103">
        <v>2040418</v>
      </c>
      <c r="GG22" s="296">
        <v>2296198</v>
      </c>
      <c r="GH22" s="105">
        <v>19404</v>
      </c>
      <c r="GI22" s="104">
        <v>29890</v>
      </c>
      <c r="GJ22" s="102">
        <v>49294</v>
      </c>
      <c r="GK22" s="101">
        <v>0</v>
      </c>
      <c r="GL22" s="104">
        <v>0</v>
      </c>
      <c r="GM22" s="104">
        <v>42861</v>
      </c>
      <c r="GN22" s="104">
        <v>0</v>
      </c>
      <c r="GO22" s="104">
        <v>0</v>
      </c>
      <c r="GP22" s="104">
        <v>0</v>
      </c>
      <c r="GQ22" s="103">
        <v>42861</v>
      </c>
      <c r="GR22" s="106">
        <v>92155</v>
      </c>
      <c r="GS22" s="100">
        <v>0</v>
      </c>
      <c r="GT22" s="104">
        <v>81900</v>
      </c>
      <c r="GU22" s="103">
        <v>81900</v>
      </c>
      <c r="GV22" s="100">
        <v>0</v>
      </c>
      <c r="GW22" s="104">
        <v>98630</v>
      </c>
      <c r="GX22" s="104">
        <v>63910</v>
      </c>
      <c r="GY22" s="104">
        <v>274575</v>
      </c>
      <c r="GZ22" s="104">
        <v>0</v>
      </c>
      <c r="HA22" s="104">
        <v>0</v>
      </c>
      <c r="HB22" s="102">
        <v>437115</v>
      </c>
      <c r="HC22" s="106">
        <v>519015</v>
      </c>
      <c r="HD22" s="100">
        <v>99978</v>
      </c>
      <c r="HE22" s="104">
        <v>248231</v>
      </c>
      <c r="HF22" s="102">
        <v>348209</v>
      </c>
      <c r="HG22" s="101">
        <v>0</v>
      </c>
      <c r="HH22" s="104">
        <v>1414061</v>
      </c>
      <c r="HI22" s="104">
        <v>1719898</v>
      </c>
      <c r="HJ22" s="104">
        <v>1482484</v>
      </c>
      <c r="HK22" s="104">
        <v>3152519</v>
      </c>
      <c r="HL22" s="104">
        <v>1367943</v>
      </c>
      <c r="HM22" s="103">
        <v>9136905</v>
      </c>
      <c r="HN22" s="99">
        <v>9485114</v>
      </c>
      <c r="HO22" s="306"/>
      <c r="HP22" s="307"/>
      <c r="HQ22" s="308"/>
      <c r="HR22" s="309"/>
      <c r="HS22" s="307"/>
      <c r="HT22" s="307"/>
      <c r="HU22" s="307"/>
      <c r="HV22" s="307"/>
      <c r="HW22" s="307"/>
      <c r="HX22" s="310"/>
      <c r="HY22" s="311"/>
      <c r="HZ22" s="137">
        <v>0</v>
      </c>
      <c r="IA22" s="122">
        <v>0</v>
      </c>
      <c r="IB22" s="137">
        <v>0</v>
      </c>
      <c r="IC22" s="121">
        <v>0</v>
      </c>
      <c r="ID22" s="122">
        <v>878059</v>
      </c>
      <c r="IE22" s="123">
        <v>1983845</v>
      </c>
      <c r="IF22" s="124">
        <v>1201146</v>
      </c>
      <c r="IG22" s="122">
        <v>1865532</v>
      </c>
      <c r="IH22" s="124">
        <v>2022533</v>
      </c>
      <c r="II22" s="125">
        <v>7951115</v>
      </c>
      <c r="IJ22" s="137">
        <v>7951115</v>
      </c>
      <c r="IK22" s="219">
        <v>0</v>
      </c>
      <c r="IL22" s="223">
        <v>0</v>
      </c>
      <c r="IM22" s="224">
        <v>0</v>
      </c>
      <c r="IN22" s="127"/>
      <c r="IO22" s="109">
        <v>48925</v>
      </c>
      <c r="IP22" s="109">
        <v>0</v>
      </c>
      <c r="IQ22" s="109">
        <v>0</v>
      </c>
      <c r="IR22" s="109">
        <v>0</v>
      </c>
      <c r="IS22" s="109">
        <v>0</v>
      </c>
      <c r="IT22" s="128">
        <v>48925</v>
      </c>
      <c r="IU22" s="298">
        <v>48925</v>
      </c>
      <c r="IV22" s="129">
        <v>0</v>
      </c>
      <c r="IW22" s="109">
        <v>0</v>
      </c>
      <c r="IX22" s="110">
        <v>0</v>
      </c>
      <c r="IY22" s="131"/>
      <c r="IZ22" s="109">
        <v>0</v>
      </c>
      <c r="JA22" s="109">
        <v>0</v>
      </c>
      <c r="JB22" s="109">
        <v>0</v>
      </c>
      <c r="JC22" s="109">
        <v>0</v>
      </c>
      <c r="JD22" s="109">
        <v>0</v>
      </c>
      <c r="JE22" s="110">
        <v>0</v>
      </c>
      <c r="JF22" s="111">
        <v>0</v>
      </c>
      <c r="JG22" s="129">
        <v>0</v>
      </c>
      <c r="JH22" s="109">
        <v>0</v>
      </c>
      <c r="JI22" s="128">
        <v>0</v>
      </c>
      <c r="JJ22" s="108">
        <v>0</v>
      </c>
      <c r="JK22" s="109">
        <v>478119</v>
      </c>
      <c r="JL22" s="109">
        <v>845537</v>
      </c>
      <c r="JM22" s="109">
        <v>332794</v>
      </c>
      <c r="JN22" s="109">
        <v>463386</v>
      </c>
      <c r="JO22" s="109">
        <v>75048</v>
      </c>
      <c r="JP22" s="110">
        <v>2194884</v>
      </c>
      <c r="JQ22" s="298">
        <v>2194884</v>
      </c>
      <c r="JR22" s="129">
        <v>0</v>
      </c>
      <c r="JS22" s="109">
        <v>0</v>
      </c>
      <c r="JT22" s="128">
        <v>0</v>
      </c>
      <c r="JU22" s="108">
        <v>0</v>
      </c>
      <c r="JV22" s="109">
        <v>60330</v>
      </c>
      <c r="JW22" s="109">
        <v>0</v>
      </c>
      <c r="JX22" s="109">
        <v>157805</v>
      </c>
      <c r="JY22" s="109">
        <v>0</v>
      </c>
      <c r="JZ22" s="109">
        <v>0</v>
      </c>
      <c r="KA22" s="110">
        <v>218135</v>
      </c>
      <c r="KB22" s="298">
        <v>218135</v>
      </c>
      <c r="KC22" s="221">
        <v>0</v>
      </c>
      <c r="KD22" s="217">
        <v>0</v>
      </c>
      <c r="KE22" s="110">
        <v>0</v>
      </c>
      <c r="KF22" s="108">
        <v>0</v>
      </c>
      <c r="KG22" s="109">
        <v>0</v>
      </c>
      <c r="KH22" s="109">
        <v>273588</v>
      </c>
      <c r="KI22" s="109">
        <v>347153</v>
      </c>
      <c r="KJ22" s="109">
        <v>237769</v>
      </c>
      <c r="KK22" s="109">
        <v>260416</v>
      </c>
      <c r="KL22" s="110">
        <v>1118926</v>
      </c>
      <c r="KM22" s="130">
        <v>1118926</v>
      </c>
      <c r="KN22" s="219">
        <v>0</v>
      </c>
      <c r="KO22" s="223">
        <v>0</v>
      </c>
      <c r="KP22" s="224">
        <v>0</v>
      </c>
      <c r="KQ22" s="127"/>
      <c r="KR22" s="109">
        <v>290685</v>
      </c>
      <c r="KS22" s="109">
        <v>864720</v>
      </c>
      <c r="KT22" s="109">
        <v>363394</v>
      </c>
      <c r="KU22" s="109">
        <v>697927</v>
      </c>
      <c r="KV22" s="109">
        <v>1185589</v>
      </c>
      <c r="KW22" s="110">
        <v>3402315</v>
      </c>
      <c r="KX22" s="298">
        <v>3402315</v>
      </c>
      <c r="KY22" s="129">
        <v>0</v>
      </c>
      <c r="KZ22" s="109">
        <v>0</v>
      </c>
      <c r="LA22" s="110">
        <v>0</v>
      </c>
      <c r="LB22" s="132"/>
      <c r="LC22" s="109">
        <v>0</v>
      </c>
      <c r="LD22" s="109">
        <v>0</v>
      </c>
      <c r="LE22" s="109">
        <v>0</v>
      </c>
      <c r="LF22" s="109">
        <v>0</v>
      </c>
      <c r="LG22" s="109">
        <v>0</v>
      </c>
      <c r="LH22" s="110">
        <v>0</v>
      </c>
      <c r="LI22" s="111">
        <v>0</v>
      </c>
      <c r="LJ22" s="129">
        <v>0</v>
      </c>
      <c r="LK22" s="109">
        <v>0</v>
      </c>
      <c r="LL22" s="110">
        <v>0</v>
      </c>
      <c r="LM22" s="132"/>
      <c r="LN22" s="109">
        <v>0</v>
      </c>
      <c r="LO22" s="109">
        <v>0</v>
      </c>
      <c r="LP22" s="109">
        <v>0</v>
      </c>
      <c r="LQ22" s="109">
        <v>466450</v>
      </c>
      <c r="LR22" s="109">
        <v>501480</v>
      </c>
      <c r="LS22" s="110">
        <v>967930</v>
      </c>
      <c r="LT22" s="298">
        <v>967930</v>
      </c>
      <c r="LU22" s="129">
        <v>0</v>
      </c>
      <c r="LV22" s="109">
        <v>0</v>
      </c>
      <c r="LW22" s="110">
        <v>0</v>
      </c>
      <c r="LX22" s="132"/>
      <c r="LY22" s="109">
        <v>0</v>
      </c>
      <c r="LZ22" s="109">
        <v>0</v>
      </c>
      <c r="MA22" s="109">
        <v>0</v>
      </c>
      <c r="MB22" s="109">
        <v>0</v>
      </c>
      <c r="MC22" s="109">
        <v>0</v>
      </c>
      <c r="MD22" s="110">
        <v>0</v>
      </c>
      <c r="ME22" s="111">
        <v>0</v>
      </c>
      <c r="MF22" s="129">
        <v>0</v>
      </c>
      <c r="MG22" s="109">
        <v>0</v>
      </c>
      <c r="MH22" s="110">
        <v>0</v>
      </c>
      <c r="MI22" s="132"/>
      <c r="MJ22" s="109">
        <v>105475</v>
      </c>
      <c r="MK22" s="109">
        <v>1349062</v>
      </c>
      <c r="ML22" s="109">
        <v>3179884</v>
      </c>
      <c r="MM22" s="109">
        <v>4323018</v>
      </c>
      <c r="MN22" s="109">
        <v>2459254</v>
      </c>
      <c r="MO22" s="110">
        <v>11416693</v>
      </c>
      <c r="MP22" s="130">
        <v>11416693</v>
      </c>
      <c r="MQ22" s="129">
        <v>0</v>
      </c>
      <c r="MR22" s="109">
        <v>0</v>
      </c>
      <c r="MS22" s="110">
        <v>0</v>
      </c>
      <c r="MT22" s="132"/>
      <c r="MU22" s="109">
        <v>0</v>
      </c>
      <c r="MV22" s="109">
        <v>211748</v>
      </c>
      <c r="MW22" s="109">
        <v>1686678</v>
      </c>
      <c r="MX22" s="109">
        <v>1804690</v>
      </c>
      <c r="MY22" s="109">
        <v>1248959</v>
      </c>
      <c r="MZ22" s="110">
        <v>4952075</v>
      </c>
      <c r="NA22" s="130">
        <v>4952075</v>
      </c>
      <c r="NB22" s="129">
        <v>0</v>
      </c>
      <c r="NC22" s="109">
        <v>0</v>
      </c>
      <c r="ND22" s="110">
        <v>0</v>
      </c>
      <c r="NE22" s="132"/>
      <c r="NF22" s="109">
        <v>105475</v>
      </c>
      <c r="NG22" s="109">
        <v>1137314</v>
      </c>
      <c r="NH22" s="109">
        <v>1493206</v>
      </c>
      <c r="NI22" s="109">
        <v>2518328</v>
      </c>
      <c r="NJ22" s="109">
        <v>846460</v>
      </c>
      <c r="NK22" s="110">
        <v>6100783</v>
      </c>
      <c r="NL22" s="298">
        <v>6100783</v>
      </c>
      <c r="NM22" s="129">
        <v>0</v>
      </c>
      <c r="NN22" s="109">
        <v>0</v>
      </c>
      <c r="NO22" s="110">
        <v>0</v>
      </c>
      <c r="NP22" s="132"/>
      <c r="NQ22" s="109">
        <v>0</v>
      </c>
      <c r="NR22" s="109">
        <v>0</v>
      </c>
      <c r="NS22" s="109">
        <v>0</v>
      </c>
      <c r="NT22" s="109">
        <v>0</v>
      </c>
      <c r="NU22" s="109">
        <v>0</v>
      </c>
      <c r="NV22" s="110">
        <v>0</v>
      </c>
      <c r="NW22" s="111">
        <v>0</v>
      </c>
      <c r="NX22" s="129">
        <v>0</v>
      </c>
      <c r="NY22" s="109">
        <v>0</v>
      </c>
      <c r="NZ22" s="110">
        <v>0</v>
      </c>
      <c r="OA22" s="132"/>
      <c r="OB22" s="109">
        <v>0</v>
      </c>
      <c r="OC22" s="109">
        <v>0</v>
      </c>
      <c r="OD22" s="109">
        <v>0</v>
      </c>
      <c r="OE22" s="109">
        <v>0</v>
      </c>
      <c r="OF22" s="109">
        <v>363835</v>
      </c>
      <c r="OG22" s="110">
        <v>363835</v>
      </c>
      <c r="OH22" s="111">
        <v>363835</v>
      </c>
      <c r="OI22" s="129">
        <v>498126</v>
      </c>
      <c r="OJ22" s="109">
        <v>872421</v>
      </c>
      <c r="OK22" s="128">
        <v>1370547</v>
      </c>
      <c r="OL22" s="108">
        <v>0</v>
      </c>
      <c r="OM22" s="109">
        <v>5066420</v>
      </c>
      <c r="ON22" s="109">
        <v>9761461</v>
      </c>
      <c r="OO22" s="109">
        <v>11625672</v>
      </c>
      <c r="OP22" s="109">
        <v>13054637</v>
      </c>
      <c r="OQ22" s="109">
        <v>8533774</v>
      </c>
      <c r="OR22" s="110">
        <v>48041964</v>
      </c>
      <c r="OS22" s="130">
        <v>49412511</v>
      </c>
    </row>
    <row r="23" spans="2:409" ht="21" customHeight="1" x14ac:dyDescent="0.2">
      <c r="B23" s="472" t="s">
        <v>18</v>
      </c>
      <c r="C23" s="100">
        <v>545432</v>
      </c>
      <c r="D23" s="104">
        <v>653029</v>
      </c>
      <c r="E23" s="103">
        <v>1198461</v>
      </c>
      <c r="F23" s="99">
        <v>0</v>
      </c>
      <c r="G23" s="104">
        <v>6437174</v>
      </c>
      <c r="H23" s="104">
        <v>9108034</v>
      </c>
      <c r="I23" s="104">
        <v>6517908</v>
      </c>
      <c r="J23" s="104">
        <v>8371605</v>
      </c>
      <c r="K23" s="104">
        <v>5986087</v>
      </c>
      <c r="L23" s="99">
        <v>36420808</v>
      </c>
      <c r="M23" s="106">
        <v>37619269</v>
      </c>
      <c r="N23" s="100">
        <v>210634</v>
      </c>
      <c r="O23" s="104">
        <v>127091</v>
      </c>
      <c r="P23" s="103">
        <v>337725</v>
      </c>
      <c r="Q23" s="100">
        <v>0</v>
      </c>
      <c r="R23" s="104">
        <v>2233331</v>
      </c>
      <c r="S23" s="104">
        <v>2258391</v>
      </c>
      <c r="T23" s="104">
        <v>2228075</v>
      </c>
      <c r="U23" s="104">
        <v>3297935</v>
      </c>
      <c r="V23" s="104">
        <v>1752768</v>
      </c>
      <c r="W23" s="103">
        <v>11770500</v>
      </c>
      <c r="X23" s="106">
        <v>12108225</v>
      </c>
      <c r="Y23" s="100">
        <v>0</v>
      </c>
      <c r="Z23" s="104">
        <v>0</v>
      </c>
      <c r="AA23" s="103">
        <v>0</v>
      </c>
      <c r="AB23" s="100">
        <v>0</v>
      </c>
      <c r="AC23" s="104">
        <v>1007276</v>
      </c>
      <c r="AD23" s="104">
        <v>872479</v>
      </c>
      <c r="AE23" s="104">
        <v>1042522</v>
      </c>
      <c r="AF23" s="104">
        <v>2536169</v>
      </c>
      <c r="AG23" s="104">
        <v>656325</v>
      </c>
      <c r="AH23" s="103">
        <v>6114771</v>
      </c>
      <c r="AI23" s="106">
        <v>6114771</v>
      </c>
      <c r="AJ23" s="100">
        <v>0</v>
      </c>
      <c r="AK23" s="104">
        <v>0</v>
      </c>
      <c r="AL23" s="103">
        <v>0</v>
      </c>
      <c r="AM23" s="100">
        <v>0</v>
      </c>
      <c r="AN23" s="104">
        <v>0</v>
      </c>
      <c r="AO23" s="104">
        <v>0</v>
      </c>
      <c r="AP23" s="104">
        <v>71041</v>
      </c>
      <c r="AQ23" s="104">
        <v>91772</v>
      </c>
      <c r="AR23" s="104">
        <v>135753</v>
      </c>
      <c r="AS23" s="103">
        <v>298566</v>
      </c>
      <c r="AT23" s="106">
        <v>298566</v>
      </c>
      <c r="AU23" s="100">
        <v>110144</v>
      </c>
      <c r="AV23" s="104">
        <v>78140</v>
      </c>
      <c r="AW23" s="103">
        <v>188284</v>
      </c>
      <c r="AX23" s="100">
        <v>0</v>
      </c>
      <c r="AY23" s="104">
        <v>747038</v>
      </c>
      <c r="AZ23" s="104">
        <v>954581</v>
      </c>
      <c r="BA23" s="104">
        <v>588167</v>
      </c>
      <c r="BB23" s="104">
        <v>289362</v>
      </c>
      <c r="BC23" s="104">
        <v>615881</v>
      </c>
      <c r="BD23" s="103">
        <v>3195029</v>
      </c>
      <c r="BE23" s="106">
        <v>3383313</v>
      </c>
      <c r="BF23" s="100">
        <v>28180</v>
      </c>
      <c r="BG23" s="104">
        <v>0</v>
      </c>
      <c r="BH23" s="102">
        <v>28180</v>
      </c>
      <c r="BI23" s="101">
        <v>0</v>
      </c>
      <c r="BJ23" s="104">
        <v>132167</v>
      </c>
      <c r="BK23" s="104">
        <v>77614</v>
      </c>
      <c r="BL23" s="104">
        <v>132287</v>
      </c>
      <c r="BM23" s="104">
        <v>0</v>
      </c>
      <c r="BN23" s="104">
        <v>10818</v>
      </c>
      <c r="BO23" s="103">
        <v>352886</v>
      </c>
      <c r="BP23" s="106">
        <v>381066</v>
      </c>
      <c r="BQ23" s="100">
        <v>72310</v>
      </c>
      <c r="BR23" s="104">
        <v>48951</v>
      </c>
      <c r="BS23" s="103">
        <v>121261</v>
      </c>
      <c r="BT23" s="100">
        <v>0</v>
      </c>
      <c r="BU23" s="104">
        <v>346850</v>
      </c>
      <c r="BV23" s="104">
        <v>353717</v>
      </c>
      <c r="BW23" s="104">
        <v>394058</v>
      </c>
      <c r="BX23" s="104">
        <v>380632</v>
      </c>
      <c r="BY23" s="104">
        <v>333991</v>
      </c>
      <c r="BZ23" s="103">
        <v>1809248</v>
      </c>
      <c r="CA23" s="106">
        <v>1930509</v>
      </c>
      <c r="CB23" s="100">
        <v>99715</v>
      </c>
      <c r="CC23" s="104">
        <v>181407</v>
      </c>
      <c r="CD23" s="103">
        <v>281122</v>
      </c>
      <c r="CE23" s="100">
        <v>0</v>
      </c>
      <c r="CF23" s="104">
        <v>1848977</v>
      </c>
      <c r="CG23" s="104">
        <v>3321080</v>
      </c>
      <c r="CH23" s="104">
        <v>1934220</v>
      </c>
      <c r="CI23" s="104">
        <v>1386018</v>
      </c>
      <c r="CJ23" s="104">
        <v>708899</v>
      </c>
      <c r="CK23" s="103">
        <v>9199194</v>
      </c>
      <c r="CL23" s="106">
        <v>9480316</v>
      </c>
      <c r="CM23" s="100">
        <v>0</v>
      </c>
      <c r="CN23" s="104">
        <v>0</v>
      </c>
      <c r="CO23" s="103">
        <v>0</v>
      </c>
      <c r="CP23" s="101">
        <v>0</v>
      </c>
      <c r="CQ23" s="104">
        <v>1297153</v>
      </c>
      <c r="CR23" s="104">
        <v>2546838</v>
      </c>
      <c r="CS23" s="104">
        <v>1597143</v>
      </c>
      <c r="CT23" s="104">
        <v>1080350</v>
      </c>
      <c r="CU23" s="104">
        <v>395436</v>
      </c>
      <c r="CV23" s="103">
        <v>6916920</v>
      </c>
      <c r="CW23" s="106">
        <v>6916920</v>
      </c>
      <c r="CX23" s="100">
        <v>99715</v>
      </c>
      <c r="CY23" s="104">
        <v>181407</v>
      </c>
      <c r="CZ23" s="103">
        <v>281122</v>
      </c>
      <c r="DA23" s="100">
        <v>0</v>
      </c>
      <c r="DB23" s="104">
        <v>551824</v>
      </c>
      <c r="DC23" s="104">
        <v>774242</v>
      </c>
      <c r="DD23" s="104">
        <v>337077</v>
      </c>
      <c r="DE23" s="104">
        <v>305668</v>
      </c>
      <c r="DF23" s="104">
        <v>313463</v>
      </c>
      <c r="DG23" s="103">
        <v>2282274</v>
      </c>
      <c r="DH23" s="106">
        <v>2563396</v>
      </c>
      <c r="DI23" s="100">
        <v>0</v>
      </c>
      <c r="DJ23" s="104">
        <v>0</v>
      </c>
      <c r="DK23" s="102">
        <v>0</v>
      </c>
      <c r="DL23" s="101">
        <v>0</v>
      </c>
      <c r="DM23" s="104">
        <v>12709</v>
      </c>
      <c r="DN23" s="104">
        <v>572956</v>
      </c>
      <c r="DO23" s="104">
        <v>618570</v>
      </c>
      <c r="DP23" s="104">
        <v>865331</v>
      </c>
      <c r="DQ23" s="104">
        <v>453466</v>
      </c>
      <c r="DR23" s="103">
        <v>2523032</v>
      </c>
      <c r="DS23" s="106">
        <v>2523032</v>
      </c>
      <c r="DT23" s="100">
        <v>0</v>
      </c>
      <c r="DU23" s="104">
        <v>0</v>
      </c>
      <c r="DV23" s="103">
        <v>0</v>
      </c>
      <c r="DW23" s="100">
        <v>0</v>
      </c>
      <c r="DX23" s="104">
        <v>12709</v>
      </c>
      <c r="DY23" s="104">
        <v>572956</v>
      </c>
      <c r="DZ23" s="104">
        <v>618570</v>
      </c>
      <c r="EA23" s="104">
        <v>865331</v>
      </c>
      <c r="EB23" s="104">
        <v>453466</v>
      </c>
      <c r="EC23" s="103">
        <v>2523032</v>
      </c>
      <c r="ED23" s="106">
        <v>2523032</v>
      </c>
      <c r="EE23" s="100">
        <v>0</v>
      </c>
      <c r="EF23" s="102">
        <v>0</v>
      </c>
      <c r="EG23" s="103">
        <v>0</v>
      </c>
      <c r="EH23" s="100">
        <v>0</v>
      </c>
      <c r="EI23" s="104">
        <v>0</v>
      </c>
      <c r="EJ23" s="104">
        <v>0</v>
      </c>
      <c r="EK23" s="104">
        <v>0</v>
      </c>
      <c r="EL23" s="104">
        <v>0</v>
      </c>
      <c r="EM23" s="104">
        <v>0</v>
      </c>
      <c r="EN23" s="102">
        <v>0</v>
      </c>
      <c r="EO23" s="106">
        <v>0</v>
      </c>
      <c r="EP23" s="100">
        <v>0</v>
      </c>
      <c r="EQ23" s="104">
        <v>0</v>
      </c>
      <c r="ER23" s="102">
        <v>0</v>
      </c>
      <c r="ES23" s="101">
        <v>0</v>
      </c>
      <c r="ET23" s="104">
        <v>0</v>
      </c>
      <c r="EU23" s="104">
        <v>0</v>
      </c>
      <c r="EV23" s="104">
        <v>0</v>
      </c>
      <c r="EW23" s="104">
        <v>0</v>
      </c>
      <c r="EX23" s="104">
        <v>0</v>
      </c>
      <c r="EY23" s="103">
        <v>0</v>
      </c>
      <c r="EZ23" s="106">
        <v>0</v>
      </c>
      <c r="FA23" s="100">
        <v>0</v>
      </c>
      <c r="FB23" s="104">
        <v>0</v>
      </c>
      <c r="FC23" s="102">
        <v>0</v>
      </c>
      <c r="FD23" s="324"/>
      <c r="FE23" s="104">
        <v>0</v>
      </c>
      <c r="FF23" s="104">
        <v>0</v>
      </c>
      <c r="FG23" s="104">
        <v>0</v>
      </c>
      <c r="FH23" s="104">
        <v>0</v>
      </c>
      <c r="FI23" s="104">
        <v>0</v>
      </c>
      <c r="FJ23" s="103">
        <v>0</v>
      </c>
      <c r="FK23" s="106">
        <v>0</v>
      </c>
      <c r="FL23" s="100">
        <v>41748</v>
      </c>
      <c r="FM23" s="104">
        <v>181321</v>
      </c>
      <c r="FN23" s="103">
        <v>223069</v>
      </c>
      <c r="FO23" s="100">
        <v>0</v>
      </c>
      <c r="FP23" s="104">
        <v>410123</v>
      </c>
      <c r="FQ23" s="104">
        <v>726047</v>
      </c>
      <c r="FR23" s="104">
        <v>594790</v>
      </c>
      <c r="FS23" s="104">
        <v>529172</v>
      </c>
      <c r="FT23" s="104">
        <v>346612</v>
      </c>
      <c r="FU23" s="103">
        <v>2606744</v>
      </c>
      <c r="FV23" s="106">
        <v>2829813</v>
      </c>
      <c r="FW23" s="105">
        <v>20958</v>
      </c>
      <c r="FX23" s="104">
        <v>112021</v>
      </c>
      <c r="FY23" s="102">
        <v>132979</v>
      </c>
      <c r="FZ23" s="101">
        <v>0</v>
      </c>
      <c r="GA23" s="104">
        <v>334523</v>
      </c>
      <c r="GB23" s="104">
        <v>687239</v>
      </c>
      <c r="GC23" s="104">
        <v>539490</v>
      </c>
      <c r="GD23" s="104">
        <v>471072</v>
      </c>
      <c r="GE23" s="104">
        <v>346612</v>
      </c>
      <c r="GF23" s="103">
        <v>2378936</v>
      </c>
      <c r="GG23" s="296">
        <v>2511915</v>
      </c>
      <c r="GH23" s="105">
        <v>20790</v>
      </c>
      <c r="GI23" s="104">
        <v>0</v>
      </c>
      <c r="GJ23" s="102">
        <v>20790</v>
      </c>
      <c r="GK23" s="101">
        <v>0</v>
      </c>
      <c r="GL23" s="104">
        <v>0</v>
      </c>
      <c r="GM23" s="104">
        <v>38808</v>
      </c>
      <c r="GN23" s="104">
        <v>0</v>
      </c>
      <c r="GO23" s="104">
        <v>0</v>
      </c>
      <c r="GP23" s="104">
        <v>0</v>
      </c>
      <c r="GQ23" s="103">
        <v>38808</v>
      </c>
      <c r="GR23" s="106">
        <v>59598</v>
      </c>
      <c r="GS23" s="100">
        <v>0</v>
      </c>
      <c r="GT23" s="104">
        <v>69300</v>
      </c>
      <c r="GU23" s="103">
        <v>69300</v>
      </c>
      <c r="GV23" s="100">
        <v>0</v>
      </c>
      <c r="GW23" s="104">
        <v>75600</v>
      </c>
      <c r="GX23" s="104">
        <v>0</v>
      </c>
      <c r="GY23" s="104">
        <v>55300</v>
      </c>
      <c r="GZ23" s="104">
        <v>58100</v>
      </c>
      <c r="HA23" s="104">
        <v>0</v>
      </c>
      <c r="HB23" s="102">
        <v>189000</v>
      </c>
      <c r="HC23" s="106">
        <v>258300</v>
      </c>
      <c r="HD23" s="100">
        <v>193335</v>
      </c>
      <c r="HE23" s="104">
        <v>163210</v>
      </c>
      <c r="HF23" s="102">
        <v>356545</v>
      </c>
      <c r="HG23" s="101">
        <v>0</v>
      </c>
      <c r="HH23" s="104">
        <v>1932034</v>
      </c>
      <c r="HI23" s="104">
        <v>2229560</v>
      </c>
      <c r="HJ23" s="104">
        <v>1142253</v>
      </c>
      <c r="HK23" s="104">
        <v>2293149</v>
      </c>
      <c r="HL23" s="104">
        <v>2724342</v>
      </c>
      <c r="HM23" s="103">
        <v>10321338</v>
      </c>
      <c r="HN23" s="99">
        <v>10677883</v>
      </c>
      <c r="HO23" s="306"/>
      <c r="HP23" s="307"/>
      <c r="HQ23" s="308"/>
      <c r="HR23" s="309"/>
      <c r="HS23" s="307"/>
      <c r="HT23" s="307"/>
      <c r="HU23" s="307"/>
      <c r="HV23" s="307"/>
      <c r="HW23" s="307"/>
      <c r="HX23" s="310"/>
      <c r="HY23" s="311"/>
      <c r="HZ23" s="118">
        <v>0</v>
      </c>
      <c r="IA23" s="119">
        <v>0</v>
      </c>
      <c r="IB23" s="120">
        <v>0</v>
      </c>
      <c r="IC23" s="133">
        <v>0</v>
      </c>
      <c r="ID23" s="119">
        <v>912649</v>
      </c>
      <c r="IE23" s="134">
        <v>999212</v>
      </c>
      <c r="IF23" s="120">
        <v>1947417</v>
      </c>
      <c r="IG23" s="119">
        <v>1358763</v>
      </c>
      <c r="IH23" s="120">
        <v>863936</v>
      </c>
      <c r="II23" s="135">
        <v>6081977</v>
      </c>
      <c r="IJ23" s="126">
        <v>6081977</v>
      </c>
      <c r="IK23" s="219">
        <v>0</v>
      </c>
      <c r="IL23" s="223">
        <v>0</v>
      </c>
      <c r="IM23" s="224">
        <v>0</v>
      </c>
      <c r="IN23" s="127"/>
      <c r="IO23" s="109">
        <v>0</v>
      </c>
      <c r="IP23" s="109">
        <v>0</v>
      </c>
      <c r="IQ23" s="109">
        <v>0</v>
      </c>
      <c r="IR23" s="109">
        <v>0</v>
      </c>
      <c r="IS23" s="109">
        <v>232476</v>
      </c>
      <c r="IT23" s="128">
        <v>232476</v>
      </c>
      <c r="IU23" s="298">
        <v>232476</v>
      </c>
      <c r="IV23" s="129">
        <v>0</v>
      </c>
      <c r="IW23" s="109">
        <v>0</v>
      </c>
      <c r="IX23" s="110">
        <v>0</v>
      </c>
      <c r="IY23" s="131"/>
      <c r="IZ23" s="109">
        <v>0</v>
      </c>
      <c r="JA23" s="109">
        <v>0</v>
      </c>
      <c r="JB23" s="109">
        <v>0</v>
      </c>
      <c r="JC23" s="109">
        <v>0</v>
      </c>
      <c r="JD23" s="109">
        <v>0</v>
      </c>
      <c r="JE23" s="110">
        <v>0</v>
      </c>
      <c r="JF23" s="111">
        <v>0</v>
      </c>
      <c r="JG23" s="129">
        <v>0</v>
      </c>
      <c r="JH23" s="109">
        <v>0</v>
      </c>
      <c r="JI23" s="128">
        <v>0</v>
      </c>
      <c r="JJ23" s="108">
        <v>0</v>
      </c>
      <c r="JK23" s="109">
        <v>704780</v>
      </c>
      <c r="JL23" s="109">
        <v>358413</v>
      </c>
      <c r="JM23" s="109">
        <v>494960</v>
      </c>
      <c r="JN23" s="109">
        <v>191746</v>
      </c>
      <c r="JO23" s="109">
        <v>0</v>
      </c>
      <c r="JP23" s="110">
        <v>1749899</v>
      </c>
      <c r="JQ23" s="298">
        <v>1749899</v>
      </c>
      <c r="JR23" s="129">
        <v>0</v>
      </c>
      <c r="JS23" s="109">
        <v>0</v>
      </c>
      <c r="JT23" s="128">
        <v>0</v>
      </c>
      <c r="JU23" s="108">
        <v>0</v>
      </c>
      <c r="JV23" s="109">
        <v>0</v>
      </c>
      <c r="JW23" s="109">
        <v>0</v>
      </c>
      <c r="JX23" s="109">
        <v>78398</v>
      </c>
      <c r="JY23" s="109">
        <v>178717</v>
      </c>
      <c r="JZ23" s="109">
        <v>0</v>
      </c>
      <c r="KA23" s="110">
        <v>257115</v>
      </c>
      <c r="KB23" s="298">
        <v>257115</v>
      </c>
      <c r="KC23" s="221">
        <v>0</v>
      </c>
      <c r="KD23" s="217">
        <v>0</v>
      </c>
      <c r="KE23" s="110">
        <v>0</v>
      </c>
      <c r="KF23" s="108">
        <v>0</v>
      </c>
      <c r="KG23" s="109">
        <v>0</v>
      </c>
      <c r="KH23" s="109">
        <v>0</v>
      </c>
      <c r="KI23" s="109">
        <v>0</v>
      </c>
      <c r="KJ23" s="109">
        <v>0</v>
      </c>
      <c r="KK23" s="109">
        <v>0</v>
      </c>
      <c r="KL23" s="110">
        <v>0</v>
      </c>
      <c r="KM23" s="130">
        <v>0</v>
      </c>
      <c r="KN23" s="219">
        <v>0</v>
      </c>
      <c r="KO23" s="223">
        <v>0</v>
      </c>
      <c r="KP23" s="224">
        <v>0</v>
      </c>
      <c r="KQ23" s="127"/>
      <c r="KR23" s="109">
        <v>207869</v>
      </c>
      <c r="KS23" s="109">
        <v>443952</v>
      </c>
      <c r="KT23" s="109">
        <v>1120326</v>
      </c>
      <c r="KU23" s="109">
        <v>457172</v>
      </c>
      <c r="KV23" s="109">
        <v>0</v>
      </c>
      <c r="KW23" s="110">
        <v>2229319</v>
      </c>
      <c r="KX23" s="298">
        <v>2229319</v>
      </c>
      <c r="KY23" s="129">
        <v>0</v>
      </c>
      <c r="KZ23" s="109">
        <v>0</v>
      </c>
      <c r="LA23" s="110">
        <v>0</v>
      </c>
      <c r="LB23" s="132"/>
      <c r="LC23" s="109">
        <v>0</v>
      </c>
      <c r="LD23" s="109">
        <v>0</v>
      </c>
      <c r="LE23" s="109">
        <v>0</v>
      </c>
      <c r="LF23" s="109">
        <v>0</v>
      </c>
      <c r="LG23" s="109">
        <v>0</v>
      </c>
      <c r="LH23" s="110">
        <v>0</v>
      </c>
      <c r="LI23" s="111">
        <v>0</v>
      </c>
      <c r="LJ23" s="129">
        <v>0</v>
      </c>
      <c r="LK23" s="109">
        <v>0</v>
      </c>
      <c r="LL23" s="110">
        <v>0</v>
      </c>
      <c r="LM23" s="132"/>
      <c r="LN23" s="109">
        <v>0</v>
      </c>
      <c r="LO23" s="109">
        <v>0</v>
      </c>
      <c r="LP23" s="109">
        <v>0</v>
      </c>
      <c r="LQ23" s="109">
        <v>249982</v>
      </c>
      <c r="LR23" s="109">
        <v>0</v>
      </c>
      <c r="LS23" s="110">
        <v>249982</v>
      </c>
      <c r="LT23" s="298">
        <v>249982</v>
      </c>
      <c r="LU23" s="129">
        <v>0</v>
      </c>
      <c r="LV23" s="109">
        <v>0</v>
      </c>
      <c r="LW23" s="110">
        <v>0</v>
      </c>
      <c r="LX23" s="132"/>
      <c r="LY23" s="109">
        <v>0</v>
      </c>
      <c r="LZ23" s="109">
        <v>196847</v>
      </c>
      <c r="MA23" s="109">
        <v>253733</v>
      </c>
      <c r="MB23" s="109">
        <v>281146</v>
      </c>
      <c r="MC23" s="109">
        <v>631460</v>
      </c>
      <c r="MD23" s="110">
        <v>1363186</v>
      </c>
      <c r="ME23" s="111">
        <v>1363186</v>
      </c>
      <c r="MF23" s="129">
        <v>0</v>
      </c>
      <c r="MG23" s="109">
        <v>0</v>
      </c>
      <c r="MH23" s="110">
        <v>0</v>
      </c>
      <c r="MI23" s="132"/>
      <c r="MJ23" s="109">
        <v>582643</v>
      </c>
      <c r="MK23" s="109">
        <v>702658</v>
      </c>
      <c r="ML23" s="109">
        <v>2388906</v>
      </c>
      <c r="MM23" s="109">
        <v>4743624</v>
      </c>
      <c r="MN23" s="109">
        <v>3357372</v>
      </c>
      <c r="MO23" s="110">
        <v>11775203</v>
      </c>
      <c r="MP23" s="130">
        <v>11775203</v>
      </c>
      <c r="MQ23" s="129">
        <v>0</v>
      </c>
      <c r="MR23" s="109">
        <v>0</v>
      </c>
      <c r="MS23" s="110">
        <v>0</v>
      </c>
      <c r="MT23" s="132"/>
      <c r="MU23" s="109">
        <v>0</v>
      </c>
      <c r="MV23" s="109">
        <v>198097</v>
      </c>
      <c r="MW23" s="109">
        <v>1443022</v>
      </c>
      <c r="MX23" s="109">
        <v>3058663</v>
      </c>
      <c r="MY23" s="109">
        <v>1979097</v>
      </c>
      <c r="MZ23" s="110">
        <v>6678879</v>
      </c>
      <c r="NA23" s="130">
        <v>6678879</v>
      </c>
      <c r="NB23" s="129">
        <v>0</v>
      </c>
      <c r="NC23" s="109">
        <v>0</v>
      </c>
      <c r="ND23" s="110">
        <v>0</v>
      </c>
      <c r="NE23" s="132"/>
      <c r="NF23" s="109">
        <v>582643</v>
      </c>
      <c r="NG23" s="109">
        <v>504561</v>
      </c>
      <c r="NH23" s="109">
        <v>945884</v>
      </c>
      <c r="NI23" s="109">
        <v>1684961</v>
      </c>
      <c r="NJ23" s="109">
        <v>1051820</v>
      </c>
      <c r="NK23" s="110">
        <v>4769869</v>
      </c>
      <c r="NL23" s="298">
        <v>4769869</v>
      </c>
      <c r="NM23" s="129">
        <v>0</v>
      </c>
      <c r="NN23" s="109">
        <v>0</v>
      </c>
      <c r="NO23" s="110">
        <v>0</v>
      </c>
      <c r="NP23" s="132"/>
      <c r="NQ23" s="109">
        <v>0</v>
      </c>
      <c r="NR23" s="109">
        <v>0</v>
      </c>
      <c r="NS23" s="109">
        <v>0</v>
      </c>
      <c r="NT23" s="109">
        <v>0</v>
      </c>
      <c r="NU23" s="109">
        <v>272262</v>
      </c>
      <c r="NV23" s="110">
        <v>272262</v>
      </c>
      <c r="NW23" s="111">
        <v>272262</v>
      </c>
      <c r="NX23" s="129">
        <v>0</v>
      </c>
      <c r="NY23" s="109">
        <v>0</v>
      </c>
      <c r="NZ23" s="110">
        <v>0</v>
      </c>
      <c r="OA23" s="132"/>
      <c r="OB23" s="109">
        <v>0</v>
      </c>
      <c r="OC23" s="109">
        <v>0</v>
      </c>
      <c r="OD23" s="109">
        <v>0</v>
      </c>
      <c r="OE23" s="109">
        <v>0</v>
      </c>
      <c r="OF23" s="109">
        <v>54193</v>
      </c>
      <c r="OG23" s="110">
        <v>54193</v>
      </c>
      <c r="OH23" s="111">
        <v>54193</v>
      </c>
      <c r="OI23" s="129">
        <v>545432</v>
      </c>
      <c r="OJ23" s="109">
        <v>653029</v>
      </c>
      <c r="OK23" s="128">
        <v>1198461</v>
      </c>
      <c r="OL23" s="108">
        <v>0</v>
      </c>
      <c r="OM23" s="109">
        <v>7932466</v>
      </c>
      <c r="ON23" s="109">
        <v>10809904</v>
      </c>
      <c r="OO23" s="109">
        <v>10854231</v>
      </c>
      <c r="OP23" s="109">
        <v>14473992</v>
      </c>
      <c r="OQ23" s="109">
        <v>10207395</v>
      </c>
      <c r="OR23" s="110">
        <v>54277988</v>
      </c>
      <c r="OS23" s="130">
        <v>55476449</v>
      </c>
    </row>
    <row r="24" spans="2:409" ht="21" customHeight="1" x14ac:dyDescent="0.2">
      <c r="B24" s="472" t="s">
        <v>19</v>
      </c>
      <c r="C24" s="100">
        <v>118296</v>
      </c>
      <c r="D24" s="104">
        <v>493439</v>
      </c>
      <c r="E24" s="103">
        <v>611735</v>
      </c>
      <c r="F24" s="99">
        <v>0</v>
      </c>
      <c r="G24" s="104">
        <v>2850799</v>
      </c>
      <c r="H24" s="104">
        <v>3678603</v>
      </c>
      <c r="I24" s="104">
        <v>2567560</v>
      </c>
      <c r="J24" s="104">
        <v>2147826</v>
      </c>
      <c r="K24" s="104">
        <v>2234860</v>
      </c>
      <c r="L24" s="99">
        <v>13479648</v>
      </c>
      <c r="M24" s="106">
        <v>14091383</v>
      </c>
      <c r="N24" s="100">
        <v>49564</v>
      </c>
      <c r="O24" s="104">
        <v>83536</v>
      </c>
      <c r="P24" s="103">
        <v>133100</v>
      </c>
      <c r="Q24" s="100">
        <v>0</v>
      </c>
      <c r="R24" s="104">
        <v>1064256</v>
      </c>
      <c r="S24" s="104">
        <v>782530</v>
      </c>
      <c r="T24" s="104">
        <v>641737</v>
      </c>
      <c r="U24" s="104">
        <v>1031271</v>
      </c>
      <c r="V24" s="104">
        <v>756831</v>
      </c>
      <c r="W24" s="103">
        <v>4276625</v>
      </c>
      <c r="X24" s="106">
        <v>4409725</v>
      </c>
      <c r="Y24" s="100">
        <v>0</v>
      </c>
      <c r="Z24" s="104">
        <v>0</v>
      </c>
      <c r="AA24" s="103">
        <v>0</v>
      </c>
      <c r="AB24" s="100">
        <v>0</v>
      </c>
      <c r="AC24" s="104">
        <v>146129</v>
      </c>
      <c r="AD24" s="104">
        <v>264241</v>
      </c>
      <c r="AE24" s="104">
        <v>348738</v>
      </c>
      <c r="AF24" s="104">
        <v>245340</v>
      </c>
      <c r="AG24" s="104">
        <v>232891</v>
      </c>
      <c r="AH24" s="103">
        <v>1237339</v>
      </c>
      <c r="AI24" s="106">
        <v>1237339</v>
      </c>
      <c r="AJ24" s="100">
        <v>0</v>
      </c>
      <c r="AK24" s="104">
        <v>0</v>
      </c>
      <c r="AL24" s="103">
        <v>0</v>
      </c>
      <c r="AM24" s="100">
        <v>0</v>
      </c>
      <c r="AN24" s="104">
        <v>0</v>
      </c>
      <c r="AO24" s="104">
        <v>0</v>
      </c>
      <c r="AP24" s="104">
        <v>82913</v>
      </c>
      <c r="AQ24" s="104">
        <v>89663</v>
      </c>
      <c r="AR24" s="104">
        <v>72402</v>
      </c>
      <c r="AS24" s="103">
        <v>244978</v>
      </c>
      <c r="AT24" s="106">
        <v>244978</v>
      </c>
      <c r="AU24" s="100">
        <v>38154</v>
      </c>
      <c r="AV24" s="104">
        <v>56460</v>
      </c>
      <c r="AW24" s="103">
        <v>94614</v>
      </c>
      <c r="AX24" s="100">
        <v>0</v>
      </c>
      <c r="AY24" s="104">
        <v>712874</v>
      </c>
      <c r="AZ24" s="104">
        <v>298503</v>
      </c>
      <c r="BA24" s="104">
        <v>43171</v>
      </c>
      <c r="BB24" s="104">
        <v>528373</v>
      </c>
      <c r="BC24" s="104">
        <v>317474</v>
      </c>
      <c r="BD24" s="103">
        <v>1900395</v>
      </c>
      <c r="BE24" s="106">
        <v>1995009</v>
      </c>
      <c r="BF24" s="100">
        <v>0</v>
      </c>
      <c r="BG24" s="104">
        <v>0</v>
      </c>
      <c r="BH24" s="102">
        <v>0</v>
      </c>
      <c r="BI24" s="101">
        <v>0</v>
      </c>
      <c r="BJ24" s="104">
        <v>88857</v>
      </c>
      <c r="BK24" s="104">
        <v>0</v>
      </c>
      <c r="BL24" s="104">
        <v>27650</v>
      </c>
      <c r="BM24" s="104">
        <v>66871</v>
      </c>
      <c r="BN24" s="104">
        <v>0</v>
      </c>
      <c r="BO24" s="103">
        <v>183378</v>
      </c>
      <c r="BP24" s="106">
        <v>183378</v>
      </c>
      <c r="BQ24" s="100">
        <v>11410</v>
      </c>
      <c r="BR24" s="104">
        <v>27076</v>
      </c>
      <c r="BS24" s="103">
        <v>38486</v>
      </c>
      <c r="BT24" s="100">
        <v>0</v>
      </c>
      <c r="BU24" s="104">
        <v>116396</v>
      </c>
      <c r="BV24" s="104">
        <v>219786</v>
      </c>
      <c r="BW24" s="104">
        <v>139265</v>
      </c>
      <c r="BX24" s="104">
        <v>101024</v>
      </c>
      <c r="BY24" s="104">
        <v>134064</v>
      </c>
      <c r="BZ24" s="103">
        <v>710535</v>
      </c>
      <c r="CA24" s="106">
        <v>749021</v>
      </c>
      <c r="CB24" s="100">
        <v>0</v>
      </c>
      <c r="CC24" s="104">
        <v>136583</v>
      </c>
      <c r="CD24" s="103">
        <v>136583</v>
      </c>
      <c r="CE24" s="100">
        <v>0</v>
      </c>
      <c r="CF24" s="104">
        <v>822355</v>
      </c>
      <c r="CG24" s="104">
        <v>998010</v>
      </c>
      <c r="CH24" s="104">
        <v>476675</v>
      </c>
      <c r="CI24" s="104">
        <v>296919</v>
      </c>
      <c r="CJ24" s="104">
        <v>635631</v>
      </c>
      <c r="CK24" s="103">
        <v>3229590</v>
      </c>
      <c r="CL24" s="106">
        <v>3366173</v>
      </c>
      <c r="CM24" s="100">
        <v>0</v>
      </c>
      <c r="CN24" s="104">
        <v>0</v>
      </c>
      <c r="CO24" s="103">
        <v>0</v>
      </c>
      <c r="CP24" s="101">
        <v>0</v>
      </c>
      <c r="CQ24" s="104">
        <v>503998</v>
      </c>
      <c r="CR24" s="104">
        <v>735434</v>
      </c>
      <c r="CS24" s="104">
        <v>249700</v>
      </c>
      <c r="CT24" s="104">
        <v>106855</v>
      </c>
      <c r="CU24" s="104">
        <v>502022</v>
      </c>
      <c r="CV24" s="103">
        <v>2098009</v>
      </c>
      <c r="CW24" s="106">
        <v>2098009</v>
      </c>
      <c r="CX24" s="100">
        <v>0</v>
      </c>
      <c r="CY24" s="104">
        <v>136583</v>
      </c>
      <c r="CZ24" s="103">
        <v>136583</v>
      </c>
      <c r="DA24" s="100">
        <v>0</v>
      </c>
      <c r="DB24" s="104">
        <v>318357</v>
      </c>
      <c r="DC24" s="104">
        <v>262576</v>
      </c>
      <c r="DD24" s="104">
        <v>226975</v>
      </c>
      <c r="DE24" s="104">
        <v>190064</v>
      </c>
      <c r="DF24" s="104">
        <v>133609</v>
      </c>
      <c r="DG24" s="103">
        <v>1131581</v>
      </c>
      <c r="DH24" s="106">
        <v>1268164</v>
      </c>
      <c r="DI24" s="100">
        <v>0</v>
      </c>
      <c r="DJ24" s="104">
        <v>16262</v>
      </c>
      <c r="DK24" s="102">
        <v>16262</v>
      </c>
      <c r="DL24" s="101">
        <v>0</v>
      </c>
      <c r="DM24" s="104">
        <v>68839</v>
      </c>
      <c r="DN24" s="104">
        <v>0</v>
      </c>
      <c r="DO24" s="104">
        <v>175799</v>
      </c>
      <c r="DP24" s="104">
        <v>142119</v>
      </c>
      <c r="DQ24" s="104">
        <v>193169</v>
      </c>
      <c r="DR24" s="103">
        <v>579926</v>
      </c>
      <c r="DS24" s="106">
        <v>596188</v>
      </c>
      <c r="DT24" s="100">
        <v>0</v>
      </c>
      <c r="DU24" s="104">
        <v>16262</v>
      </c>
      <c r="DV24" s="103">
        <v>16262</v>
      </c>
      <c r="DW24" s="100">
        <v>0</v>
      </c>
      <c r="DX24" s="104">
        <v>68839</v>
      </c>
      <c r="DY24" s="104">
        <v>0</v>
      </c>
      <c r="DZ24" s="104">
        <v>84406</v>
      </c>
      <c r="EA24" s="104">
        <v>24436</v>
      </c>
      <c r="EB24" s="104">
        <v>193169</v>
      </c>
      <c r="EC24" s="103">
        <v>370850</v>
      </c>
      <c r="ED24" s="106">
        <v>387112</v>
      </c>
      <c r="EE24" s="100">
        <v>0</v>
      </c>
      <c r="EF24" s="102">
        <v>0</v>
      </c>
      <c r="EG24" s="103">
        <v>0</v>
      </c>
      <c r="EH24" s="100">
        <v>0</v>
      </c>
      <c r="EI24" s="104">
        <v>0</v>
      </c>
      <c r="EJ24" s="104">
        <v>0</v>
      </c>
      <c r="EK24" s="104">
        <v>91393</v>
      </c>
      <c r="EL24" s="104">
        <v>117683</v>
      </c>
      <c r="EM24" s="104">
        <v>0</v>
      </c>
      <c r="EN24" s="102">
        <v>209076</v>
      </c>
      <c r="EO24" s="106">
        <v>209076</v>
      </c>
      <c r="EP24" s="100">
        <v>0</v>
      </c>
      <c r="EQ24" s="104">
        <v>0</v>
      </c>
      <c r="ER24" s="102">
        <v>0</v>
      </c>
      <c r="ES24" s="101">
        <v>0</v>
      </c>
      <c r="ET24" s="104">
        <v>0</v>
      </c>
      <c r="EU24" s="104">
        <v>0</v>
      </c>
      <c r="EV24" s="104">
        <v>0</v>
      </c>
      <c r="EW24" s="104">
        <v>0</v>
      </c>
      <c r="EX24" s="104">
        <v>0</v>
      </c>
      <c r="EY24" s="103">
        <v>0</v>
      </c>
      <c r="EZ24" s="106">
        <v>0</v>
      </c>
      <c r="FA24" s="100">
        <v>0</v>
      </c>
      <c r="FB24" s="104">
        <v>0</v>
      </c>
      <c r="FC24" s="102">
        <v>0</v>
      </c>
      <c r="FD24" s="324"/>
      <c r="FE24" s="104">
        <v>0</v>
      </c>
      <c r="FF24" s="104">
        <v>0</v>
      </c>
      <c r="FG24" s="104">
        <v>0</v>
      </c>
      <c r="FH24" s="104">
        <v>0</v>
      </c>
      <c r="FI24" s="104">
        <v>0</v>
      </c>
      <c r="FJ24" s="103">
        <v>0</v>
      </c>
      <c r="FK24" s="106">
        <v>0</v>
      </c>
      <c r="FL24" s="100">
        <v>16460</v>
      </c>
      <c r="FM24" s="104">
        <v>93306</v>
      </c>
      <c r="FN24" s="103">
        <v>109766</v>
      </c>
      <c r="FO24" s="100">
        <v>0</v>
      </c>
      <c r="FP24" s="104">
        <v>189777</v>
      </c>
      <c r="FQ24" s="104">
        <v>229327</v>
      </c>
      <c r="FR24" s="104">
        <v>224560</v>
      </c>
      <c r="FS24" s="104">
        <v>283871</v>
      </c>
      <c r="FT24" s="104">
        <v>186186</v>
      </c>
      <c r="FU24" s="103">
        <v>1113721</v>
      </c>
      <c r="FV24" s="106">
        <v>1223487</v>
      </c>
      <c r="FW24" s="105">
        <v>16460</v>
      </c>
      <c r="FX24" s="104">
        <v>25060</v>
      </c>
      <c r="FY24" s="102">
        <v>41520</v>
      </c>
      <c r="FZ24" s="101">
        <v>0</v>
      </c>
      <c r="GA24" s="104">
        <v>151585</v>
      </c>
      <c r="GB24" s="104">
        <v>209307</v>
      </c>
      <c r="GC24" s="104">
        <v>177590</v>
      </c>
      <c r="GD24" s="104">
        <v>283871</v>
      </c>
      <c r="GE24" s="104">
        <v>186186</v>
      </c>
      <c r="GF24" s="103">
        <v>1008539</v>
      </c>
      <c r="GG24" s="296">
        <v>1050059</v>
      </c>
      <c r="GH24" s="105">
        <v>0</v>
      </c>
      <c r="GI24" s="104">
        <v>24255</v>
      </c>
      <c r="GJ24" s="102">
        <v>24255</v>
      </c>
      <c r="GK24" s="101">
        <v>0</v>
      </c>
      <c r="GL24" s="104">
        <v>38192</v>
      </c>
      <c r="GM24" s="104">
        <v>20020</v>
      </c>
      <c r="GN24" s="104">
        <v>46970</v>
      </c>
      <c r="GO24" s="104">
        <v>0</v>
      </c>
      <c r="GP24" s="104">
        <v>0</v>
      </c>
      <c r="GQ24" s="103">
        <v>105182</v>
      </c>
      <c r="GR24" s="106">
        <v>129437</v>
      </c>
      <c r="GS24" s="100">
        <v>0</v>
      </c>
      <c r="GT24" s="104">
        <v>43991</v>
      </c>
      <c r="GU24" s="103">
        <v>43991</v>
      </c>
      <c r="GV24" s="100">
        <v>0</v>
      </c>
      <c r="GW24" s="104">
        <v>0</v>
      </c>
      <c r="GX24" s="104">
        <v>0</v>
      </c>
      <c r="GY24" s="104">
        <v>0</v>
      </c>
      <c r="GZ24" s="104">
        <v>0</v>
      </c>
      <c r="HA24" s="104">
        <v>0</v>
      </c>
      <c r="HB24" s="102">
        <v>0</v>
      </c>
      <c r="HC24" s="106">
        <v>43991</v>
      </c>
      <c r="HD24" s="100">
        <v>52272</v>
      </c>
      <c r="HE24" s="104">
        <v>163752</v>
      </c>
      <c r="HF24" s="102">
        <v>216024</v>
      </c>
      <c r="HG24" s="101">
        <v>0</v>
      </c>
      <c r="HH24" s="104">
        <v>705572</v>
      </c>
      <c r="HI24" s="104">
        <v>1668736</v>
      </c>
      <c r="HJ24" s="104">
        <v>1048789</v>
      </c>
      <c r="HK24" s="104">
        <v>393646</v>
      </c>
      <c r="HL24" s="104">
        <v>463043</v>
      </c>
      <c r="HM24" s="103">
        <v>4279786</v>
      </c>
      <c r="HN24" s="99">
        <v>4495810</v>
      </c>
      <c r="HO24" s="306"/>
      <c r="HP24" s="307"/>
      <c r="HQ24" s="308"/>
      <c r="HR24" s="309"/>
      <c r="HS24" s="307"/>
      <c r="HT24" s="307"/>
      <c r="HU24" s="307"/>
      <c r="HV24" s="307"/>
      <c r="HW24" s="307"/>
      <c r="HX24" s="310"/>
      <c r="HY24" s="311"/>
      <c r="HZ24" s="137">
        <v>0</v>
      </c>
      <c r="IA24" s="122">
        <v>0</v>
      </c>
      <c r="IB24" s="137">
        <v>0</v>
      </c>
      <c r="IC24" s="121">
        <v>0</v>
      </c>
      <c r="ID24" s="122">
        <v>326969</v>
      </c>
      <c r="IE24" s="123">
        <v>398030</v>
      </c>
      <c r="IF24" s="124">
        <v>1182645</v>
      </c>
      <c r="IG24" s="122">
        <v>477070</v>
      </c>
      <c r="IH24" s="124">
        <v>495747</v>
      </c>
      <c r="II24" s="125">
        <v>2880461</v>
      </c>
      <c r="IJ24" s="137">
        <v>2880461</v>
      </c>
      <c r="IK24" s="219">
        <v>0</v>
      </c>
      <c r="IL24" s="223">
        <v>0</v>
      </c>
      <c r="IM24" s="224">
        <v>0</v>
      </c>
      <c r="IN24" s="127"/>
      <c r="IO24" s="109">
        <v>0</v>
      </c>
      <c r="IP24" s="109">
        <v>97115</v>
      </c>
      <c r="IQ24" s="109">
        <v>0</v>
      </c>
      <c r="IR24" s="109">
        <v>359984</v>
      </c>
      <c r="IS24" s="109">
        <v>203637</v>
      </c>
      <c r="IT24" s="128">
        <v>660736</v>
      </c>
      <c r="IU24" s="298">
        <v>660736</v>
      </c>
      <c r="IV24" s="129">
        <v>0</v>
      </c>
      <c r="IW24" s="109">
        <v>0</v>
      </c>
      <c r="IX24" s="110">
        <v>0</v>
      </c>
      <c r="IY24" s="131"/>
      <c r="IZ24" s="109">
        <v>0</v>
      </c>
      <c r="JA24" s="109">
        <v>0</v>
      </c>
      <c r="JB24" s="109">
        <v>0</v>
      </c>
      <c r="JC24" s="109">
        <v>8913</v>
      </c>
      <c r="JD24" s="109">
        <v>0</v>
      </c>
      <c r="JE24" s="110">
        <v>8913</v>
      </c>
      <c r="JF24" s="111">
        <v>8913</v>
      </c>
      <c r="JG24" s="129">
        <v>0</v>
      </c>
      <c r="JH24" s="109">
        <v>0</v>
      </c>
      <c r="JI24" s="128">
        <v>0</v>
      </c>
      <c r="JJ24" s="108">
        <v>0</v>
      </c>
      <c r="JK24" s="109">
        <v>291943</v>
      </c>
      <c r="JL24" s="109">
        <v>195746</v>
      </c>
      <c r="JM24" s="109">
        <v>190758</v>
      </c>
      <c r="JN24" s="109">
        <v>108173</v>
      </c>
      <c r="JO24" s="109">
        <v>0</v>
      </c>
      <c r="JP24" s="110">
        <v>786620</v>
      </c>
      <c r="JQ24" s="298">
        <v>786620</v>
      </c>
      <c r="JR24" s="129">
        <v>0</v>
      </c>
      <c r="JS24" s="109">
        <v>0</v>
      </c>
      <c r="JT24" s="128">
        <v>0</v>
      </c>
      <c r="JU24" s="108">
        <v>0</v>
      </c>
      <c r="JV24" s="109">
        <v>35026</v>
      </c>
      <c r="JW24" s="109">
        <v>105169</v>
      </c>
      <c r="JX24" s="109">
        <v>0</v>
      </c>
      <c r="JY24" s="109">
        <v>0</v>
      </c>
      <c r="JZ24" s="109">
        <v>0</v>
      </c>
      <c r="KA24" s="110">
        <v>140195</v>
      </c>
      <c r="KB24" s="298">
        <v>140195</v>
      </c>
      <c r="KC24" s="221">
        <v>0</v>
      </c>
      <c r="KD24" s="217">
        <v>0</v>
      </c>
      <c r="KE24" s="110">
        <v>0</v>
      </c>
      <c r="KF24" s="108">
        <v>0</v>
      </c>
      <c r="KG24" s="109">
        <v>0</v>
      </c>
      <c r="KH24" s="109">
        <v>0</v>
      </c>
      <c r="KI24" s="109">
        <v>768539</v>
      </c>
      <c r="KJ24" s="109">
        <v>0</v>
      </c>
      <c r="KK24" s="109">
        <v>0</v>
      </c>
      <c r="KL24" s="110">
        <v>768539</v>
      </c>
      <c r="KM24" s="130">
        <v>768539</v>
      </c>
      <c r="KN24" s="219">
        <v>0</v>
      </c>
      <c r="KO24" s="223">
        <v>0</v>
      </c>
      <c r="KP24" s="224">
        <v>0</v>
      </c>
      <c r="KQ24" s="127"/>
      <c r="KR24" s="109">
        <v>0</v>
      </c>
      <c r="KS24" s="109">
        <v>0</v>
      </c>
      <c r="KT24" s="109">
        <v>223348</v>
      </c>
      <c r="KU24" s="109">
        <v>0</v>
      </c>
      <c r="KV24" s="109">
        <v>227064</v>
      </c>
      <c r="KW24" s="110">
        <v>450412</v>
      </c>
      <c r="KX24" s="298">
        <v>450412</v>
      </c>
      <c r="KY24" s="129">
        <v>0</v>
      </c>
      <c r="KZ24" s="109">
        <v>0</v>
      </c>
      <c r="LA24" s="110">
        <v>0</v>
      </c>
      <c r="LB24" s="132"/>
      <c r="LC24" s="109">
        <v>0</v>
      </c>
      <c r="LD24" s="109">
        <v>0</v>
      </c>
      <c r="LE24" s="109">
        <v>0</v>
      </c>
      <c r="LF24" s="109">
        <v>0</v>
      </c>
      <c r="LG24" s="109">
        <v>0</v>
      </c>
      <c r="LH24" s="110">
        <v>0</v>
      </c>
      <c r="LI24" s="111">
        <v>0</v>
      </c>
      <c r="LJ24" s="129">
        <v>0</v>
      </c>
      <c r="LK24" s="109">
        <v>0</v>
      </c>
      <c r="LL24" s="110">
        <v>0</v>
      </c>
      <c r="LM24" s="132"/>
      <c r="LN24" s="109">
        <v>0</v>
      </c>
      <c r="LO24" s="109">
        <v>0</v>
      </c>
      <c r="LP24" s="109">
        <v>0</v>
      </c>
      <c r="LQ24" s="109">
        <v>0</v>
      </c>
      <c r="LR24" s="109">
        <v>0</v>
      </c>
      <c r="LS24" s="110">
        <v>0</v>
      </c>
      <c r="LT24" s="298">
        <v>0</v>
      </c>
      <c r="LU24" s="129">
        <v>0</v>
      </c>
      <c r="LV24" s="109">
        <v>0</v>
      </c>
      <c r="LW24" s="110">
        <v>0</v>
      </c>
      <c r="LX24" s="132"/>
      <c r="LY24" s="109">
        <v>0</v>
      </c>
      <c r="LZ24" s="109">
        <v>0</v>
      </c>
      <c r="MA24" s="109">
        <v>0</v>
      </c>
      <c r="MB24" s="109">
        <v>0</v>
      </c>
      <c r="MC24" s="109">
        <v>65046</v>
      </c>
      <c r="MD24" s="110">
        <v>65046</v>
      </c>
      <c r="ME24" s="111">
        <v>65046</v>
      </c>
      <c r="MF24" s="129">
        <v>0</v>
      </c>
      <c r="MG24" s="109">
        <v>0</v>
      </c>
      <c r="MH24" s="110">
        <v>0</v>
      </c>
      <c r="MI24" s="132"/>
      <c r="MJ24" s="109">
        <v>0</v>
      </c>
      <c r="MK24" s="109">
        <v>726313</v>
      </c>
      <c r="ML24" s="109">
        <v>871542</v>
      </c>
      <c r="MM24" s="109">
        <v>1434863</v>
      </c>
      <c r="MN24" s="109">
        <v>779661</v>
      </c>
      <c r="MO24" s="110">
        <v>3812379</v>
      </c>
      <c r="MP24" s="130">
        <v>3812379</v>
      </c>
      <c r="MQ24" s="129">
        <v>0</v>
      </c>
      <c r="MR24" s="109">
        <v>0</v>
      </c>
      <c r="MS24" s="110">
        <v>0</v>
      </c>
      <c r="MT24" s="132"/>
      <c r="MU24" s="109">
        <v>0</v>
      </c>
      <c r="MV24" s="109">
        <v>0</v>
      </c>
      <c r="MW24" s="109">
        <v>408219</v>
      </c>
      <c r="MX24" s="109">
        <v>442944</v>
      </c>
      <c r="MY24" s="109">
        <v>492423</v>
      </c>
      <c r="MZ24" s="110">
        <v>1343586</v>
      </c>
      <c r="NA24" s="130">
        <v>1343586</v>
      </c>
      <c r="NB24" s="129">
        <v>0</v>
      </c>
      <c r="NC24" s="109">
        <v>0</v>
      </c>
      <c r="ND24" s="110">
        <v>0</v>
      </c>
      <c r="NE24" s="132"/>
      <c r="NF24" s="109">
        <v>0</v>
      </c>
      <c r="NG24" s="109">
        <v>726313</v>
      </c>
      <c r="NH24" s="109">
        <v>463323</v>
      </c>
      <c r="NI24" s="109">
        <v>991919</v>
      </c>
      <c r="NJ24" s="109">
        <v>287238</v>
      </c>
      <c r="NK24" s="110">
        <v>2468793</v>
      </c>
      <c r="NL24" s="298">
        <v>2468793</v>
      </c>
      <c r="NM24" s="129">
        <v>0</v>
      </c>
      <c r="NN24" s="109">
        <v>0</v>
      </c>
      <c r="NO24" s="110">
        <v>0</v>
      </c>
      <c r="NP24" s="132"/>
      <c r="NQ24" s="109">
        <v>0</v>
      </c>
      <c r="NR24" s="109">
        <v>0</v>
      </c>
      <c r="NS24" s="109">
        <v>0</v>
      </c>
      <c r="NT24" s="109">
        <v>0</v>
      </c>
      <c r="NU24" s="109">
        <v>0</v>
      </c>
      <c r="NV24" s="110">
        <v>0</v>
      </c>
      <c r="NW24" s="111">
        <v>0</v>
      </c>
      <c r="NX24" s="129">
        <v>0</v>
      </c>
      <c r="NY24" s="109">
        <v>0</v>
      </c>
      <c r="NZ24" s="110">
        <v>0</v>
      </c>
      <c r="OA24" s="132"/>
      <c r="OB24" s="109">
        <v>0</v>
      </c>
      <c r="OC24" s="109">
        <v>0</v>
      </c>
      <c r="OD24" s="109">
        <v>0</v>
      </c>
      <c r="OE24" s="109">
        <v>0</v>
      </c>
      <c r="OF24" s="109">
        <v>0</v>
      </c>
      <c r="OG24" s="110">
        <v>0</v>
      </c>
      <c r="OH24" s="111">
        <v>0</v>
      </c>
      <c r="OI24" s="129">
        <v>118296</v>
      </c>
      <c r="OJ24" s="109">
        <v>493439</v>
      </c>
      <c r="OK24" s="128">
        <v>611735</v>
      </c>
      <c r="OL24" s="108">
        <v>0</v>
      </c>
      <c r="OM24" s="109">
        <v>3177768</v>
      </c>
      <c r="ON24" s="109">
        <v>4802946</v>
      </c>
      <c r="OO24" s="109">
        <v>4621747</v>
      </c>
      <c r="OP24" s="109">
        <v>4059759</v>
      </c>
      <c r="OQ24" s="109">
        <v>3510268</v>
      </c>
      <c r="OR24" s="110">
        <v>20172488</v>
      </c>
      <c r="OS24" s="130">
        <v>20784223</v>
      </c>
    </row>
    <row r="25" spans="2:409" ht="21" customHeight="1" x14ac:dyDescent="0.2">
      <c r="B25" s="472" t="s">
        <v>20</v>
      </c>
      <c r="C25" s="100">
        <v>281388</v>
      </c>
      <c r="D25" s="104">
        <v>615636</v>
      </c>
      <c r="E25" s="103">
        <v>897024</v>
      </c>
      <c r="F25" s="100">
        <v>0</v>
      </c>
      <c r="G25" s="104">
        <v>2352110</v>
      </c>
      <c r="H25" s="104">
        <v>3809900</v>
      </c>
      <c r="I25" s="104">
        <v>3691236</v>
      </c>
      <c r="J25" s="104">
        <v>3541058</v>
      </c>
      <c r="K25" s="104">
        <v>2373892</v>
      </c>
      <c r="L25" s="160">
        <v>15768196</v>
      </c>
      <c r="M25" s="106">
        <v>16665220</v>
      </c>
      <c r="N25" s="100">
        <v>82719</v>
      </c>
      <c r="O25" s="104">
        <v>180476</v>
      </c>
      <c r="P25" s="103">
        <v>263195</v>
      </c>
      <c r="Q25" s="100">
        <v>0</v>
      </c>
      <c r="R25" s="104">
        <v>971140</v>
      </c>
      <c r="S25" s="104">
        <v>1113143</v>
      </c>
      <c r="T25" s="104">
        <v>1055077</v>
      </c>
      <c r="U25" s="104">
        <v>1108008</v>
      </c>
      <c r="V25" s="104">
        <v>914241</v>
      </c>
      <c r="W25" s="103">
        <v>5161609</v>
      </c>
      <c r="X25" s="106">
        <v>5424804</v>
      </c>
      <c r="Y25" s="100">
        <v>0</v>
      </c>
      <c r="Z25" s="104">
        <v>0</v>
      </c>
      <c r="AA25" s="103">
        <v>0</v>
      </c>
      <c r="AB25" s="100">
        <v>0</v>
      </c>
      <c r="AC25" s="104">
        <v>323828</v>
      </c>
      <c r="AD25" s="104">
        <v>373221</v>
      </c>
      <c r="AE25" s="104">
        <v>429287</v>
      </c>
      <c r="AF25" s="104">
        <v>560887</v>
      </c>
      <c r="AG25" s="104">
        <v>192412</v>
      </c>
      <c r="AH25" s="103">
        <v>1879635</v>
      </c>
      <c r="AI25" s="106">
        <v>1879635</v>
      </c>
      <c r="AJ25" s="100">
        <v>0</v>
      </c>
      <c r="AK25" s="104">
        <v>0</v>
      </c>
      <c r="AL25" s="103">
        <v>0</v>
      </c>
      <c r="AM25" s="100">
        <v>0</v>
      </c>
      <c r="AN25" s="104">
        <v>31095</v>
      </c>
      <c r="AO25" s="104">
        <v>51818</v>
      </c>
      <c r="AP25" s="104">
        <v>0</v>
      </c>
      <c r="AQ25" s="104">
        <v>133585</v>
      </c>
      <c r="AR25" s="104">
        <v>192610</v>
      </c>
      <c r="AS25" s="103">
        <v>409108</v>
      </c>
      <c r="AT25" s="106">
        <v>409108</v>
      </c>
      <c r="AU25" s="100">
        <v>25312</v>
      </c>
      <c r="AV25" s="104">
        <v>79459</v>
      </c>
      <c r="AW25" s="103">
        <v>104771</v>
      </c>
      <c r="AX25" s="100">
        <v>0</v>
      </c>
      <c r="AY25" s="104">
        <v>370082</v>
      </c>
      <c r="AZ25" s="104">
        <v>367045</v>
      </c>
      <c r="BA25" s="104">
        <v>404272</v>
      </c>
      <c r="BB25" s="104">
        <v>278331</v>
      </c>
      <c r="BC25" s="104">
        <v>388197</v>
      </c>
      <c r="BD25" s="103">
        <v>1807927</v>
      </c>
      <c r="BE25" s="106">
        <v>1912698</v>
      </c>
      <c r="BF25" s="100">
        <v>0</v>
      </c>
      <c r="BG25" s="104">
        <v>96404</v>
      </c>
      <c r="BH25" s="102">
        <v>96404</v>
      </c>
      <c r="BI25" s="101">
        <v>0</v>
      </c>
      <c r="BJ25" s="104">
        <v>109159</v>
      </c>
      <c r="BK25" s="104">
        <v>200281</v>
      </c>
      <c r="BL25" s="104">
        <v>77073</v>
      </c>
      <c r="BM25" s="104">
        <v>32837</v>
      </c>
      <c r="BN25" s="104">
        <v>31906</v>
      </c>
      <c r="BO25" s="103">
        <v>451256</v>
      </c>
      <c r="BP25" s="106">
        <v>547660</v>
      </c>
      <c r="BQ25" s="100">
        <v>57407</v>
      </c>
      <c r="BR25" s="104">
        <v>4613</v>
      </c>
      <c r="BS25" s="103">
        <v>62020</v>
      </c>
      <c r="BT25" s="100">
        <v>0</v>
      </c>
      <c r="BU25" s="104">
        <v>136976</v>
      </c>
      <c r="BV25" s="104">
        <v>120778</v>
      </c>
      <c r="BW25" s="104">
        <v>144445</v>
      </c>
      <c r="BX25" s="104">
        <v>102368</v>
      </c>
      <c r="BY25" s="104">
        <v>109116</v>
      </c>
      <c r="BZ25" s="103">
        <v>613683</v>
      </c>
      <c r="CA25" s="106">
        <v>675703</v>
      </c>
      <c r="CB25" s="100">
        <v>0</v>
      </c>
      <c r="CC25" s="104">
        <v>139161</v>
      </c>
      <c r="CD25" s="103">
        <v>139161</v>
      </c>
      <c r="CE25" s="100">
        <v>0</v>
      </c>
      <c r="CF25" s="104">
        <v>695293</v>
      </c>
      <c r="CG25" s="104">
        <v>1688707</v>
      </c>
      <c r="CH25" s="104">
        <v>1144369</v>
      </c>
      <c r="CI25" s="104">
        <v>531596</v>
      </c>
      <c r="CJ25" s="104">
        <v>719061</v>
      </c>
      <c r="CK25" s="103">
        <v>4779026</v>
      </c>
      <c r="CL25" s="106">
        <v>4918187</v>
      </c>
      <c r="CM25" s="100">
        <v>0</v>
      </c>
      <c r="CN25" s="104">
        <v>0</v>
      </c>
      <c r="CO25" s="103">
        <v>0</v>
      </c>
      <c r="CP25" s="101">
        <v>0</v>
      </c>
      <c r="CQ25" s="104">
        <v>507331</v>
      </c>
      <c r="CR25" s="104">
        <v>1256688</v>
      </c>
      <c r="CS25" s="104">
        <v>905136</v>
      </c>
      <c r="CT25" s="104">
        <v>321014</v>
      </c>
      <c r="CU25" s="104">
        <v>554049</v>
      </c>
      <c r="CV25" s="103">
        <v>3544218</v>
      </c>
      <c r="CW25" s="106">
        <v>3544218</v>
      </c>
      <c r="CX25" s="100">
        <v>0</v>
      </c>
      <c r="CY25" s="104">
        <v>139161</v>
      </c>
      <c r="CZ25" s="103">
        <v>139161</v>
      </c>
      <c r="DA25" s="100">
        <v>0</v>
      </c>
      <c r="DB25" s="104">
        <v>187962</v>
      </c>
      <c r="DC25" s="104">
        <v>432019</v>
      </c>
      <c r="DD25" s="104">
        <v>239233</v>
      </c>
      <c r="DE25" s="104">
        <v>210582</v>
      </c>
      <c r="DF25" s="104">
        <v>165012</v>
      </c>
      <c r="DG25" s="103">
        <v>1234808</v>
      </c>
      <c r="DH25" s="106">
        <v>1373969</v>
      </c>
      <c r="DI25" s="100">
        <v>0</v>
      </c>
      <c r="DJ25" s="104">
        <v>0</v>
      </c>
      <c r="DK25" s="102">
        <v>0</v>
      </c>
      <c r="DL25" s="101">
        <v>0</v>
      </c>
      <c r="DM25" s="104">
        <v>255598</v>
      </c>
      <c r="DN25" s="104">
        <v>55255</v>
      </c>
      <c r="DO25" s="104">
        <v>644984</v>
      </c>
      <c r="DP25" s="104">
        <v>601767</v>
      </c>
      <c r="DQ25" s="104">
        <v>45278</v>
      </c>
      <c r="DR25" s="103">
        <v>1602882</v>
      </c>
      <c r="DS25" s="106">
        <v>1602882</v>
      </c>
      <c r="DT25" s="100">
        <v>0</v>
      </c>
      <c r="DU25" s="104">
        <v>0</v>
      </c>
      <c r="DV25" s="103">
        <v>0</v>
      </c>
      <c r="DW25" s="100">
        <v>0</v>
      </c>
      <c r="DX25" s="104">
        <v>255598</v>
      </c>
      <c r="DY25" s="104">
        <v>55255</v>
      </c>
      <c r="DZ25" s="104">
        <v>644984</v>
      </c>
      <c r="EA25" s="104">
        <v>575436</v>
      </c>
      <c r="EB25" s="104">
        <v>45278</v>
      </c>
      <c r="EC25" s="103">
        <v>1576551</v>
      </c>
      <c r="ED25" s="106">
        <v>1576551</v>
      </c>
      <c r="EE25" s="100">
        <v>0</v>
      </c>
      <c r="EF25" s="102">
        <v>0</v>
      </c>
      <c r="EG25" s="103">
        <v>0</v>
      </c>
      <c r="EH25" s="100">
        <v>0</v>
      </c>
      <c r="EI25" s="104">
        <v>0</v>
      </c>
      <c r="EJ25" s="104">
        <v>0</v>
      </c>
      <c r="EK25" s="104">
        <v>0</v>
      </c>
      <c r="EL25" s="104">
        <v>26331</v>
      </c>
      <c r="EM25" s="104">
        <v>0</v>
      </c>
      <c r="EN25" s="102">
        <v>26331</v>
      </c>
      <c r="EO25" s="106">
        <v>26331</v>
      </c>
      <c r="EP25" s="100">
        <v>0</v>
      </c>
      <c r="EQ25" s="104">
        <v>0</v>
      </c>
      <c r="ER25" s="102">
        <v>0</v>
      </c>
      <c r="ES25" s="101">
        <v>0</v>
      </c>
      <c r="ET25" s="104">
        <v>0</v>
      </c>
      <c r="EU25" s="104">
        <v>0</v>
      </c>
      <c r="EV25" s="104">
        <v>0</v>
      </c>
      <c r="EW25" s="104">
        <v>0</v>
      </c>
      <c r="EX25" s="104">
        <v>0</v>
      </c>
      <c r="EY25" s="103">
        <v>0</v>
      </c>
      <c r="EZ25" s="106">
        <v>0</v>
      </c>
      <c r="FA25" s="100">
        <v>0</v>
      </c>
      <c r="FB25" s="104">
        <v>0</v>
      </c>
      <c r="FC25" s="102">
        <v>0</v>
      </c>
      <c r="FD25" s="324"/>
      <c r="FE25" s="104">
        <v>0</v>
      </c>
      <c r="FF25" s="104">
        <v>0</v>
      </c>
      <c r="FG25" s="104">
        <v>0</v>
      </c>
      <c r="FH25" s="104">
        <v>0</v>
      </c>
      <c r="FI25" s="104">
        <v>0</v>
      </c>
      <c r="FJ25" s="103">
        <v>0</v>
      </c>
      <c r="FK25" s="106">
        <v>0</v>
      </c>
      <c r="FL25" s="100">
        <v>44471</v>
      </c>
      <c r="FM25" s="104">
        <v>217014</v>
      </c>
      <c r="FN25" s="103">
        <v>261485</v>
      </c>
      <c r="FO25" s="100">
        <v>0</v>
      </c>
      <c r="FP25" s="104">
        <v>146942</v>
      </c>
      <c r="FQ25" s="104">
        <v>300188</v>
      </c>
      <c r="FR25" s="104">
        <v>327019</v>
      </c>
      <c r="FS25" s="104">
        <v>380989</v>
      </c>
      <c r="FT25" s="104">
        <v>216958</v>
      </c>
      <c r="FU25" s="103">
        <v>1372096</v>
      </c>
      <c r="FV25" s="106">
        <v>1633581</v>
      </c>
      <c r="FW25" s="105">
        <v>44471</v>
      </c>
      <c r="FX25" s="104">
        <v>171514</v>
      </c>
      <c r="FY25" s="102">
        <v>215985</v>
      </c>
      <c r="FZ25" s="101">
        <v>0</v>
      </c>
      <c r="GA25" s="104">
        <v>146942</v>
      </c>
      <c r="GB25" s="104">
        <v>300188</v>
      </c>
      <c r="GC25" s="104">
        <v>265489</v>
      </c>
      <c r="GD25" s="104">
        <v>380989</v>
      </c>
      <c r="GE25" s="104">
        <v>216958</v>
      </c>
      <c r="GF25" s="103">
        <v>1310566</v>
      </c>
      <c r="GG25" s="296">
        <v>1526551</v>
      </c>
      <c r="GH25" s="105">
        <v>0</v>
      </c>
      <c r="GI25" s="104">
        <v>0</v>
      </c>
      <c r="GJ25" s="102">
        <v>0</v>
      </c>
      <c r="GK25" s="101">
        <v>0</v>
      </c>
      <c r="GL25" s="104">
        <v>0</v>
      </c>
      <c r="GM25" s="104">
        <v>0</v>
      </c>
      <c r="GN25" s="104">
        <v>61530</v>
      </c>
      <c r="GO25" s="104">
        <v>0</v>
      </c>
      <c r="GP25" s="104">
        <v>0</v>
      </c>
      <c r="GQ25" s="103">
        <v>61530</v>
      </c>
      <c r="GR25" s="106">
        <v>61530</v>
      </c>
      <c r="GS25" s="100">
        <v>0</v>
      </c>
      <c r="GT25" s="104">
        <v>45500</v>
      </c>
      <c r="GU25" s="103">
        <v>45500</v>
      </c>
      <c r="GV25" s="100">
        <v>0</v>
      </c>
      <c r="GW25" s="104">
        <v>0</v>
      </c>
      <c r="GX25" s="104">
        <v>0</v>
      </c>
      <c r="GY25" s="104">
        <v>0</v>
      </c>
      <c r="GZ25" s="104">
        <v>0</v>
      </c>
      <c r="HA25" s="104">
        <v>0</v>
      </c>
      <c r="HB25" s="102">
        <v>0</v>
      </c>
      <c r="HC25" s="106">
        <v>45500</v>
      </c>
      <c r="HD25" s="100">
        <v>154198</v>
      </c>
      <c r="HE25" s="104">
        <v>78985</v>
      </c>
      <c r="HF25" s="102">
        <v>233183</v>
      </c>
      <c r="HG25" s="101">
        <v>0</v>
      </c>
      <c r="HH25" s="104">
        <v>283137</v>
      </c>
      <c r="HI25" s="104">
        <v>652607</v>
      </c>
      <c r="HJ25" s="104">
        <v>519787</v>
      </c>
      <c r="HK25" s="104">
        <v>918698</v>
      </c>
      <c r="HL25" s="104">
        <v>478354</v>
      </c>
      <c r="HM25" s="103">
        <v>2852583</v>
      </c>
      <c r="HN25" s="99">
        <v>3085766</v>
      </c>
      <c r="HO25" s="306"/>
      <c r="HP25" s="307"/>
      <c r="HQ25" s="308"/>
      <c r="HR25" s="309"/>
      <c r="HS25" s="307"/>
      <c r="HT25" s="307"/>
      <c r="HU25" s="307"/>
      <c r="HV25" s="307"/>
      <c r="HW25" s="307"/>
      <c r="HX25" s="310"/>
      <c r="HY25" s="311"/>
      <c r="HZ25" s="118">
        <v>0</v>
      </c>
      <c r="IA25" s="119">
        <v>0</v>
      </c>
      <c r="IB25" s="120">
        <v>0</v>
      </c>
      <c r="IC25" s="133">
        <v>0</v>
      </c>
      <c r="ID25" s="119">
        <v>670875</v>
      </c>
      <c r="IE25" s="134">
        <v>551664</v>
      </c>
      <c r="IF25" s="120">
        <v>663783</v>
      </c>
      <c r="IG25" s="119">
        <v>0</v>
      </c>
      <c r="IH25" s="120">
        <v>242543</v>
      </c>
      <c r="II25" s="135">
        <v>2128865</v>
      </c>
      <c r="IJ25" s="126">
        <v>2128865</v>
      </c>
      <c r="IK25" s="219">
        <v>0</v>
      </c>
      <c r="IL25" s="223">
        <v>0</v>
      </c>
      <c r="IM25" s="224">
        <v>0</v>
      </c>
      <c r="IN25" s="127"/>
      <c r="IO25" s="109">
        <v>0</v>
      </c>
      <c r="IP25" s="109">
        <v>84598</v>
      </c>
      <c r="IQ25" s="109">
        <v>0</v>
      </c>
      <c r="IR25" s="109">
        <v>0</v>
      </c>
      <c r="IS25" s="109">
        <v>0</v>
      </c>
      <c r="IT25" s="128">
        <v>84598</v>
      </c>
      <c r="IU25" s="298">
        <v>84598</v>
      </c>
      <c r="IV25" s="129">
        <v>0</v>
      </c>
      <c r="IW25" s="109">
        <v>0</v>
      </c>
      <c r="IX25" s="110">
        <v>0</v>
      </c>
      <c r="IY25" s="131"/>
      <c r="IZ25" s="109">
        <v>0</v>
      </c>
      <c r="JA25" s="109">
        <v>0</v>
      </c>
      <c r="JB25" s="109">
        <v>0</v>
      </c>
      <c r="JC25" s="109">
        <v>0</v>
      </c>
      <c r="JD25" s="109">
        <v>0</v>
      </c>
      <c r="JE25" s="110">
        <v>0</v>
      </c>
      <c r="JF25" s="111">
        <v>0</v>
      </c>
      <c r="JG25" s="129">
        <v>0</v>
      </c>
      <c r="JH25" s="109">
        <v>0</v>
      </c>
      <c r="JI25" s="128">
        <v>0</v>
      </c>
      <c r="JJ25" s="108">
        <v>0</v>
      </c>
      <c r="JK25" s="109">
        <v>70935</v>
      </c>
      <c r="JL25" s="109">
        <v>248139</v>
      </c>
      <c r="JM25" s="109">
        <v>10313</v>
      </c>
      <c r="JN25" s="109">
        <v>0</v>
      </c>
      <c r="JO25" s="109">
        <v>0</v>
      </c>
      <c r="JP25" s="110">
        <v>329387</v>
      </c>
      <c r="JQ25" s="298">
        <v>329387</v>
      </c>
      <c r="JR25" s="129">
        <v>0</v>
      </c>
      <c r="JS25" s="109">
        <v>0</v>
      </c>
      <c r="JT25" s="128">
        <v>0</v>
      </c>
      <c r="JU25" s="108">
        <v>0</v>
      </c>
      <c r="JV25" s="109">
        <v>0</v>
      </c>
      <c r="JW25" s="109">
        <v>0</v>
      </c>
      <c r="JX25" s="109">
        <v>0</v>
      </c>
      <c r="JY25" s="109">
        <v>0</v>
      </c>
      <c r="JZ25" s="109">
        <v>0</v>
      </c>
      <c r="KA25" s="110">
        <v>0</v>
      </c>
      <c r="KB25" s="298">
        <v>0</v>
      </c>
      <c r="KC25" s="221">
        <v>0</v>
      </c>
      <c r="KD25" s="217">
        <v>0</v>
      </c>
      <c r="KE25" s="110">
        <v>0</v>
      </c>
      <c r="KF25" s="108">
        <v>0</v>
      </c>
      <c r="KG25" s="109">
        <v>180355</v>
      </c>
      <c r="KH25" s="109">
        <v>0</v>
      </c>
      <c r="KI25" s="109">
        <v>200891</v>
      </c>
      <c r="KJ25" s="109">
        <v>0</v>
      </c>
      <c r="KK25" s="109">
        <v>0</v>
      </c>
      <c r="KL25" s="110">
        <v>381246</v>
      </c>
      <c r="KM25" s="130">
        <v>381246</v>
      </c>
      <c r="KN25" s="219">
        <v>0</v>
      </c>
      <c r="KO25" s="223">
        <v>0</v>
      </c>
      <c r="KP25" s="224">
        <v>0</v>
      </c>
      <c r="KQ25" s="127"/>
      <c r="KR25" s="109">
        <v>419585</v>
      </c>
      <c r="KS25" s="109">
        <v>218927</v>
      </c>
      <c r="KT25" s="109">
        <v>452579</v>
      </c>
      <c r="KU25" s="109">
        <v>0</v>
      </c>
      <c r="KV25" s="109">
        <v>242543</v>
      </c>
      <c r="KW25" s="110">
        <v>1333634</v>
      </c>
      <c r="KX25" s="298">
        <v>1333634</v>
      </c>
      <c r="KY25" s="129">
        <v>0</v>
      </c>
      <c r="KZ25" s="109">
        <v>0</v>
      </c>
      <c r="LA25" s="110">
        <v>0</v>
      </c>
      <c r="LB25" s="132"/>
      <c r="LC25" s="109">
        <v>0</v>
      </c>
      <c r="LD25" s="109">
        <v>0</v>
      </c>
      <c r="LE25" s="109">
        <v>0</v>
      </c>
      <c r="LF25" s="109">
        <v>0</v>
      </c>
      <c r="LG25" s="109">
        <v>0</v>
      </c>
      <c r="LH25" s="110">
        <v>0</v>
      </c>
      <c r="LI25" s="111">
        <v>0</v>
      </c>
      <c r="LJ25" s="129">
        <v>0</v>
      </c>
      <c r="LK25" s="109">
        <v>0</v>
      </c>
      <c r="LL25" s="110">
        <v>0</v>
      </c>
      <c r="LM25" s="132"/>
      <c r="LN25" s="109">
        <v>0</v>
      </c>
      <c r="LO25" s="109">
        <v>0</v>
      </c>
      <c r="LP25" s="109">
        <v>0</v>
      </c>
      <c r="LQ25" s="109">
        <v>0</v>
      </c>
      <c r="LR25" s="109">
        <v>0</v>
      </c>
      <c r="LS25" s="110">
        <v>0</v>
      </c>
      <c r="LT25" s="298">
        <v>0</v>
      </c>
      <c r="LU25" s="129">
        <v>0</v>
      </c>
      <c r="LV25" s="109">
        <v>0</v>
      </c>
      <c r="LW25" s="110">
        <v>0</v>
      </c>
      <c r="LX25" s="132"/>
      <c r="LY25" s="109">
        <v>0</v>
      </c>
      <c r="LZ25" s="109">
        <v>0</v>
      </c>
      <c r="MA25" s="109">
        <v>0</v>
      </c>
      <c r="MB25" s="109">
        <v>0</v>
      </c>
      <c r="MC25" s="109">
        <v>0</v>
      </c>
      <c r="MD25" s="110">
        <v>0</v>
      </c>
      <c r="ME25" s="111">
        <v>0</v>
      </c>
      <c r="MF25" s="129">
        <v>0</v>
      </c>
      <c r="MG25" s="109">
        <v>0</v>
      </c>
      <c r="MH25" s="110">
        <v>0</v>
      </c>
      <c r="MI25" s="132"/>
      <c r="MJ25" s="109">
        <v>398978</v>
      </c>
      <c r="MK25" s="109">
        <v>468397</v>
      </c>
      <c r="ML25" s="109">
        <v>320477</v>
      </c>
      <c r="MM25" s="109">
        <v>3183179</v>
      </c>
      <c r="MN25" s="109">
        <v>1897519</v>
      </c>
      <c r="MO25" s="110">
        <v>6268550</v>
      </c>
      <c r="MP25" s="130">
        <v>6268550</v>
      </c>
      <c r="MQ25" s="129">
        <v>0</v>
      </c>
      <c r="MR25" s="109">
        <v>0</v>
      </c>
      <c r="MS25" s="110">
        <v>0</v>
      </c>
      <c r="MT25" s="132"/>
      <c r="MU25" s="109">
        <v>0</v>
      </c>
      <c r="MV25" s="109">
        <v>219398</v>
      </c>
      <c r="MW25" s="109">
        <v>320477</v>
      </c>
      <c r="MX25" s="109">
        <v>2200982</v>
      </c>
      <c r="MY25" s="109">
        <v>1696661</v>
      </c>
      <c r="MZ25" s="110">
        <v>4437518</v>
      </c>
      <c r="NA25" s="130">
        <v>4437518</v>
      </c>
      <c r="NB25" s="129">
        <v>0</v>
      </c>
      <c r="NC25" s="109">
        <v>0</v>
      </c>
      <c r="ND25" s="110">
        <v>0</v>
      </c>
      <c r="NE25" s="132"/>
      <c r="NF25" s="109">
        <v>398978</v>
      </c>
      <c r="NG25" s="109">
        <v>248999</v>
      </c>
      <c r="NH25" s="109">
        <v>0</v>
      </c>
      <c r="NI25" s="109">
        <v>982197</v>
      </c>
      <c r="NJ25" s="109">
        <v>200858</v>
      </c>
      <c r="NK25" s="110">
        <v>1831032</v>
      </c>
      <c r="NL25" s="298">
        <v>1831032</v>
      </c>
      <c r="NM25" s="129">
        <v>0</v>
      </c>
      <c r="NN25" s="109">
        <v>0</v>
      </c>
      <c r="NO25" s="110">
        <v>0</v>
      </c>
      <c r="NP25" s="132"/>
      <c r="NQ25" s="109">
        <v>0</v>
      </c>
      <c r="NR25" s="109">
        <v>0</v>
      </c>
      <c r="NS25" s="109">
        <v>0</v>
      </c>
      <c r="NT25" s="109">
        <v>0</v>
      </c>
      <c r="NU25" s="109">
        <v>0</v>
      </c>
      <c r="NV25" s="110">
        <v>0</v>
      </c>
      <c r="NW25" s="111">
        <v>0</v>
      </c>
      <c r="NX25" s="129">
        <v>0</v>
      </c>
      <c r="NY25" s="109">
        <v>0</v>
      </c>
      <c r="NZ25" s="110">
        <v>0</v>
      </c>
      <c r="OA25" s="132"/>
      <c r="OB25" s="109">
        <v>0</v>
      </c>
      <c r="OC25" s="109">
        <v>0</v>
      </c>
      <c r="OD25" s="109">
        <v>0</v>
      </c>
      <c r="OE25" s="109">
        <v>0</v>
      </c>
      <c r="OF25" s="109">
        <v>0</v>
      </c>
      <c r="OG25" s="110">
        <v>0</v>
      </c>
      <c r="OH25" s="111">
        <v>0</v>
      </c>
      <c r="OI25" s="129">
        <v>281388</v>
      </c>
      <c r="OJ25" s="109">
        <v>615636</v>
      </c>
      <c r="OK25" s="128">
        <v>897024</v>
      </c>
      <c r="OL25" s="108">
        <v>0</v>
      </c>
      <c r="OM25" s="109">
        <v>3421963</v>
      </c>
      <c r="ON25" s="109">
        <v>4829961</v>
      </c>
      <c r="OO25" s="109">
        <v>4675496</v>
      </c>
      <c r="OP25" s="109">
        <v>6724237</v>
      </c>
      <c r="OQ25" s="109">
        <v>4513954</v>
      </c>
      <c r="OR25" s="110">
        <v>24165611</v>
      </c>
      <c r="OS25" s="130">
        <v>25062635</v>
      </c>
    </row>
    <row r="26" spans="2:409" ht="21" customHeight="1" x14ac:dyDescent="0.2">
      <c r="B26" s="472" t="s">
        <v>21</v>
      </c>
      <c r="C26" s="100">
        <v>207684</v>
      </c>
      <c r="D26" s="104">
        <v>474917</v>
      </c>
      <c r="E26" s="103">
        <v>682601</v>
      </c>
      <c r="F26" s="99">
        <v>0</v>
      </c>
      <c r="G26" s="104">
        <v>3169727</v>
      </c>
      <c r="H26" s="104">
        <v>4342439</v>
      </c>
      <c r="I26" s="104">
        <v>3152554</v>
      </c>
      <c r="J26" s="104">
        <v>2427616</v>
      </c>
      <c r="K26" s="104">
        <v>2198264</v>
      </c>
      <c r="L26" s="160">
        <v>15290600</v>
      </c>
      <c r="M26" s="106">
        <v>15973201</v>
      </c>
      <c r="N26" s="100">
        <v>68679</v>
      </c>
      <c r="O26" s="104">
        <v>79886</v>
      </c>
      <c r="P26" s="103">
        <v>148565</v>
      </c>
      <c r="Q26" s="100">
        <v>0</v>
      </c>
      <c r="R26" s="104">
        <v>1247036</v>
      </c>
      <c r="S26" s="104">
        <v>1930329</v>
      </c>
      <c r="T26" s="104">
        <v>1074422</v>
      </c>
      <c r="U26" s="104">
        <v>908873</v>
      </c>
      <c r="V26" s="104">
        <v>1709962</v>
      </c>
      <c r="W26" s="103">
        <v>6870622</v>
      </c>
      <c r="X26" s="106">
        <v>7019187</v>
      </c>
      <c r="Y26" s="100">
        <v>0</v>
      </c>
      <c r="Z26" s="104">
        <v>0</v>
      </c>
      <c r="AA26" s="103">
        <v>0</v>
      </c>
      <c r="AB26" s="100">
        <v>0</v>
      </c>
      <c r="AC26" s="104">
        <v>440226</v>
      </c>
      <c r="AD26" s="104">
        <v>1187196</v>
      </c>
      <c r="AE26" s="104">
        <v>562183</v>
      </c>
      <c r="AF26" s="104">
        <v>615594</v>
      </c>
      <c r="AG26" s="104">
        <v>1142690</v>
      </c>
      <c r="AH26" s="103">
        <v>3947889</v>
      </c>
      <c r="AI26" s="106">
        <v>3947889</v>
      </c>
      <c r="AJ26" s="100">
        <v>0</v>
      </c>
      <c r="AK26" s="104">
        <v>0</v>
      </c>
      <c r="AL26" s="103">
        <v>0</v>
      </c>
      <c r="AM26" s="100">
        <v>0</v>
      </c>
      <c r="AN26" s="104">
        <v>0</v>
      </c>
      <c r="AO26" s="104">
        <v>0</v>
      </c>
      <c r="AP26" s="104">
        <v>0</v>
      </c>
      <c r="AQ26" s="104">
        <v>0</v>
      </c>
      <c r="AR26" s="104">
        <v>124624</v>
      </c>
      <c r="AS26" s="103">
        <v>124624</v>
      </c>
      <c r="AT26" s="106">
        <v>124624</v>
      </c>
      <c r="AU26" s="100">
        <v>16837</v>
      </c>
      <c r="AV26" s="104">
        <v>37284</v>
      </c>
      <c r="AW26" s="103">
        <v>54121</v>
      </c>
      <c r="AX26" s="100">
        <v>0</v>
      </c>
      <c r="AY26" s="104">
        <v>484426</v>
      </c>
      <c r="AZ26" s="104">
        <v>427701</v>
      </c>
      <c r="BA26" s="104">
        <v>320049</v>
      </c>
      <c r="BB26" s="104">
        <v>134890</v>
      </c>
      <c r="BC26" s="104">
        <v>360503</v>
      </c>
      <c r="BD26" s="103">
        <v>1727569</v>
      </c>
      <c r="BE26" s="106">
        <v>1781690</v>
      </c>
      <c r="BF26" s="100">
        <v>0</v>
      </c>
      <c r="BG26" s="104">
        <v>0</v>
      </c>
      <c r="BH26" s="102">
        <v>0</v>
      </c>
      <c r="BI26" s="101">
        <v>0</v>
      </c>
      <c r="BJ26" s="104">
        <v>131599</v>
      </c>
      <c r="BK26" s="104">
        <v>31806</v>
      </c>
      <c r="BL26" s="104">
        <v>46303</v>
      </c>
      <c r="BM26" s="104">
        <v>4578</v>
      </c>
      <c r="BN26" s="104">
        <v>0</v>
      </c>
      <c r="BO26" s="103">
        <v>214286</v>
      </c>
      <c r="BP26" s="106">
        <v>214286</v>
      </c>
      <c r="BQ26" s="100">
        <v>51842</v>
      </c>
      <c r="BR26" s="104">
        <v>42602</v>
      </c>
      <c r="BS26" s="103">
        <v>94444</v>
      </c>
      <c r="BT26" s="100">
        <v>0</v>
      </c>
      <c r="BU26" s="104">
        <v>190785</v>
      </c>
      <c r="BV26" s="104">
        <v>283626</v>
      </c>
      <c r="BW26" s="104">
        <v>145887</v>
      </c>
      <c r="BX26" s="104">
        <v>153811</v>
      </c>
      <c r="BY26" s="104">
        <v>82145</v>
      </c>
      <c r="BZ26" s="103">
        <v>856254</v>
      </c>
      <c r="CA26" s="106">
        <v>950698</v>
      </c>
      <c r="CB26" s="100">
        <v>0</v>
      </c>
      <c r="CC26" s="104">
        <v>67962</v>
      </c>
      <c r="CD26" s="103">
        <v>67962</v>
      </c>
      <c r="CE26" s="100">
        <v>0</v>
      </c>
      <c r="CF26" s="104">
        <v>904352</v>
      </c>
      <c r="CG26" s="104">
        <v>1010344</v>
      </c>
      <c r="CH26" s="104">
        <v>488416</v>
      </c>
      <c r="CI26" s="104">
        <v>459599</v>
      </c>
      <c r="CJ26" s="104">
        <v>163247</v>
      </c>
      <c r="CK26" s="103">
        <v>3025958</v>
      </c>
      <c r="CL26" s="106">
        <v>3093920</v>
      </c>
      <c r="CM26" s="100">
        <v>0</v>
      </c>
      <c r="CN26" s="104">
        <v>0</v>
      </c>
      <c r="CO26" s="103">
        <v>0</v>
      </c>
      <c r="CP26" s="101">
        <v>0</v>
      </c>
      <c r="CQ26" s="104">
        <v>770103</v>
      </c>
      <c r="CR26" s="104">
        <v>862745</v>
      </c>
      <c r="CS26" s="104">
        <v>488416</v>
      </c>
      <c r="CT26" s="104">
        <v>421840</v>
      </c>
      <c r="CU26" s="104">
        <v>163247</v>
      </c>
      <c r="CV26" s="103">
        <v>2706351</v>
      </c>
      <c r="CW26" s="106">
        <v>2706351</v>
      </c>
      <c r="CX26" s="100">
        <v>0</v>
      </c>
      <c r="CY26" s="104">
        <v>67962</v>
      </c>
      <c r="CZ26" s="103">
        <v>67962</v>
      </c>
      <c r="DA26" s="100">
        <v>0</v>
      </c>
      <c r="DB26" s="104">
        <v>134249</v>
      </c>
      <c r="DC26" s="104">
        <v>147599</v>
      </c>
      <c r="DD26" s="104">
        <v>0</v>
      </c>
      <c r="DE26" s="104">
        <v>37759</v>
      </c>
      <c r="DF26" s="104">
        <v>0</v>
      </c>
      <c r="DG26" s="103">
        <v>319607</v>
      </c>
      <c r="DH26" s="106">
        <v>387569</v>
      </c>
      <c r="DI26" s="100">
        <v>8669</v>
      </c>
      <c r="DJ26" s="104">
        <v>39398</v>
      </c>
      <c r="DK26" s="102">
        <v>48067</v>
      </c>
      <c r="DL26" s="101">
        <v>0</v>
      </c>
      <c r="DM26" s="104">
        <v>142499</v>
      </c>
      <c r="DN26" s="104">
        <v>166003</v>
      </c>
      <c r="DO26" s="104">
        <v>476675</v>
      </c>
      <c r="DP26" s="104">
        <v>94831</v>
      </c>
      <c r="DQ26" s="104">
        <v>182731</v>
      </c>
      <c r="DR26" s="103">
        <v>1062739</v>
      </c>
      <c r="DS26" s="106">
        <v>1110806</v>
      </c>
      <c r="DT26" s="100">
        <v>8669</v>
      </c>
      <c r="DU26" s="104">
        <v>39398</v>
      </c>
      <c r="DV26" s="103">
        <v>48067</v>
      </c>
      <c r="DW26" s="100">
        <v>0</v>
      </c>
      <c r="DX26" s="104">
        <v>142499</v>
      </c>
      <c r="DY26" s="104">
        <v>46030</v>
      </c>
      <c r="DZ26" s="104">
        <v>476675</v>
      </c>
      <c r="EA26" s="104">
        <v>65592</v>
      </c>
      <c r="EB26" s="104">
        <v>182731</v>
      </c>
      <c r="EC26" s="103">
        <v>913527</v>
      </c>
      <c r="ED26" s="106">
        <v>961594</v>
      </c>
      <c r="EE26" s="100">
        <v>0</v>
      </c>
      <c r="EF26" s="102">
        <v>0</v>
      </c>
      <c r="EG26" s="103">
        <v>0</v>
      </c>
      <c r="EH26" s="100">
        <v>0</v>
      </c>
      <c r="EI26" s="104">
        <v>0</v>
      </c>
      <c r="EJ26" s="104">
        <v>119973</v>
      </c>
      <c r="EK26" s="104">
        <v>0</v>
      </c>
      <c r="EL26" s="104">
        <v>29239</v>
      </c>
      <c r="EM26" s="104">
        <v>0</v>
      </c>
      <c r="EN26" s="102">
        <v>149212</v>
      </c>
      <c r="EO26" s="106">
        <v>149212</v>
      </c>
      <c r="EP26" s="100">
        <v>0</v>
      </c>
      <c r="EQ26" s="104">
        <v>0</v>
      </c>
      <c r="ER26" s="102">
        <v>0</v>
      </c>
      <c r="ES26" s="101">
        <v>0</v>
      </c>
      <c r="ET26" s="104">
        <v>0</v>
      </c>
      <c r="EU26" s="104">
        <v>0</v>
      </c>
      <c r="EV26" s="104">
        <v>0</v>
      </c>
      <c r="EW26" s="104">
        <v>0</v>
      </c>
      <c r="EX26" s="104">
        <v>0</v>
      </c>
      <c r="EY26" s="103">
        <v>0</v>
      </c>
      <c r="EZ26" s="106">
        <v>0</v>
      </c>
      <c r="FA26" s="100">
        <v>0</v>
      </c>
      <c r="FB26" s="104">
        <v>0</v>
      </c>
      <c r="FC26" s="102">
        <v>0</v>
      </c>
      <c r="FD26" s="324"/>
      <c r="FE26" s="104">
        <v>0</v>
      </c>
      <c r="FF26" s="104">
        <v>0</v>
      </c>
      <c r="FG26" s="104">
        <v>0</v>
      </c>
      <c r="FH26" s="104">
        <v>0</v>
      </c>
      <c r="FI26" s="104">
        <v>0</v>
      </c>
      <c r="FJ26" s="103">
        <v>0</v>
      </c>
      <c r="FK26" s="106">
        <v>0</v>
      </c>
      <c r="FL26" s="100">
        <v>34230</v>
      </c>
      <c r="FM26" s="104">
        <v>92806</v>
      </c>
      <c r="FN26" s="103">
        <v>127036</v>
      </c>
      <c r="FO26" s="100">
        <v>0</v>
      </c>
      <c r="FP26" s="104">
        <v>224212</v>
      </c>
      <c r="FQ26" s="104">
        <v>268142</v>
      </c>
      <c r="FR26" s="104">
        <v>97055</v>
      </c>
      <c r="FS26" s="104">
        <v>145278</v>
      </c>
      <c r="FT26" s="104">
        <v>142324</v>
      </c>
      <c r="FU26" s="103">
        <v>877011</v>
      </c>
      <c r="FV26" s="106">
        <v>1004047</v>
      </c>
      <c r="FW26" s="105">
        <v>34230</v>
      </c>
      <c r="FX26" s="104">
        <v>49406</v>
      </c>
      <c r="FY26" s="102">
        <v>83636</v>
      </c>
      <c r="FZ26" s="101">
        <v>0</v>
      </c>
      <c r="GA26" s="104">
        <v>87430</v>
      </c>
      <c r="GB26" s="104">
        <v>268142</v>
      </c>
      <c r="GC26" s="104">
        <v>97055</v>
      </c>
      <c r="GD26" s="104">
        <v>145278</v>
      </c>
      <c r="GE26" s="104">
        <v>142324</v>
      </c>
      <c r="GF26" s="103">
        <v>740229</v>
      </c>
      <c r="GG26" s="296">
        <v>823865</v>
      </c>
      <c r="GH26" s="105">
        <v>0</v>
      </c>
      <c r="GI26" s="104">
        <v>0</v>
      </c>
      <c r="GJ26" s="102">
        <v>0</v>
      </c>
      <c r="GK26" s="101">
        <v>0</v>
      </c>
      <c r="GL26" s="104">
        <v>0</v>
      </c>
      <c r="GM26" s="104">
        <v>0</v>
      </c>
      <c r="GN26" s="104">
        <v>0</v>
      </c>
      <c r="GO26" s="104">
        <v>0</v>
      </c>
      <c r="GP26" s="104">
        <v>0</v>
      </c>
      <c r="GQ26" s="103">
        <v>0</v>
      </c>
      <c r="GR26" s="106">
        <v>0</v>
      </c>
      <c r="GS26" s="100">
        <v>0</v>
      </c>
      <c r="GT26" s="104">
        <v>43400</v>
      </c>
      <c r="GU26" s="103">
        <v>43400</v>
      </c>
      <c r="GV26" s="100">
        <v>0</v>
      </c>
      <c r="GW26" s="104">
        <v>136782</v>
      </c>
      <c r="GX26" s="104">
        <v>0</v>
      </c>
      <c r="GY26" s="104">
        <v>0</v>
      </c>
      <c r="GZ26" s="104">
        <v>0</v>
      </c>
      <c r="HA26" s="104">
        <v>0</v>
      </c>
      <c r="HB26" s="102">
        <v>136782</v>
      </c>
      <c r="HC26" s="106">
        <v>180182</v>
      </c>
      <c r="HD26" s="100">
        <v>96106</v>
      </c>
      <c r="HE26" s="104">
        <v>194865</v>
      </c>
      <c r="HF26" s="102">
        <v>290971</v>
      </c>
      <c r="HG26" s="101">
        <v>0</v>
      </c>
      <c r="HH26" s="104">
        <v>651628</v>
      </c>
      <c r="HI26" s="104">
        <v>967621</v>
      </c>
      <c r="HJ26" s="104">
        <v>1015986</v>
      </c>
      <c r="HK26" s="104">
        <v>819035</v>
      </c>
      <c r="HL26" s="104">
        <v>0</v>
      </c>
      <c r="HM26" s="103">
        <v>3454270</v>
      </c>
      <c r="HN26" s="99">
        <v>3745241</v>
      </c>
      <c r="HO26" s="306"/>
      <c r="HP26" s="307"/>
      <c r="HQ26" s="308"/>
      <c r="HR26" s="309"/>
      <c r="HS26" s="307"/>
      <c r="HT26" s="307"/>
      <c r="HU26" s="307"/>
      <c r="HV26" s="307"/>
      <c r="HW26" s="307"/>
      <c r="HX26" s="310"/>
      <c r="HY26" s="311"/>
      <c r="HZ26" s="137">
        <v>0</v>
      </c>
      <c r="IA26" s="122">
        <v>0</v>
      </c>
      <c r="IB26" s="137">
        <v>0</v>
      </c>
      <c r="IC26" s="121">
        <v>0</v>
      </c>
      <c r="ID26" s="122">
        <v>502380</v>
      </c>
      <c r="IE26" s="123">
        <v>692089</v>
      </c>
      <c r="IF26" s="124">
        <v>584122</v>
      </c>
      <c r="IG26" s="122">
        <v>722084</v>
      </c>
      <c r="IH26" s="124">
        <v>0</v>
      </c>
      <c r="II26" s="125">
        <v>2500675</v>
      </c>
      <c r="IJ26" s="137">
        <v>2500675</v>
      </c>
      <c r="IK26" s="219">
        <v>0</v>
      </c>
      <c r="IL26" s="223">
        <v>0</v>
      </c>
      <c r="IM26" s="224">
        <v>0</v>
      </c>
      <c r="IN26" s="127"/>
      <c r="IO26" s="109">
        <v>64765</v>
      </c>
      <c r="IP26" s="109">
        <v>0</v>
      </c>
      <c r="IQ26" s="109">
        <v>0</v>
      </c>
      <c r="IR26" s="109">
        <v>0</v>
      </c>
      <c r="IS26" s="109">
        <v>0</v>
      </c>
      <c r="IT26" s="128">
        <v>64765</v>
      </c>
      <c r="IU26" s="298">
        <v>64765</v>
      </c>
      <c r="IV26" s="129">
        <v>0</v>
      </c>
      <c r="IW26" s="109">
        <v>0</v>
      </c>
      <c r="IX26" s="110">
        <v>0</v>
      </c>
      <c r="IY26" s="131"/>
      <c r="IZ26" s="109">
        <v>0</v>
      </c>
      <c r="JA26" s="109">
        <v>0</v>
      </c>
      <c r="JB26" s="109">
        <v>0</v>
      </c>
      <c r="JC26" s="109">
        <v>0</v>
      </c>
      <c r="JD26" s="109">
        <v>0</v>
      </c>
      <c r="JE26" s="110">
        <v>0</v>
      </c>
      <c r="JF26" s="111">
        <v>0</v>
      </c>
      <c r="JG26" s="129">
        <v>0</v>
      </c>
      <c r="JH26" s="109">
        <v>0</v>
      </c>
      <c r="JI26" s="128">
        <v>0</v>
      </c>
      <c r="JJ26" s="108">
        <v>0</v>
      </c>
      <c r="JK26" s="109">
        <v>344572</v>
      </c>
      <c r="JL26" s="109">
        <v>249248</v>
      </c>
      <c r="JM26" s="109">
        <v>137162</v>
      </c>
      <c r="JN26" s="109">
        <v>41402</v>
      </c>
      <c r="JO26" s="109">
        <v>0</v>
      </c>
      <c r="JP26" s="110">
        <v>772384</v>
      </c>
      <c r="JQ26" s="298">
        <v>772384</v>
      </c>
      <c r="JR26" s="129">
        <v>0</v>
      </c>
      <c r="JS26" s="109">
        <v>0</v>
      </c>
      <c r="JT26" s="128">
        <v>0</v>
      </c>
      <c r="JU26" s="108">
        <v>0</v>
      </c>
      <c r="JV26" s="109">
        <v>0</v>
      </c>
      <c r="JW26" s="109">
        <v>0</v>
      </c>
      <c r="JX26" s="109">
        <v>0</v>
      </c>
      <c r="JY26" s="109">
        <v>0</v>
      </c>
      <c r="JZ26" s="109">
        <v>0</v>
      </c>
      <c r="KA26" s="110">
        <v>0</v>
      </c>
      <c r="KB26" s="298">
        <v>0</v>
      </c>
      <c r="KC26" s="221">
        <v>0</v>
      </c>
      <c r="KD26" s="217">
        <v>0</v>
      </c>
      <c r="KE26" s="110">
        <v>0</v>
      </c>
      <c r="KF26" s="108">
        <v>0</v>
      </c>
      <c r="KG26" s="109">
        <v>93043</v>
      </c>
      <c r="KH26" s="109">
        <v>0</v>
      </c>
      <c r="KI26" s="109">
        <v>0</v>
      </c>
      <c r="KJ26" s="109">
        <v>223137</v>
      </c>
      <c r="KK26" s="109">
        <v>0</v>
      </c>
      <c r="KL26" s="110">
        <v>316180</v>
      </c>
      <c r="KM26" s="130">
        <v>316180</v>
      </c>
      <c r="KN26" s="219">
        <v>0</v>
      </c>
      <c r="KO26" s="223">
        <v>0</v>
      </c>
      <c r="KP26" s="224">
        <v>0</v>
      </c>
      <c r="KQ26" s="127"/>
      <c r="KR26" s="109">
        <v>0</v>
      </c>
      <c r="KS26" s="109">
        <v>442841</v>
      </c>
      <c r="KT26" s="109">
        <v>446960</v>
      </c>
      <c r="KU26" s="109">
        <v>457545</v>
      </c>
      <c r="KV26" s="109">
        <v>0</v>
      </c>
      <c r="KW26" s="110">
        <v>1347346</v>
      </c>
      <c r="KX26" s="298">
        <v>1347346</v>
      </c>
      <c r="KY26" s="129">
        <v>0</v>
      </c>
      <c r="KZ26" s="109">
        <v>0</v>
      </c>
      <c r="LA26" s="110">
        <v>0</v>
      </c>
      <c r="LB26" s="132"/>
      <c r="LC26" s="109">
        <v>0</v>
      </c>
      <c r="LD26" s="109">
        <v>0</v>
      </c>
      <c r="LE26" s="109">
        <v>0</v>
      </c>
      <c r="LF26" s="109">
        <v>0</v>
      </c>
      <c r="LG26" s="109">
        <v>0</v>
      </c>
      <c r="LH26" s="110">
        <v>0</v>
      </c>
      <c r="LI26" s="111">
        <v>0</v>
      </c>
      <c r="LJ26" s="129">
        <v>0</v>
      </c>
      <c r="LK26" s="109">
        <v>0</v>
      </c>
      <c r="LL26" s="110">
        <v>0</v>
      </c>
      <c r="LM26" s="132"/>
      <c r="LN26" s="109">
        <v>0</v>
      </c>
      <c r="LO26" s="109">
        <v>0</v>
      </c>
      <c r="LP26" s="109">
        <v>0</v>
      </c>
      <c r="LQ26" s="109">
        <v>0</v>
      </c>
      <c r="LR26" s="109">
        <v>0</v>
      </c>
      <c r="LS26" s="110">
        <v>0</v>
      </c>
      <c r="LT26" s="298">
        <v>0</v>
      </c>
      <c r="LU26" s="129">
        <v>0</v>
      </c>
      <c r="LV26" s="109">
        <v>0</v>
      </c>
      <c r="LW26" s="110">
        <v>0</v>
      </c>
      <c r="LX26" s="132"/>
      <c r="LY26" s="109">
        <v>0</v>
      </c>
      <c r="LZ26" s="109">
        <v>0</v>
      </c>
      <c r="MA26" s="109">
        <v>0</v>
      </c>
      <c r="MB26" s="109">
        <v>0</v>
      </c>
      <c r="MC26" s="109">
        <v>0</v>
      </c>
      <c r="MD26" s="110">
        <v>0</v>
      </c>
      <c r="ME26" s="111">
        <v>0</v>
      </c>
      <c r="MF26" s="129">
        <v>0</v>
      </c>
      <c r="MG26" s="109">
        <v>0</v>
      </c>
      <c r="MH26" s="110">
        <v>0</v>
      </c>
      <c r="MI26" s="132"/>
      <c r="MJ26" s="109">
        <v>0</v>
      </c>
      <c r="MK26" s="109">
        <v>1144738</v>
      </c>
      <c r="ML26" s="109">
        <v>1610076</v>
      </c>
      <c r="MM26" s="109">
        <v>2013437</v>
      </c>
      <c r="MN26" s="109">
        <v>1545334</v>
      </c>
      <c r="MO26" s="110">
        <v>6313585</v>
      </c>
      <c r="MP26" s="130">
        <v>6313585</v>
      </c>
      <c r="MQ26" s="129">
        <v>0</v>
      </c>
      <c r="MR26" s="109">
        <v>0</v>
      </c>
      <c r="MS26" s="110">
        <v>0</v>
      </c>
      <c r="MT26" s="132"/>
      <c r="MU26" s="109">
        <v>0</v>
      </c>
      <c r="MV26" s="109">
        <v>0</v>
      </c>
      <c r="MW26" s="109">
        <v>871072</v>
      </c>
      <c r="MX26" s="109">
        <v>2013437</v>
      </c>
      <c r="MY26" s="109">
        <v>782907</v>
      </c>
      <c r="MZ26" s="110">
        <v>3667416</v>
      </c>
      <c r="NA26" s="130">
        <v>3667416</v>
      </c>
      <c r="NB26" s="129">
        <v>0</v>
      </c>
      <c r="NC26" s="109">
        <v>0</v>
      </c>
      <c r="ND26" s="110">
        <v>0</v>
      </c>
      <c r="NE26" s="132"/>
      <c r="NF26" s="109">
        <v>0</v>
      </c>
      <c r="NG26" s="109">
        <v>1144738</v>
      </c>
      <c r="NH26" s="109">
        <v>739004</v>
      </c>
      <c r="NI26" s="109">
        <v>0</v>
      </c>
      <c r="NJ26" s="109">
        <v>297517</v>
      </c>
      <c r="NK26" s="110">
        <v>2181259</v>
      </c>
      <c r="NL26" s="298">
        <v>2181259</v>
      </c>
      <c r="NM26" s="129">
        <v>0</v>
      </c>
      <c r="NN26" s="109">
        <v>0</v>
      </c>
      <c r="NO26" s="110">
        <v>0</v>
      </c>
      <c r="NP26" s="132"/>
      <c r="NQ26" s="109">
        <v>0</v>
      </c>
      <c r="NR26" s="109">
        <v>0</v>
      </c>
      <c r="NS26" s="109">
        <v>0</v>
      </c>
      <c r="NT26" s="109">
        <v>0</v>
      </c>
      <c r="NU26" s="109">
        <v>0</v>
      </c>
      <c r="NV26" s="110">
        <v>0</v>
      </c>
      <c r="NW26" s="111">
        <v>0</v>
      </c>
      <c r="NX26" s="129">
        <v>0</v>
      </c>
      <c r="NY26" s="109">
        <v>0</v>
      </c>
      <c r="NZ26" s="110">
        <v>0</v>
      </c>
      <c r="OA26" s="132"/>
      <c r="OB26" s="109">
        <v>0</v>
      </c>
      <c r="OC26" s="109">
        <v>0</v>
      </c>
      <c r="OD26" s="109">
        <v>0</v>
      </c>
      <c r="OE26" s="109">
        <v>0</v>
      </c>
      <c r="OF26" s="109">
        <v>464910</v>
      </c>
      <c r="OG26" s="110">
        <v>464910</v>
      </c>
      <c r="OH26" s="111">
        <v>464910</v>
      </c>
      <c r="OI26" s="129">
        <v>207684</v>
      </c>
      <c r="OJ26" s="109">
        <v>474917</v>
      </c>
      <c r="OK26" s="128">
        <v>682601</v>
      </c>
      <c r="OL26" s="108">
        <v>0</v>
      </c>
      <c r="OM26" s="109">
        <v>3672107</v>
      </c>
      <c r="ON26" s="109">
        <v>6179266</v>
      </c>
      <c r="OO26" s="109">
        <v>5346752</v>
      </c>
      <c r="OP26" s="109">
        <v>5163137</v>
      </c>
      <c r="OQ26" s="109">
        <v>3743598</v>
      </c>
      <c r="OR26" s="110">
        <v>24104860</v>
      </c>
      <c r="OS26" s="130">
        <v>24787461</v>
      </c>
    </row>
    <row r="27" spans="2:409" ht="21" customHeight="1" x14ac:dyDescent="0.2">
      <c r="B27" s="472" t="s">
        <v>22</v>
      </c>
      <c r="C27" s="100">
        <v>7602</v>
      </c>
      <c r="D27" s="104">
        <v>36099</v>
      </c>
      <c r="E27" s="103">
        <v>43701</v>
      </c>
      <c r="F27" s="99">
        <v>0</v>
      </c>
      <c r="G27" s="104">
        <v>1334002</v>
      </c>
      <c r="H27" s="104">
        <v>1184687</v>
      </c>
      <c r="I27" s="104">
        <v>725789</v>
      </c>
      <c r="J27" s="104">
        <v>2410964</v>
      </c>
      <c r="K27" s="104">
        <v>1419429</v>
      </c>
      <c r="L27" s="160">
        <v>7074871</v>
      </c>
      <c r="M27" s="106">
        <v>7118572</v>
      </c>
      <c r="N27" s="100">
        <v>0</v>
      </c>
      <c r="O27" s="104">
        <v>3619</v>
      </c>
      <c r="P27" s="103">
        <v>3619</v>
      </c>
      <c r="Q27" s="100">
        <v>0</v>
      </c>
      <c r="R27" s="104">
        <v>253050</v>
      </c>
      <c r="S27" s="104">
        <v>201884</v>
      </c>
      <c r="T27" s="104">
        <v>211097</v>
      </c>
      <c r="U27" s="104">
        <v>166245</v>
      </c>
      <c r="V27" s="104">
        <v>883148</v>
      </c>
      <c r="W27" s="103">
        <v>1715424</v>
      </c>
      <c r="X27" s="106">
        <v>1719043</v>
      </c>
      <c r="Y27" s="100">
        <v>0</v>
      </c>
      <c r="Z27" s="104">
        <v>0</v>
      </c>
      <c r="AA27" s="103">
        <v>0</v>
      </c>
      <c r="AB27" s="100">
        <v>0</v>
      </c>
      <c r="AC27" s="104">
        <v>52472</v>
      </c>
      <c r="AD27" s="104">
        <v>22225</v>
      </c>
      <c r="AE27" s="104">
        <v>102042</v>
      </c>
      <c r="AF27" s="104">
        <v>8421</v>
      </c>
      <c r="AG27" s="104">
        <v>247625</v>
      </c>
      <c r="AH27" s="103">
        <v>432785</v>
      </c>
      <c r="AI27" s="106">
        <v>432785</v>
      </c>
      <c r="AJ27" s="100">
        <v>0</v>
      </c>
      <c r="AK27" s="104">
        <v>0</v>
      </c>
      <c r="AL27" s="103">
        <v>0</v>
      </c>
      <c r="AM27" s="100">
        <v>0</v>
      </c>
      <c r="AN27" s="104">
        <v>0</v>
      </c>
      <c r="AO27" s="104">
        <v>0</v>
      </c>
      <c r="AP27" s="104">
        <v>19124</v>
      </c>
      <c r="AQ27" s="104">
        <v>0</v>
      </c>
      <c r="AR27" s="104">
        <v>356508</v>
      </c>
      <c r="AS27" s="103">
        <v>375632</v>
      </c>
      <c r="AT27" s="106">
        <v>375632</v>
      </c>
      <c r="AU27" s="100">
        <v>0</v>
      </c>
      <c r="AV27" s="104">
        <v>0</v>
      </c>
      <c r="AW27" s="103">
        <v>0</v>
      </c>
      <c r="AX27" s="100">
        <v>0</v>
      </c>
      <c r="AY27" s="104">
        <v>108528</v>
      </c>
      <c r="AZ27" s="104">
        <v>101469</v>
      </c>
      <c r="BA27" s="104">
        <v>73131</v>
      </c>
      <c r="BB27" s="104">
        <v>43955</v>
      </c>
      <c r="BC27" s="104">
        <v>270615</v>
      </c>
      <c r="BD27" s="103">
        <v>597698</v>
      </c>
      <c r="BE27" s="106">
        <v>597698</v>
      </c>
      <c r="BF27" s="100">
        <v>0</v>
      </c>
      <c r="BG27" s="104">
        <v>0</v>
      </c>
      <c r="BH27" s="102">
        <v>0</v>
      </c>
      <c r="BI27" s="101">
        <v>0</v>
      </c>
      <c r="BJ27" s="104">
        <v>53536</v>
      </c>
      <c r="BK27" s="104">
        <v>40152</v>
      </c>
      <c r="BL27" s="104">
        <v>0</v>
      </c>
      <c r="BM27" s="104">
        <v>46844</v>
      </c>
      <c r="BN27" s="104">
        <v>0</v>
      </c>
      <c r="BO27" s="103">
        <v>140532</v>
      </c>
      <c r="BP27" s="106">
        <v>140532</v>
      </c>
      <c r="BQ27" s="100">
        <v>0</v>
      </c>
      <c r="BR27" s="104">
        <v>3619</v>
      </c>
      <c r="BS27" s="103">
        <v>3619</v>
      </c>
      <c r="BT27" s="100">
        <v>0</v>
      </c>
      <c r="BU27" s="104">
        <v>38514</v>
      </c>
      <c r="BV27" s="104">
        <v>38038</v>
      </c>
      <c r="BW27" s="104">
        <v>16800</v>
      </c>
      <c r="BX27" s="104">
        <v>67025</v>
      </c>
      <c r="BY27" s="104">
        <v>8400</v>
      </c>
      <c r="BZ27" s="103">
        <v>168777</v>
      </c>
      <c r="CA27" s="106">
        <v>172396</v>
      </c>
      <c r="CB27" s="100">
        <v>0</v>
      </c>
      <c r="CC27" s="104">
        <v>0</v>
      </c>
      <c r="CD27" s="103">
        <v>0</v>
      </c>
      <c r="CE27" s="100">
        <v>0</v>
      </c>
      <c r="CF27" s="104">
        <v>264273</v>
      </c>
      <c r="CG27" s="104">
        <v>236740</v>
      </c>
      <c r="CH27" s="104">
        <v>129831</v>
      </c>
      <c r="CI27" s="104">
        <v>397138</v>
      </c>
      <c r="CJ27" s="104">
        <v>176470</v>
      </c>
      <c r="CK27" s="103">
        <v>1204452</v>
      </c>
      <c r="CL27" s="106">
        <v>1204452</v>
      </c>
      <c r="CM27" s="100">
        <v>0</v>
      </c>
      <c r="CN27" s="104">
        <v>0</v>
      </c>
      <c r="CO27" s="103">
        <v>0</v>
      </c>
      <c r="CP27" s="101">
        <v>0</v>
      </c>
      <c r="CQ27" s="104">
        <v>117273</v>
      </c>
      <c r="CR27" s="104">
        <v>236740</v>
      </c>
      <c r="CS27" s="104">
        <v>129831</v>
      </c>
      <c r="CT27" s="104">
        <v>311815</v>
      </c>
      <c r="CU27" s="104">
        <v>157829</v>
      </c>
      <c r="CV27" s="103">
        <v>953488</v>
      </c>
      <c r="CW27" s="106">
        <v>953488</v>
      </c>
      <c r="CX27" s="100">
        <v>0</v>
      </c>
      <c r="CY27" s="104">
        <v>0</v>
      </c>
      <c r="CZ27" s="103">
        <v>0</v>
      </c>
      <c r="DA27" s="100">
        <v>0</v>
      </c>
      <c r="DB27" s="104">
        <v>147000</v>
      </c>
      <c r="DC27" s="104">
        <v>0</v>
      </c>
      <c r="DD27" s="104">
        <v>0</v>
      </c>
      <c r="DE27" s="104">
        <v>85323</v>
      </c>
      <c r="DF27" s="104">
        <v>18641</v>
      </c>
      <c r="DG27" s="103">
        <v>250964</v>
      </c>
      <c r="DH27" s="106">
        <v>250964</v>
      </c>
      <c r="DI27" s="100">
        <v>0</v>
      </c>
      <c r="DJ27" s="104">
        <v>0</v>
      </c>
      <c r="DK27" s="102">
        <v>0</v>
      </c>
      <c r="DL27" s="101">
        <v>0</v>
      </c>
      <c r="DM27" s="104">
        <v>19134</v>
      </c>
      <c r="DN27" s="104">
        <v>96521</v>
      </c>
      <c r="DO27" s="104">
        <v>55359</v>
      </c>
      <c r="DP27" s="104">
        <v>1029538</v>
      </c>
      <c r="DQ27" s="104">
        <v>0</v>
      </c>
      <c r="DR27" s="103">
        <v>1200552</v>
      </c>
      <c r="DS27" s="106">
        <v>1200552</v>
      </c>
      <c r="DT27" s="100">
        <v>0</v>
      </c>
      <c r="DU27" s="104">
        <v>0</v>
      </c>
      <c r="DV27" s="103">
        <v>0</v>
      </c>
      <c r="DW27" s="100">
        <v>0</v>
      </c>
      <c r="DX27" s="104">
        <v>19134</v>
      </c>
      <c r="DY27" s="104">
        <v>96521</v>
      </c>
      <c r="DZ27" s="104">
        <v>0</v>
      </c>
      <c r="EA27" s="104">
        <v>1029538</v>
      </c>
      <c r="EB27" s="104">
        <v>0</v>
      </c>
      <c r="EC27" s="103">
        <v>1145193</v>
      </c>
      <c r="ED27" s="106">
        <v>1145193</v>
      </c>
      <c r="EE27" s="100">
        <v>0</v>
      </c>
      <c r="EF27" s="102">
        <v>0</v>
      </c>
      <c r="EG27" s="103">
        <v>0</v>
      </c>
      <c r="EH27" s="100">
        <v>0</v>
      </c>
      <c r="EI27" s="104">
        <v>0</v>
      </c>
      <c r="EJ27" s="104">
        <v>0</v>
      </c>
      <c r="EK27" s="104">
        <v>55359</v>
      </c>
      <c r="EL27" s="104">
        <v>0</v>
      </c>
      <c r="EM27" s="104">
        <v>0</v>
      </c>
      <c r="EN27" s="102">
        <v>55359</v>
      </c>
      <c r="EO27" s="106">
        <v>55359</v>
      </c>
      <c r="EP27" s="100">
        <v>0</v>
      </c>
      <c r="EQ27" s="104">
        <v>0</v>
      </c>
      <c r="ER27" s="102">
        <v>0</v>
      </c>
      <c r="ES27" s="101">
        <v>0</v>
      </c>
      <c r="ET27" s="104">
        <v>0</v>
      </c>
      <c r="EU27" s="104">
        <v>0</v>
      </c>
      <c r="EV27" s="104">
        <v>0</v>
      </c>
      <c r="EW27" s="104">
        <v>0</v>
      </c>
      <c r="EX27" s="104">
        <v>0</v>
      </c>
      <c r="EY27" s="103">
        <v>0</v>
      </c>
      <c r="EZ27" s="106">
        <v>0</v>
      </c>
      <c r="FA27" s="100">
        <v>0</v>
      </c>
      <c r="FB27" s="104">
        <v>0</v>
      </c>
      <c r="FC27" s="102">
        <v>0</v>
      </c>
      <c r="FD27" s="324"/>
      <c r="FE27" s="104">
        <v>0</v>
      </c>
      <c r="FF27" s="104">
        <v>0</v>
      </c>
      <c r="FG27" s="104">
        <v>0</v>
      </c>
      <c r="FH27" s="104">
        <v>0</v>
      </c>
      <c r="FI27" s="104">
        <v>0</v>
      </c>
      <c r="FJ27" s="103">
        <v>0</v>
      </c>
      <c r="FK27" s="106">
        <v>0</v>
      </c>
      <c r="FL27" s="100">
        <v>7602</v>
      </c>
      <c r="FM27" s="104">
        <v>32480</v>
      </c>
      <c r="FN27" s="103">
        <v>40082</v>
      </c>
      <c r="FO27" s="100">
        <v>0</v>
      </c>
      <c r="FP27" s="104">
        <v>52381</v>
      </c>
      <c r="FQ27" s="104">
        <v>32270</v>
      </c>
      <c r="FR27" s="104">
        <v>146328</v>
      </c>
      <c r="FS27" s="104">
        <v>59934</v>
      </c>
      <c r="FT27" s="104">
        <v>151956</v>
      </c>
      <c r="FU27" s="103">
        <v>442869</v>
      </c>
      <c r="FV27" s="106">
        <v>482951</v>
      </c>
      <c r="FW27" s="105">
        <v>7602</v>
      </c>
      <c r="FX27" s="104">
        <v>32480</v>
      </c>
      <c r="FY27" s="102">
        <v>40082</v>
      </c>
      <c r="FZ27" s="101">
        <v>0</v>
      </c>
      <c r="GA27" s="104">
        <v>52381</v>
      </c>
      <c r="GB27" s="104">
        <v>32270</v>
      </c>
      <c r="GC27" s="104">
        <v>69328</v>
      </c>
      <c r="GD27" s="104">
        <v>59934</v>
      </c>
      <c r="GE27" s="104">
        <v>151956</v>
      </c>
      <c r="GF27" s="103">
        <v>365869</v>
      </c>
      <c r="GG27" s="296">
        <v>405951</v>
      </c>
      <c r="GH27" s="105">
        <v>0</v>
      </c>
      <c r="GI27" s="104">
        <v>0</v>
      </c>
      <c r="GJ27" s="102">
        <v>0</v>
      </c>
      <c r="GK27" s="101">
        <v>0</v>
      </c>
      <c r="GL27" s="104">
        <v>0</v>
      </c>
      <c r="GM27" s="104">
        <v>0</v>
      </c>
      <c r="GN27" s="104">
        <v>35000</v>
      </c>
      <c r="GO27" s="104">
        <v>0</v>
      </c>
      <c r="GP27" s="104">
        <v>0</v>
      </c>
      <c r="GQ27" s="103">
        <v>35000</v>
      </c>
      <c r="GR27" s="106">
        <v>35000</v>
      </c>
      <c r="GS27" s="100">
        <v>0</v>
      </c>
      <c r="GT27" s="104">
        <v>0</v>
      </c>
      <c r="GU27" s="103">
        <v>0</v>
      </c>
      <c r="GV27" s="100">
        <v>0</v>
      </c>
      <c r="GW27" s="104">
        <v>0</v>
      </c>
      <c r="GX27" s="104">
        <v>0</v>
      </c>
      <c r="GY27" s="104">
        <v>42000</v>
      </c>
      <c r="GZ27" s="104">
        <v>0</v>
      </c>
      <c r="HA27" s="104">
        <v>0</v>
      </c>
      <c r="HB27" s="102">
        <v>42000</v>
      </c>
      <c r="HC27" s="106">
        <v>42000</v>
      </c>
      <c r="HD27" s="100">
        <v>0</v>
      </c>
      <c r="HE27" s="104">
        <v>0</v>
      </c>
      <c r="HF27" s="102">
        <v>0</v>
      </c>
      <c r="HG27" s="101">
        <v>0</v>
      </c>
      <c r="HH27" s="104">
        <v>745164</v>
      </c>
      <c r="HI27" s="104">
        <v>617272</v>
      </c>
      <c r="HJ27" s="104">
        <v>183174</v>
      </c>
      <c r="HK27" s="104">
        <v>758109</v>
      </c>
      <c r="HL27" s="104">
        <v>207855</v>
      </c>
      <c r="HM27" s="103">
        <v>2511574</v>
      </c>
      <c r="HN27" s="99">
        <v>2511574</v>
      </c>
      <c r="HO27" s="306"/>
      <c r="HP27" s="307"/>
      <c r="HQ27" s="308"/>
      <c r="HR27" s="309"/>
      <c r="HS27" s="307"/>
      <c r="HT27" s="307"/>
      <c r="HU27" s="307"/>
      <c r="HV27" s="307"/>
      <c r="HW27" s="307"/>
      <c r="HX27" s="310"/>
      <c r="HY27" s="311"/>
      <c r="HZ27" s="118">
        <v>0</v>
      </c>
      <c r="IA27" s="119">
        <v>0</v>
      </c>
      <c r="IB27" s="120">
        <v>0</v>
      </c>
      <c r="IC27" s="133">
        <v>0</v>
      </c>
      <c r="ID27" s="119">
        <v>232421</v>
      </c>
      <c r="IE27" s="134">
        <v>694197</v>
      </c>
      <c r="IF27" s="120">
        <v>240310</v>
      </c>
      <c r="IG27" s="119">
        <v>0</v>
      </c>
      <c r="IH27" s="120">
        <v>0</v>
      </c>
      <c r="II27" s="135">
        <v>1166928</v>
      </c>
      <c r="IJ27" s="126">
        <v>1166928</v>
      </c>
      <c r="IK27" s="219">
        <v>0</v>
      </c>
      <c r="IL27" s="223">
        <v>0</v>
      </c>
      <c r="IM27" s="224">
        <v>0</v>
      </c>
      <c r="IN27" s="127"/>
      <c r="IO27" s="109">
        <v>50288</v>
      </c>
      <c r="IP27" s="109">
        <v>0</v>
      </c>
      <c r="IQ27" s="109">
        <v>145677</v>
      </c>
      <c r="IR27" s="109">
        <v>0</v>
      </c>
      <c r="IS27" s="109">
        <v>0</v>
      </c>
      <c r="IT27" s="128">
        <v>195965</v>
      </c>
      <c r="IU27" s="298">
        <v>195965</v>
      </c>
      <c r="IV27" s="129">
        <v>0</v>
      </c>
      <c r="IW27" s="109">
        <v>0</v>
      </c>
      <c r="IX27" s="110">
        <v>0</v>
      </c>
      <c r="IY27" s="131"/>
      <c r="IZ27" s="109">
        <v>0</v>
      </c>
      <c r="JA27" s="109">
        <v>0</v>
      </c>
      <c r="JB27" s="109">
        <v>0</v>
      </c>
      <c r="JC27" s="109">
        <v>0</v>
      </c>
      <c r="JD27" s="109">
        <v>0</v>
      </c>
      <c r="JE27" s="110">
        <v>0</v>
      </c>
      <c r="JF27" s="111">
        <v>0</v>
      </c>
      <c r="JG27" s="129">
        <v>0</v>
      </c>
      <c r="JH27" s="109">
        <v>0</v>
      </c>
      <c r="JI27" s="128">
        <v>0</v>
      </c>
      <c r="JJ27" s="108">
        <v>0</v>
      </c>
      <c r="JK27" s="109">
        <v>182133</v>
      </c>
      <c r="JL27" s="109">
        <v>77700</v>
      </c>
      <c r="JM27" s="109">
        <v>17612</v>
      </c>
      <c r="JN27" s="109">
        <v>0</v>
      </c>
      <c r="JO27" s="109">
        <v>0</v>
      </c>
      <c r="JP27" s="110">
        <v>277445</v>
      </c>
      <c r="JQ27" s="298">
        <v>277445</v>
      </c>
      <c r="JR27" s="129">
        <v>0</v>
      </c>
      <c r="JS27" s="109">
        <v>0</v>
      </c>
      <c r="JT27" s="128">
        <v>0</v>
      </c>
      <c r="JU27" s="108">
        <v>0</v>
      </c>
      <c r="JV27" s="109">
        <v>0</v>
      </c>
      <c r="JW27" s="109">
        <v>0</v>
      </c>
      <c r="JX27" s="109">
        <v>77021</v>
      </c>
      <c r="JY27" s="109">
        <v>0</v>
      </c>
      <c r="JZ27" s="109">
        <v>0</v>
      </c>
      <c r="KA27" s="110">
        <v>77021</v>
      </c>
      <c r="KB27" s="298">
        <v>77021</v>
      </c>
      <c r="KC27" s="221">
        <v>0</v>
      </c>
      <c r="KD27" s="217">
        <v>0</v>
      </c>
      <c r="KE27" s="110">
        <v>0</v>
      </c>
      <c r="KF27" s="108">
        <v>0</v>
      </c>
      <c r="KG27" s="109">
        <v>0</v>
      </c>
      <c r="KH27" s="109">
        <v>400491</v>
      </c>
      <c r="KI27" s="109">
        <v>0</v>
      </c>
      <c r="KJ27" s="109">
        <v>0</v>
      </c>
      <c r="KK27" s="109">
        <v>0</v>
      </c>
      <c r="KL27" s="110">
        <v>400491</v>
      </c>
      <c r="KM27" s="130">
        <v>400491</v>
      </c>
      <c r="KN27" s="219">
        <v>0</v>
      </c>
      <c r="KO27" s="223">
        <v>0</v>
      </c>
      <c r="KP27" s="224">
        <v>0</v>
      </c>
      <c r="KQ27" s="127"/>
      <c r="KR27" s="109">
        <v>0</v>
      </c>
      <c r="KS27" s="109">
        <v>216006</v>
      </c>
      <c r="KT27" s="109">
        <v>0</v>
      </c>
      <c r="KU27" s="109">
        <v>0</v>
      </c>
      <c r="KV27" s="109">
        <v>0</v>
      </c>
      <c r="KW27" s="110">
        <v>216006</v>
      </c>
      <c r="KX27" s="298">
        <v>216006</v>
      </c>
      <c r="KY27" s="129">
        <v>0</v>
      </c>
      <c r="KZ27" s="109">
        <v>0</v>
      </c>
      <c r="LA27" s="110">
        <v>0</v>
      </c>
      <c r="LB27" s="132"/>
      <c r="LC27" s="109">
        <v>0</v>
      </c>
      <c r="LD27" s="109">
        <v>0</v>
      </c>
      <c r="LE27" s="109">
        <v>0</v>
      </c>
      <c r="LF27" s="109">
        <v>0</v>
      </c>
      <c r="LG27" s="109">
        <v>0</v>
      </c>
      <c r="LH27" s="110">
        <v>0</v>
      </c>
      <c r="LI27" s="111">
        <v>0</v>
      </c>
      <c r="LJ27" s="129">
        <v>0</v>
      </c>
      <c r="LK27" s="109">
        <v>0</v>
      </c>
      <c r="LL27" s="110">
        <v>0</v>
      </c>
      <c r="LM27" s="132"/>
      <c r="LN27" s="109">
        <v>0</v>
      </c>
      <c r="LO27" s="109">
        <v>0</v>
      </c>
      <c r="LP27" s="109">
        <v>0</v>
      </c>
      <c r="LQ27" s="109">
        <v>0</v>
      </c>
      <c r="LR27" s="109">
        <v>0</v>
      </c>
      <c r="LS27" s="110">
        <v>0</v>
      </c>
      <c r="LT27" s="298">
        <v>0</v>
      </c>
      <c r="LU27" s="129">
        <v>0</v>
      </c>
      <c r="LV27" s="109">
        <v>0</v>
      </c>
      <c r="LW27" s="110">
        <v>0</v>
      </c>
      <c r="LX27" s="132"/>
      <c r="LY27" s="109">
        <v>0</v>
      </c>
      <c r="LZ27" s="109">
        <v>0</v>
      </c>
      <c r="MA27" s="109">
        <v>0</v>
      </c>
      <c r="MB27" s="109">
        <v>0</v>
      </c>
      <c r="MC27" s="109">
        <v>0</v>
      </c>
      <c r="MD27" s="110">
        <v>0</v>
      </c>
      <c r="ME27" s="111">
        <v>0</v>
      </c>
      <c r="MF27" s="129">
        <v>0</v>
      </c>
      <c r="MG27" s="109">
        <v>0</v>
      </c>
      <c r="MH27" s="110">
        <v>0</v>
      </c>
      <c r="MI27" s="132"/>
      <c r="MJ27" s="109">
        <v>201008</v>
      </c>
      <c r="MK27" s="109">
        <v>425355</v>
      </c>
      <c r="ML27" s="109">
        <v>1221652</v>
      </c>
      <c r="MM27" s="109">
        <v>229929</v>
      </c>
      <c r="MN27" s="109">
        <v>246302</v>
      </c>
      <c r="MO27" s="110">
        <v>2324246</v>
      </c>
      <c r="MP27" s="130">
        <v>2324246</v>
      </c>
      <c r="MQ27" s="129">
        <v>0</v>
      </c>
      <c r="MR27" s="109">
        <v>0</v>
      </c>
      <c r="MS27" s="110">
        <v>0</v>
      </c>
      <c r="MT27" s="132"/>
      <c r="MU27" s="109">
        <v>0</v>
      </c>
      <c r="MV27" s="109">
        <v>384167</v>
      </c>
      <c r="MW27" s="109">
        <v>221125</v>
      </c>
      <c r="MX27" s="109">
        <v>229929</v>
      </c>
      <c r="MY27" s="109">
        <v>246302</v>
      </c>
      <c r="MZ27" s="110">
        <v>1081523</v>
      </c>
      <c r="NA27" s="130">
        <v>1081523</v>
      </c>
      <c r="NB27" s="129">
        <v>0</v>
      </c>
      <c r="NC27" s="109">
        <v>0</v>
      </c>
      <c r="ND27" s="110">
        <v>0</v>
      </c>
      <c r="NE27" s="132"/>
      <c r="NF27" s="109">
        <v>201008</v>
      </c>
      <c r="NG27" s="109">
        <v>41188</v>
      </c>
      <c r="NH27" s="109">
        <v>1000527</v>
      </c>
      <c r="NI27" s="109">
        <v>0</v>
      </c>
      <c r="NJ27" s="109">
        <v>0</v>
      </c>
      <c r="NK27" s="110">
        <v>1242723</v>
      </c>
      <c r="NL27" s="298">
        <v>1242723</v>
      </c>
      <c r="NM27" s="129">
        <v>0</v>
      </c>
      <c r="NN27" s="109">
        <v>0</v>
      </c>
      <c r="NO27" s="110">
        <v>0</v>
      </c>
      <c r="NP27" s="132"/>
      <c r="NQ27" s="109">
        <v>0</v>
      </c>
      <c r="NR27" s="109">
        <v>0</v>
      </c>
      <c r="NS27" s="109">
        <v>0</v>
      </c>
      <c r="NT27" s="109">
        <v>0</v>
      </c>
      <c r="NU27" s="109">
        <v>0</v>
      </c>
      <c r="NV27" s="110">
        <v>0</v>
      </c>
      <c r="NW27" s="111">
        <v>0</v>
      </c>
      <c r="NX27" s="129">
        <v>0</v>
      </c>
      <c r="NY27" s="109">
        <v>0</v>
      </c>
      <c r="NZ27" s="110">
        <v>0</v>
      </c>
      <c r="OA27" s="132"/>
      <c r="OB27" s="109">
        <v>0</v>
      </c>
      <c r="OC27" s="109">
        <v>0</v>
      </c>
      <c r="OD27" s="109">
        <v>0</v>
      </c>
      <c r="OE27" s="109">
        <v>0</v>
      </c>
      <c r="OF27" s="109">
        <v>0</v>
      </c>
      <c r="OG27" s="110">
        <v>0</v>
      </c>
      <c r="OH27" s="111">
        <v>0</v>
      </c>
      <c r="OI27" s="129">
        <v>7602</v>
      </c>
      <c r="OJ27" s="109">
        <v>36099</v>
      </c>
      <c r="OK27" s="128">
        <v>43701</v>
      </c>
      <c r="OL27" s="108">
        <v>0</v>
      </c>
      <c r="OM27" s="109">
        <v>1767431</v>
      </c>
      <c r="ON27" s="109">
        <v>2304239</v>
      </c>
      <c r="OO27" s="109">
        <v>2187751</v>
      </c>
      <c r="OP27" s="109">
        <v>2640893</v>
      </c>
      <c r="OQ27" s="109">
        <v>1665731</v>
      </c>
      <c r="OR27" s="110">
        <v>10566045</v>
      </c>
      <c r="OS27" s="130">
        <v>10609746</v>
      </c>
    </row>
    <row r="28" spans="2:409" ht="21" customHeight="1" x14ac:dyDescent="0.2">
      <c r="B28" s="472" t="s">
        <v>23</v>
      </c>
      <c r="C28" s="100">
        <v>63045</v>
      </c>
      <c r="D28" s="104">
        <v>67301</v>
      </c>
      <c r="E28" s="103">
        <v>130346</v>
      </c>
      <c r="F28" s="99">
        <v>0</v>
      </c>
      <c r="G28" s="104">
        <v>1341747</v>
      </c>
      <c r="H28" s="104">
        <v>2009948</v>
      </c>
      <c r="I28" s="104">
        <v>2200021</v>
      </c>
      <c r="J28" s="104">
        <v>3658887</v>
      </c>
      <c r="K28" s="104">
        <v>1516338</v>
      </c>
      <c r="L28" s="160">
        <v>10726941</v>
      </c>
      <c r="M28" s="106">
        <v>10857287</v>
      </c>
      <c r="N28" s="100">
        <v>49563</v>
      </c>
      <c r="O28" s="104">
        <v>56535</v>
      </c>
      <c r="P28" s="103">
        <v>106098</v>
      </c>
      <c r="Q28" s="100">
        <v>0</v>
      </c>
      <c r="R28" s="104">
        <v>275366</v>
      </c>
      <c r="S28" s="104">
        <v>435341</v>
      </c>
      <c r="T28" s="104">
        <v>978138</v>
      </c>
      <c r="U28" s="104">
        <v>755443</v>
      </c>
      <c r="V28" s="104">
        <v>205844</v>
      </c>
      <c r="W28" s="103">
        <v>2650132</v>
      </c>
      <c r="X28" s="106">
        <v>2756230</v>
      </c>
      <c r="Y28" s="100">
        <v>0</v>
      </c>
      <c r="Z28" s="104">
        <v>0</v>
      </c>
      <c r="AA28" s="103">
        <v>0</v>
      </c>
      <c r="AB28" s="100">
        <v>0</v>
      </c>
      <c r="AC28" s="104">
        <v>21131</v>
      </c>
      <c r="AD28" s="104">
        <v>136836</v>
      </c>
      <c r="AE28" s="104">
        <v>541596</v>
      </c>
      <c r="AF28" s="104">
        <v>229869</v>
      </c>
      <c r="AG28" s="104">
        <v>0</v>
      </c>
      <c r="AH28" s="103">
        <v>929432</v>
      </c>
      <c r="AI28" s="106">
        <v>929432</v>
      </c>
      <c r="AJ28" s="100">
        <v>0</v>
      </c>
      <c r="AK28" s="104">
        <v>0</v>
      </c>
      <c r="AL28" s="103">
        <v>0</v>
      </c>
      <c r="AM28" s="100">
        <v>0</v>
      </c>
      <c r="AN28" s="104">
        <v>40917</v>
      </c>
      <c r="AO28" s="104">
        <v>0</v>
      </c>
      <c r="AP28" s="104">
        <v>31095</v>
      </c>
      <c r="AQ28" s="104">
        <v>0</v>
      </c>
      <c r="AR28" s="104">
        <v>52359</v>
      </c>
      <c r="AS28" s="103">
        <v>124371</v>
      </c>
      <c r="AT28" s="106">
        <v>124371</v>
      </c>
      <c r="AU28" s="100">
        <v>43858</v>
      </c>
      <c r="AV28" s="104">
        <v>29494</v>
      </c>
      <c r="AW28" s="103">
        <v>73352</v>
      </c>
      <c r="AX28" s="100">
        <v>0</v>
      </c>
      <c r="AY28" s="104">
        <v>178472</v>
      </c>
      <c r="AZ28" s="104">
        <v>227716</v>
      </c>
      <c r="BA28" s="104">
        <v>274575</v>
      </c>
      <c r="BB28" s="104">
        <v>152270</v>
      </c>
      <c r="BC28" s="104">
        <v>35045</v>
      </c>
      <c r="BD28" s="103">
        <v>868078</v>
      </c>
      <c r="BE28" s="106">
        <v>941430</v>
      </c>
      <c r="BF28" s="100">
        <v>0</v>
      </c>
      <c r="BG28" s="104">
        <v>27041</v>
      </c>
      <c r="BH28" s="102">
        <v>27041</v>
      </c>
      <c r="BI28" s="101">
        <v>0</v>
      </c>
      <c r="BJ28" s="104">
        <v>0</v>
      </c>
      <c r="BK28" s="104">
        <v>57048</v>
      </c>
      <c r="BL28" s="104">
        <v>0</v>
      </c>
      <c r="BM28" s="104">
        <v>60047</v>
      </c>
      <c r="BN28" s="104">
        <v>0</v>
      </c>
      <c r="BO28" s="103">
        <v>117095</v>
      </c>
      <c r="BP28" s="106">
        <v>144136</v>
      </c>
      <c r="BQ28" s="100">
        <v>5705</v>
      </c>
      <c r="BR28" s="104">
        <v>0</v>
      </c>
      <c r="BS28" s="103">
        <v>5705</v>
      </c>
      <c r="BT28" s="100">
        <v>0</v>
      </c>
      <c r="BU28" s="104">
        <v>34846</v>
      </c>
      <c r="BV28" s="104">
        <v>13741</v>
      </c>
      <c r="BW28" s="104">
        <v>130872</v>
      </c>
      <c r="BX28" s="104">
        <v>313257</v>
      </c>
      <c r="BY28" s="104">
        <v>118440</v>
      </c>
      <c r="BZ28" s="103">
        <v>611156</v>
      </c>
      <c r="CA28" s="106">
        <v>616861</v>
      </c>
      <c r="CB28" s="100">
        <v>0</v>
      </c>
      <c r="CC28" s="104">
        <v>0</v>
      </c>
      <c r="CD28" s="103">
        <v>0</v>
      </c>
      <c r="CE28" s="100">
        <v>0</v>
      </c>
      <c r="CF28" s="104">
        <v>555966</v>
      </c>
      <c r="CG28" s="104">
        <v>1143967</v>
      </c>
      <c r="CH28" s="104">
        <v>644983</v>
      </c>
      <c r="CI28" s="104">
        <v>618218</v>
      </c>
      <c r="CJ28" s="104">
        <v>263982</v>
      </c>
      <c r="CK28" s="103">
        <v>3227116</v>
      </c>
      <c r="CL28" s="106">
        <v>3227116</v>
      </c>
      <c r="CM28" s="100">
        <v>0</v>
      </c>
      <c r="CN28" s="104">
        <v>0</v>
      </c>
      <c r="CO28" s="103">
        <v>0</v>
      </c>
      <c r="CP28" s="101">
        <v>0</v>
      </c>
      <c r="CQ28" s="104">
        <v>437482</v>
      </c>
      <c r="CR28" s="104">
        <v>1050880</v>
      </c>
      <c r="CS28" s="104">
        <v>528927</v>
      </c>
      <c r="CT28" s="104">
        <v>329791</v>
      </c>
      <c r="CU28" s="104">
        <v>0</v>
      </c>
      <c r="CV28" s="103">
        <v>2347080</v>
      </c>
      <c r="CW28" s="106">
        <v>2347080</v>
      </c>
      <c r="CX28" s="100">
        <v>0</v>
      </c>
      <c r="CY28" s="104">
        <v>0</v>
      </c>
      <c r="CZ28" s="103">
        <v>0</v>
      </c>
      <c r="DA28" s="100">
        <v>0</v>
      </c>
      <c r="DB28" s="104">
        <v>118484</v>
      </c>
      <c r="DC28" s="104">
        <v>93087</v>
      </c>
      <c r="DD28" s="104">
        <v>116056</v>
      </c>
      <c r="DE28" s="104">
        <v>288427</v>
      </c>
      <c r="DF28" s="104">
        <v>263982</v>
      </c>
      <c r="DG28" s="103">
        <v>880036</v>
      </c>
      <c r="DH28" s="106">
        <v>880036</v>
      </c>
      <c r="DI28" s="100">
        <v>0</v>
      </c>
      <c r="DJ28" s="104">
        <v>0</v>
      </c>
      <c r="DK28" s="102">
        <v>0</v>
      </c>
      <c r="DL28" s="101">
        <v>0</v>
      </c>
      <c r="DM28" s="104">
        <v>155201</v>
      </c>
      <c r="DN28" s="104">
        <v>113596</v>
      </c>
      <c r="DO28" s="104">
        <v>259120</v>
      </c>
      <c r="DP28" s="104">
        <v>69005</v>
      </c>
      <c r="DQ28" s="104">
        <v>0</v>
      </c>
      <c r="DR28" s="103">
        <v>596922</v>
      </c>
      <c r="DS28" s="106">
        <v>596922</v>
      </c>
      <c r="DT28" s="100">
        <v>0</v>
      </c>
      <c r="DU28" s="104">
        <v>0</v>
      </c>
      <c r="DV28" s="103">
        <v>0</v>
      </c>
      <c r="DW28" s="100">
        <v>0</v>
      </c>
      <c r="DX28" s="104">
        <v>155201</v>
      </c>
      <c r="DY28" s="104">
        <v>113596</v>
      </c>
      <c r="DZ28" s="104">
        <v>232707</v>
      </c>
      <c r="EA28" s="104">
        <v>69005</v>
      </c>
      <c r="EB28" s="104">
        <v>0</v>
      </c>
      <c r="EC28" s="103">
        <v>570509</v>
      </c>
      <c r="ED28" s="106">
        <v>570509</v>
      </c>
      <c r="EE28" s="100">
        <v>0</v>
      </c>
      <c r="EF28" s="102">
        <v>0</v>
      </c>
      <c r="EG28" s="103">
        <v>0</v>
      </c>
      <c r="EH28" s="100">
        <v>0</v>
      </c>
      <c r="EI28" s="104">
        <v>0</v>
      </c>
      <c r="EJ28" s="104">
        <v>0</v>
      </c>
      <c r="EK28" s="104">
        <v>26413</v>
      </c>
      <c r="EL28" s="104">
        <v>0</v>
      </c>
      <c r="EM28" s="104">
        <v>0</v>
      </c>
      <c r="EN28" s="102">
        <v>26413</v>
      </c>
      <c r="EO28" s="106">
        <v>26413</v>
      </c>
      <c r="EP28" s="100">
        <v>0</v>
      </c>
      <c r="EQ28" s="104">
        <v>0</v>
      </c>
      <c r="ER28" s="102">
        <v>0</v>
      </c>
      <c r="ES28" s="101">
        <v>0</v>
      </c>
      <c r="ET28" s="104">
        <v>0</v>
      </c>
      <c r="EU28" s="104">
        <v>0</v>
      </c>
      <c r="EV28" s="104">
        <v>0</v>
      </c>
      <c r="EW28" s="104">
        <v>0</v>
      </c>
      <c r="EX28" s="104">
        <v>0</v>
      </c>
      <c r="EY28" s="103">
        <v>0</v>
      </c>
      <c r="EZ28" s="106">
        <v>0</v>
      </c>
      <c r="FA28" s="100">
        <v>0</v>
      </c>
      <c r="FB28" s="104">
        <v>0</v>
      </c>
      <c r="FC28" s="102">
        <v>0</v>
      </c>
      <c r="FD28" s="324"/>
      <c r="FE28" s="104">
        <v>0</v>
      </c>
      <c r="FF28" s="104">
        <v>0</v>
      </c>
      <c r="FG28" s="104">
        <v>0</v>
      </c>
      <c r="FH28" s="104">
        <v>0</v>
      </c>
      <c r="FI28" s="104">
        <v>0</v>
      </c>
      <c r="FJ28" s="103">
        <v>0</v>
      </c>
      <c r="FK28" s="106">
        <v>0</v>
      </c>
      <c r="FL28" s="100">
        <v>13482</v>
      </c>
      <c r="FM28" s="104">
        <v>10766</v>
      </c>
      <c r="FN28" s="103">
        <v>24248</v>
      </c>
      <c r="FO28" s="100">
        <v>0</v>
      </c>
      <c r="FP28" s="104">
        <v>156072</v>
      </c>
      <c r="FQ28" s="104">
        <v>317044</v>
      </c>
      <c r="FR28" s="104">
        <v>141862</v>
      </c>
      <c r="FS28" s="104">
        <v>192122</v>
      </c>
      <c r="FT28" s="104">
        <v>79471</v>
      </c>
      <c r="FU28" s="103">
        <v>886571</v>
      </c>
      <c r="FV28" s="106">
        <v>910819</v>
      </c>
      <c r="FW28" s="105">
        <v>13482</v>
      </c>
      <c r="FX28" s="104">
        <v>10766</v>
      </c>
      <c r="FY28" s="102">
        <v>24248</v>
      </c>
      <c r="FZ28" s="101">
        <v>0</v>
      </c>
      <c r="GA28" s="104">
        <v>95872</v>
      </c>
      <c r="GB28" s="104">
        <v>255444</v>
      </c>
      <c r="GC28" s="104">
        <v>141862</v>
      </c>
      <c r="GD28" s="104">
        <v>171794</v>
      </c>
      <c r="GE28" s="104">
        <v>79471</v>
      </c>
      <c r="GF28" s="103">
        <v>744443</v>
      </c>
      <c r="GG28" s="296">
        <v>768691</v>
      </c>
      <c r="GH28" s="105">
        <v>0</v>
      </c>
      <c r="GI28" s="104">
        <v>0</v>
      </c>
      <c r="GJ28" s="102">
        <v>0</v>
      </c>
      <c r="GK28" s="101">
        <v>0</v>
      </c>
      <c r="GL28" s="104">
        <v>0</v>
      </c>
      <c r="GM28" s="104">
        <v>0</v>
      </c>
      <c r="GN28" s="104">
        <v>0</v>
      </c>
      <c r="GO28" s="104">
        <v>20328</v>
      </c>
      <c r="GP28" s="104">
        <v>0</v>
      </c>
      <c r="GQ28" s="103">
        <v>20328</v>
      </c>
      <c r="GR28" s="106">
        <v>20328</v>
      </c>
      <c r="GS28" s="100">
        <v>0</v>
      </c>
      <c r="GT28" s="104">
        <v>0</v>
      </c>
      <c r="GU28" s="103">
        <v>0</v>
      </c>
      <c r="GV28" s="100">
        <v>0</v>
      </c>
      <c r="GW28" s="104">
        <v>60200</v>
      </c>
      <c r="GX28" s="104">
        <v>61600</v>
      </c>
      <c r="GY28" s="104">
        <v>0</v>
      </c>
      <c r="GZ28" s="104">
        <v>0</v>
      </c>
      <c r="HA28" s="104">
        <v>0</v>
      </c>
      <c r="HB28" s="102">
        <v>121800</v>
      </c>
      <c r="HC28" s="106">
        <v>121800</v>
      </c>
      <c r="HD28" s="100">
        <v>0</v>
      </c>
      <c r="HE28" s="104">
        <v>0</v>
      </c>
      <c r="HF28" s="102">
        <v>0</v>
      </c>
      <c r="HG28" s="101">
        <v>0</v>
      </c>
      <c r="HH28" s="104">
        <v>199142</v>
      </c>
      <c r="HI28" s="104">
        <v>0</v>
      </c>
      <c r="HJ28" s="104">
        <v>175918</v>
      </c>
      <c r="HK28" s="104">
        <v>2024099</v>
      </c>
      <c r="HL28" s="104">
        <v>967041</v>
      </c>
      <c r="HM28" s="103">
        <v>3366200</v>
      </c>
      <c r="HN28" s="99">
        <v>3366200</v>
      </c>
      <c r="HO28" s="306"/>
      <c r="HP28" s="307"/>
      <c r="HQ28" s="308"/>
      <c r="HR28" s="309"/>
      <c r="HS28" s="307"/>
      <c r="HT28" s="307"/>
      <c r="HU28" s="307"/>
      <c r="HV28" s="307"/>
      <c r="HW28" s="307"/>
      <c r="HX28" s="310"/>
      <c r="HY28" s="311"/>
      <c r="HZ28" s="137">
        <v>0</v>
      </c>
      <c r="IA28" s="122">
        <v>0</v>
      </c>
      <c r="IB28" s="137">
        <v>0</v>
      </c>
      <c r="IC28" s="121">
        <v>0</v>
      </c>
      <c r="ID28" s="122">
        <v>234120</v>
      </c>
      <c r="IE28" s="123">
        <v>138442</v>
      </c>
      <c r="IF28" s="124">
        <v>525807</v>
      </c>
      <c r="IG28" s="122">
        <v>235579</v>
      </c>
      <c r="IH28" s="124">
        <v>446448</v>
      </c>
      <c r="II28" s="125">
        <v>1580396</v>
      </c>
      <c r="IJ28" s="137">
        <v>1580396</v>
      </c>
      <c r="IK28" s="219">
        <v>0</v>
      </c>
      <c r="IL28" s="223">
        <v>0</v>
      </c>
      <c r="IM28" s="224">
        <v>0</v>
      </c>
      <c r="IN28" s="127"/>
      <c r="IO28" s="109">
        <v>0</v>
      </c>
      <c r="IP28" s="109">
        <v>0</v>
      </c>
      <c r="IQ28" s="109">
        <v>0</v>
      </c>
      <c r="IR28" s="109">
        <v>0</v>
      </c>
      <c r="IS28" s="109">
        <v>232199</v>
      </c>
      <c r="IT28" s="128">
        <v>232199</v>
      </c>
      <c r="IU28" s="298">
        <v>232199</v>
      </c>
      <c r="IV28" s="129">
        <v>0</v>
      </c>
      <c r="IW28" s="109">
        <v>0</v>
      </c>
      <c r="IX28" s="110">
        <v>0</v>
      </c>
      <c r="IY28" s="131"/>
      <c r="IZ28" s="109">
        <v>0</v>
      </c>
      <c r="JA28" s="109">
        <v>0</v>
      </c>
      <c r="JB28" s="109">
        <v>0</v>
      </c>
      <c r="JC28" s="109">
        <v>0</v>
      </c>
      <c r="JD28" s="109">
        <v>0</v>
      </c>
      <c r="JE28" s="110">
        <v>0</v>
      </c>
      <c r="JF28" s="111">
        <v>0</v>
      </c>
      <c r="JG28" s="129">
        <v>0</v>
      </c>
      <c r="JH28" s="109">
        <v>0</v>
      </c>
      <c r="JI28" s="128">
        <v>0</v>
      </c>
      <c r="JJ28" s="108">
        <v>0</v>
      </c>
      <c r="JK28" s="109">
        <v>17055</v>
      </c>
      <c r="JL28" s="109">
        <v>138442</v>
      </c>
      <c r="JM28" s="109">
        <v>72981</v>
      </c>
      <c r="JN28" s="109">
        <v>0</v>
      </c>
      <c r="JO28" s="109">
        <v>214249</v>
      </c>
      <c r="JP28" s="110">
        <v>442727</v>
      </c>
      <c r="JQ28" s="298">
        <v>442727</v>
      </c>
      <c r="JR28" s="129">
        <v>0</v>
      </c>
      <c r="JS28" s="109">
        <v>0</v>
      </c>
      <c r="JT28" s="128">
        <v>0</v>
      </c>
      <c r="JU28" s="108">
        <v>0</v>
      </c>
      <c r="JV28" s="109">
        <v>0</v>
      </c>
      <c r="JW28" s="109">
        <v>0</v>
      </c>
      <c r="JX28" s="109">
        <v>0</v>
      </c>
      <c r="JY28" s="109">
        <v>0</v>
      </c>
      <c r="JZ28" s="109">
        <v>0</v>
      </c>
      <c r="KA28" s="110">
        <v>0</v>
      </c>
      <c r="KB28" s="298">
        <v>0</v>
      </c>
      <c r="KC28" s="221">
        <v>0</v>
      </c>
      <c r="KD28" s="217">
        <v>0</v>
      </c>
      <c r="KE28" s="110">
        <v>0</v>
      </c>
      <c r="KF28" s="108">
        <v>0</v>
      </c>
      <c r="KG28" s="109">
        <v>0</v>
      </c>
      <c r="KH28" s="109">
        <v>0</v>
      </c>
      <c r="KI28" s="109">
        <v>0</v>
      </c>
      <c r="KJ28" s="109">
        <v>0</v>
      </c>
      <c r="KK28" s="109">
        <v>0</v>
      </c>
      <c r="KL28" s="110">
        <v>0</v>
      </c>
      <c r="KM28" s="130">
        <v>0</v>
      </c>
      <c r="KN28" s="219">
        <v>0</v>
      </c>
      <c r="KO28" s="223">
        <v>0</v>
      </c>
      <c r="KP28" s="224">
        <v>0</v>
      </c>
      <c r="KQ28" s="127"/>
      <c r="KR28" s="109">
        <v>217065</v>
      </c>
      <c r="KS28" s="109">
        <v>0</v>
      </c>
      <c r="KT28" s="109">
        <v>452826</v>
      </c>
      <c r="KU28" s="109">
        <v>235579</v>
      </c>
      <c r="KV28" s="109">
        <v>0</v>
      </c>
      <c r="KW28" s="110">
        <v>905470</v>
      </c>
      <c r="KX28" s="298">
        <v>905470</v>
      </c>
      <c r="KY28" s="129">
        <v>0</v>
      </c>
      <c r="KZ28" s="109">
        <v>0</v>
      </c>
      <c r="LA28" s="110">
        <v>0</v>
      </c>
      <c r="LB28" s="132"/>
      <c r="LC28" s="109">
        <v>0</v>
      </c>
      <c r="LD28" s="109">
        <v>0</v>
      </c>
      <c r="LE28" s="109">
        <v>0</v>
      </c>
      <c r="LF28" s="109">
        <v>0</v>
      </c>
      <c r="LG28" s="109">
        <v>0</v>
      </c>
      <c r="LH28" s="110">
        <v>0</v>
      </c>
      <c r="LI28" s="111">
        <v>0</v>
      </c>
      <c r="LJ28" s="129">
        <v>0</v>
      </c>
      <c r="LK28" s="109">
        <v>0</v>
      </c>
      <c r="LL28" s="110">
        <v>0</v>
      </c>
      <c r="LM28" s="132"/>
      <c r="LN28" s="109">
        <v>0</v>
      </c>
      <c r="LO28" s="109">
        <v>0</v>
      </c>
      <c r="LP28" s="109">
        <v>0</v>
      </c>
      <c r="LQ28" s="109">
        <v>0</v>
      </c>
      <c r="LR28" s="109">
        <v>0</v>
      </c>
      <c r="LS28" s="110">
        <v>0</v>
      </c>
      <c r="LT28" s="298">
        <v>0</v>
      </c>
      <c r="LU28" s="129">
        <v>0</v>
      </c>
      <c r="LV28" s="109">
        <v>0</v>
      </c>
      <c r="LW28" s="110">
        <v>0</v>
      </c>
      <c r="LX28" s="132"/>
      <c r="LY28" s="109">
        <v>0</v>
      </c>
      <c r="LZ28" s="109">
        <v>0</v>
      </c>
      <c r="MA28" s="109">
        <v>0</v>
      </c>
      <c r="MB28" s="109">
        <v>0</v>
      </c>
      <c r="MC28" s="109">
        <v>0</v>
      </c>
      <c r="MD28" s="110">
        <v>0</v>
      </c>
      <c r="ME28" s="111">
        <v>0</v>
      </c>
      <c r="MF28" s="129">
        <v>0</v>
      </c>
      <c r="MG28" s="109">
        <v>0</v>
      </c>
      <c r="MH28" s="110">
        <v>0</v>
      </c>
      <c r="MI28" s="132"/>
      <c r="MJ28" s="109">
        <v>0</v>
      </c>
      <c r="MK28" s="109">
        <v>268730</v>
      </c>
      <c r="ML28" s="109">
        <v>680569</v>
      </c>
      <c r="MM28" s="109">
        <v>730400</v>
      </c>
      <c r="MN28" s="109">
        <v>1312008</v>
      </c>
      <c r="MO28" s="110">
        <v>2991707</v>
      </c>
      <c r="MP28" s="130">
        <v>2991707</v>
      </c>
      <c r="MQ28" s="129">
        <v>0</v>
      </c>
      <c r="MR28" s="109">
        <v>0</v>
      </c>
      <c r="MS28" s="110">
        <v>0</v>
      </c>
      <c r="MT28" s="132"/>
      <c r="MU28" s="109">
        <v>0</v>
      </c>
      <c r="MV28" s="109">
        <v>0</v>
      </c>
      <c r="MW28" s="109">
        <v>442028</v>
      </c>
      <c r="MX28" s="109">
        <v>462972</v>
      </c>
      <c r="MY28" s="109">
        <v>475182</v>
      </c>
      <c r="MZ28" s="110">
        <v>1380182</v>
      </c>
      <c r="NA28" s="130">
        <v>1380182</v>
      </c>
      <c r="NB28" s="129">
        <v>0</v>
      </c>
      <c r="NC28" s="109">
        <v>0</v>
      </c>
      <c r="ND28" s="110">
        <v>0</v>
      </c>
      <c r="NE28" s="132"/>
      <c r="NF28" s="109">
        <v>0</v>
      </c>
      <c r="NG28" s="109">
        <v>268730</v>
      </c>
      <c r="NH28" s="109">
        <v>238541</v>
      </c>
      <c r="NI28" s="109">
        <v>267428</v>
      </c>
      <c r="NJ28" s="109">
        <v>510651</v>
      </c>
      <c r="NK28" s="110">
        <v>1285350</v>
      </c>
      <c r="NL28" s="298">
        <v>1285350</v>
      </c>
      <c r="NM28" s="129">
        <v>0</v>
      </c>
      <c r="NN28" s="109">
        <v>0</v>
      </c>
      <c r="NO28" s="110">
        <v>0</v>
      </c>
      <c r="NP28" s="132"/>
      <c r="NQ28" s="109">
        <v>0</v>
      </c>
      <c r="NR28" s="109">
        <v>0</v>
      </c>
      <c r="NS28" s="109">
        <v>0</v>
      </c>
      <c r="NT28" s="109">
        <v>0</v>
      </c>
      <c r="NU28" s="109">
        <v>0</v>
      </c>
      <c r="NV28" s="110">
        <v>0</v>
      </c>
      <c r="NW28" s="111">
        <v>0</v>
      </c>
      <c r="NX28" s="129">
        <v>0</v>
      </c>
      <c r="NY28" s="109">
        <v>0</v>
      </c>
      <c r="NZ28" s="110">
        <v>0</v>
      </c>
      <c r="OA28" s="132"/>
      <c r="OB28" s="109">
        <v>0</v>
      </c>
      <c r="OC28" s="109">
        <v>0</v>
      </c>
      <c r="OD28" s="109">
        <v>0</v>
      </c>
      <c r="OE28" s="109">
        <v>0</v>
      </c>
      <c r="OF28" s="109">
        <v>326175</v>
      </c>
      <c r="OG28" s="110">
        <v>326175</v>
      </c>
      <c r="OH28" s="111">
        <v>326175</v>
      </c>
      <c r="OI28" s="129">
        <v>63045</v>
      </c>
      <c r="OJ28" s="109">
        <v>67301</v>
      </c>
      <c r="OK28" s="128">
        <v>130346</v>
      </c>
      <c r="OL28" s="108">
        <v>0</v>
      </c>
      <c r="OM28" s="109">
        <v>1575867</v>
      </c>
      <c r="ON28" s="109">
        <v>2417120</v>
      </c>
      <c r="OO28" s="109">
        <v>3406397</v>
      </c>
      <c r="OP28" s="109">
        <v>4624866</v>
      </c>
      <c r="OQ28" s="109">
        <v>3274794</v>
      </c>
      <c r="OR28" s="110">
        <v>15299044</v>
      </c>
      <c r="OS28" s="130">
        <v>15429390</v>
      </c>
    </row>
    <row r="29" spans="2:409" ht="21" customHeight="1" x14ac:dyDescent="0.2">
      <c r="B29" s="472" t="s">
        <v>24</v>
      </c>
      <c r="C29" s="100">
        <v>241284</v>
      </c>
      <c r="D29" s="104">
        <v>281971</v>
      </c>
      <c r="E29" s="103">
        <v>523255</v>
      </c>
      <c r="F29" s="99">
        <v>0</v>
      </c>
      <c r="G29" s="104">
        <v>2147525</v>
      </c>
      <c r="H29" s="104">
        <v>2321334</v>
      </c>
      <c r="I29" s="104">
        <v>1946489</v>
      </c>
      <c r="J29" s="104">
        <v>1347100</v>
      </c>
      <c r="K29" s="104">
        <v>2520376</v>
      </c>
      <c r="L29" s="160">
        <v>10282824</v>
      </c>
      <c r="M29" s="106">
        <v>10806079</v>
      </c>
      <c r="N29" s="100">
        <v>69947</v>
      </c>
      <c r="O29" s="104">
        <v>-155465</v>
      </c>
      <c r="P29" s="103">
        <v>-85518</v>
      </c>
      <c r="Q29" s="100">
        <v>0</v>
      </c>
      <c r="R29" s="104">
        <v>815866</v>
      </c>
      <c r="S29" s="104">
        <v>464865</v>
      </c>
      <c r="T29" s="104">
        <v>883078</v>
      </c>
      <c r="U29" s="104">
        <v>467590</v>
      </c>
      <c r="V29" s="104">
        <v>1127314</v>
      </c>
      <c r="W29" s="103">
        <v>3758713</v>
      </c>
      <c r="X29" s="106">
        <v>3673195</v>
      </c>
      <c r="Y29" s="100">
        <v>0</v>
      </c>
      <c r="Z29" s="104">
        <v>0</v>
      </c>
      <c r="AA29" s="103">
        <v>0</v>
      </c>
      <c r="AB29" s="100">
        <v>0</v>
      </c>
      <c r="AC29" s="104">
        <v>231650</v>
      </c>
      <c r="AD29" s="104">
        <v>219532</v>
      </c>
      <c r="AE29" s="104">
        <v>428777</v>
      </c>
      <c r="AF29" s="104">
        <v>120222</v>
      </c>
      <c r="AG29" s="104">
        <v>653439</v>
      </c>
      <c r="AH29" s="103">
        <v>1653620</v>
      </c>
      <c r="AI29" s="106">
        <v>1653620</v>
      </c>
      <c r="AJ29" s="100">
        <v>0</v>
      </c>
      <c r="AK29" s="104">
        <v>0</v>
      </c>
      <c r="AL29" s="103">
        <v>0</v>
      </c>
      <c r="AM29" s="100">
        <v>0</v>
      </c>
      <c r="AN29" s="104">
        <v>139020</v>
      </c>
      <c r="AO29" s="104">
        <v>0</v>
      </c>
      <c r="AP29" s="104">
        <v>0</v>
      </c>
      <c r="AQ29" s="104">
        <v>0</v>
      </c>
      <c r="AR29" s="104">
        <v>153954</v>
      </c>
      <c r="AS29" s="103">
        <v>292974</v>
      </c>
      <c r="AT29" s="106">
        <v>292974</v>
      </c>
      <c r="AU29" s="100">
        <v>30964</v>
      </c>
      <c r="AV29" s="104">
        <v>-170445</v>
      </c>
      <c r="AW29" s="103">
        <v>-139481</v>
      </c>
      <c r="AX29" s="100">
        <v>0</v>
      </c>
      <c r="AY29" s="104">
        <v>380852</v>
      </c>
      <c r="AZ29" s="104">
        <v>128454</v>
      </c>
      <c r="BA29" s="104">
        <v>349658</v>
      </c>
      <c r="BB29" s="104">
        <v>228067</v>
      </c>
      <c r="BC29" s="104">
        <v>145453</v>
      </c>
      <c r="BD29" s="103">
        <v>1232484</v>
      </c>
      <c r="BE29" s="106">
        <v>1093003</v>
      </c>
      <c r="BF29" s="100">
        <v>0</v>
      </c>
      <c r="BG29" s="104">
        <v>0</v>
      </c>
      <c r="BH29" s="102">
        <v>0</v>
      </c>
      <c r="BI29" s="101">
        <v>0</v>
      </c>
      <c r="BJ29" s="104">
        <v>0</v>
      </c>
      <c r="BK29" s="104">
        <v>17528</v>
      </c>
      <c r="BL29" s="104">
        <v>0</v>
      </c>
      <c r="BM29" s="104">
        <v>0</v>
      </c>
      <c r="BN29" s="104">
        <v>28490</v>
      </c>
      <c r="BO29" s="103">
        <v>46018</v>
      </c>
      <c r="BP29" s="106">
        <v>46018</v>
      </c>
      <c r="BQ29" s="100">
        <v>38983</v>
      </c>
      <c r="BR29" s="104">
        <v>14980</v>
      </c>
      <c r="BS29" s="103">
        <v>53963</v>
      </c>
      <c r="BT29" s="100">
        <v>0</v>
      </c>
      <c r="BU29" s="104">
        <v>64344</v>
      </c>
      <c r="BV29" s="104">
        <v>99351</v>
      </c>
      <c r="BW29" s="104">
        <v>104643</v>
      </c>
      <c r="BX29" s="104">
        <v>119301</v>
      </c>
      <c r="BY29" s="104">
        <v>145978</v>
      </c>
      <c r="BZ29" s="103">
        <v>533617</v>
      </c>
      <c r="CA29" s="106">
        <v>587580</v>
      </c>
      <c r="CB29" s="100">
        <v>18735</v>
      </c>
      <c r="CC29" s="104">
        <v>0</v>
      </c>
      <c r="CD29" s="103">
        <v>18735</v>
      </c>
      <c r="CE29" s="100">
        <v>0</v>
      </c>
      <c r="CF29" s="104">
        <v>620250</v>
      </c>
      <c r="CG29" s="104">
        <v>727541</v>
      </c>
      <c r="CH29" s="104">
        <v>244516</v>
      </c>
      <c r="CI29" s="104">
        <v>173485</v>
      </c>
      <c r="CJ29" s="104">
        <v>439768</v>
      </c>
      <c r="CK29" s="103">
        <v>2205560</v>
      </c>
      <c r="CL29" s="106">
        <v>2224295</v>
      </c>
      <c r="CM29" s="100">
        <v>0</v>
      </c>
      <c r="CN29" s="104">
        <v>0</v>
      </c>
      <c r="CO29" s="103">
        <v>0</v>
      </c>
      <c r="CP29" s="101">
        <v>0</v>
      </c>
      <c r="CQ29" s="104">
        <v>477799</v>
      </c>
      <c r="CR29" s="104">
        <v>351736</v>
      </c>
      <c r="CS29" s="104">
        <v>216048</v>
      </c>
      <c r="CT29" s="104">
        <v>68166</v>
      </c>
      <c r="CU29" s="104">
        <v>74923</v>
      </c>
      <c r="CV29" s="103">
        <v>1188672</v>
      </c>
      <c r="CW29" s="106">
        <v>1188672</v>
      </c>
      <c r="CX29" s="100">
        <v>18735</v>
      </c>
      <c r="CY29" s="104">
        <v>0</v>
      </c>
      <c r="CZ29" s="103">
        <v>18735</v>
      </c>
      <c r="DA29" s="100">
        <v>0</v>
      </c>
      <c r="DB29" s="104">
        <v>142451</v>
      </c>
      <c r="DC29" s="104">
        <v>375805</v>
      </c>
      <c r="DD29" s="104">
        <v>28468</v>
      </c>
      <c r="DE29" s="104">
        <v>105319</v>
      </c>
      <c r="DF29" s="104">
        <v>364845</v>
      </c>
      <c r="DG29" s="103">
        <v>1016888</v>
      </c>
      <c r="DH29" s="106">
        <v>1035623</v>
      </c>
      <c r="DI29" s="100">
        <v>0</v>
      </c>
      <c r="DJ29" s="104">
        <v>0</v>
      </c>
      <c r="DK29" s="102">
        <v>0</v>
      </c>
      <c r="DL29" s="101">
        <v>0</v>
      </c>
      <c r="DM29" s="104">
        <v>20506</v>
      </c>
      <c r="DN29" s="104">
        <v>95850</v>
      </c>
      <c r="DO29" s="104">
        <v>61918</v>
      </c>
      <c r="DP29" s="104">
        <v>25676</v>
      </c>
      <c r="DQ29" s="104">
        <v>84117</v>
      </c>
      <c r="DR29" s="103">
        <v>288067</v>
      </c>
      <c r="DS29" s="106">
        <v>288067</v>
      </c>
      <c r="DT29" s="100">
        <v>0</v>
      </c>
      <c r="DU29" s="104">
        <v>0</v>
      </c>
      <c r="DV29" s="103">
        <v>0</v>
      </c>
      <c r="DW29" s="100">
        <v>0</v>
      </c>
      <c r="DX29" s="104">
        <v>20506</v>
      </c>
      <c r="DY29" s="104">
        <v>95850</v>
      </c>
      <c r="DZ29" s="104">
        <v>61918</v>
      </c>
      <c r="EA29" s="104">
        <v>25676</v>
      </c>
      <c r="EB29" s="104">
        <v>84117</v>
      </c>
      <c r="EC29" s="103">
        <v>288067</v>
      </c>
      <c r="ED29" s="106">
        <v>288067</v>
      </c>
      <c r="EE29" s="100">
        <v>0</v>
      </c>
      <c r="EF29" s="102">
        <v>0</v>
      </c>
      <c r="EG29" s="103">
        <v>0</v>
      </c>
      <c r="EH29" s="100">
        <v>0</v>
      </c>
      <c r="EI29" s="104">
        <v>0</v>
      </c>
      <c r="EJ29" s="104">
        <v>0</v>
      </c>
      <c r="EK29" s="104">
        <v>0</v>
      </c>
      <c r="EL29" s="104">
        <v>0</v>
      </c>
      <c r="EM29" s="104">
        <v>0</v>
      </c>
      <c r="EN29" s="102">
        <v>0</v>
      </c>
      <c r="EO29" s="106">
        <v>0</v>
      </c>
      <c r="EP29" s="100">
        <v>0</v>
      </c>
      <c r="EQ29" s="104">
        <v>0</v>
      </c>
      <c r="ER29" s="102">
        <v>0</v>
      </c>
      <c r="ES29" s="101">
        <v>0</v>
      </c>
      <c r="ET29" s="104">
        <v>0</v>
      </c>
      <c r="EU29" s="104">
        <v>0</v>
      </c>
      <c r="EV29" s="104">
        <v>0</v>
      </c>
      <c r="EW29" s="104">
        <v>0</v>
      </c>
      <c r="EX29" s="104">
        <v>0</v>
      </c>
      <c r="EY29" s="103">
        <v>0</v>
      </c>
      <c r="EZ29" s="106">
        <v>0</v>
      </c>
      <c r="FA29" s="100">
        <v>0</v>
      </c>
      <c r="FB29" s="104">
        <v>0</v>
      </c>
      <c r="FC29" s="102">
        <v>0</v>
      </c>
      <c r="FD29" s="324"/>
      <c r="FE29" s="104">
        <v>0</v>
      </c>
      <c r="FF29" s="104">
        <v>0</v>
      </c>
      <c r="FG29" s="104">
        <v>0</v>
      </c>
      <c r="FH29" s="104">
        <v>0</v>
      </c>
      <c r="FI29" s="104">
        <v>0</v>
      </c>
      <c r="FJ29" s="103">
        <v>0</v>
      </c>
      <c r="FK29" s="106">
        <v>0</v>
      </c>
      <c r="FL29" s="100">
        <v>26530</v>
      </c>
      <c r="FM29" s="104">
        <v>47796</v>
      </c>
      <c r="FN29" s="103">
        <v>74326</v>
      </c>
      <c r="FO29" s="100">
        <v>0</v>
      </c>
      <c r="FP29" s="104">
        <v>63231</v>
      </c>
      <c r="FQ29" s="104">
        <v>183631</v>
      </c>
      <c r="FR29" s="104">
        <v>154756</v>
      </c>
      <c r="FS29" s="104">
        <v>98770</v>
      </c>
      <c r="FT29" s="104">
        <v>234521</v>
      </c>
      <c r="FU29" s="103">
        <v>734909</v>
      </c>
      <c r="FV29" s="106">
        <v>809235</v>
      </c>
      <c r="FW29" s="105">
        <v>26530</v>
      </c>
      <c r="FX29" s="104">
        <v>36246</v>
      </c>
      <c r="FY29" s="102">
        <v>62776</v>
      </c>
      <c r="FZ29" s="101">
        <v>0</v>
      </c>
      <c r="GA29" s="104">
        <v>63231</v>
      </c>
      <c r="GB29" s="104">
        <v>183631</v>
      </c>
      <c r="GC29" s="104">
        <v>154756</v>
      </c>
      <c r="GD29" s="104">
        <v>98770</v>
      </c>
      <c r="GE29" s="104">
        <v>234521</v>
      </c>
      <c r="GF29" s="103">
        <v>734909</v>
      </c>
      <c r="GG29" s="296">
        <v>797685</v>
      </c>
      <c r="GH29" s="105">
        <v>0</v>
      </c>
      <c r="GI29" s="104">
        <v>11550</v>
      </c>
      <c r="GJ29" s="102">
        <v>11550</v>
      </c>
      <c r="GK29" s="101">
        <v>0</v>
      </c>
      <c r="GL29" s="104">
        <v>0</v>
      </c>
      <c r="GM29" s="104">
        <v>0</v>
      </c>
      <c r="GN29" s="104">
        <v>0</v>
      </c>
      <c r="GO29" s="104">
        <v>0</v>
      </c>
      <c r="GP29" s="104">
        <v>0</v>
      </c>
      <c r="GQ29" s="103">
        <v>0</v>
      </c>
      <c r="GR29" s="106">
        <v>11550</v>
      </c>
      <c r="GS29" s="100">
        <v>0</v>
      </c>
      <c r="GT29" s="104">
        <v>0</v>
      </c>
      <c r="GU29" s="103">
        <v>0</v>
      </c>
      <c r="GV29" s="100">
        <v>0</v>
      </c>
      <c r="GW29" s="104">
        <v>0</v>
      </c>
      <c r="GX29" s="104">
        <v>0</v>
      </c>
      <c r="GY29" s="104">
        <v>0</v>
      </c>
      <c r="GZ29" s="104">
        <v>0</v>
      </c>
      <c r="HA29" s="104">
        <v>0</v>
      </c>
      <c r="HB29" s="102">
        <v>0</v>
      </c>
      <c r="HC29" s="106">
        <v>0</v>
      </c>
      <c r="HD29" s="100">
        <v>126072</v>
      </c>
      <c r="HE29" s="104">
        <v>389640</v>
      </c>
      <c r="HF29" s="102">
        <v>515712</v>
      </c>
      <c r="HG29" s="101">
        <v>0</v>
      </c>
      <c r="HH29" s="104">
        <v>627672</v>
      </c>
      <c r="HI29" s="104">
        <v>849447</v>
      </c>
      <c r="HJ29" s="104">
        <v>602221</v>
      </c>
      <c r="HK29" s="104">
        <v>581579</v>
      </c>
      <c r="HL29" s="104">
        <v>634656</v>
      </c>
      <c r="HM29" s="103">
        <v>3295575</v>
      </c>
      <c r="HN29" s="99">
        <v>3811287</v>
      </c>
      <c r="HO29" s="306"/>
      <c r="HP29" s="307"/>
      <c r="HQ29" s="308"/>
      <c r="HR29" s="309"/>
      <c r="HS29" s="307"/>
      <c r="HT29" s="307"/>
      <c r="HU29" s="307"/>
      <c r="HV29" s="307"/>
      <c r="HW29" s="307"/>
      <c r="HX29" s="310"/>
      <c r="HY29" s="311"/>
      <c r="HZ29" s="118">
        <v>0</v>
      </c>
      <c r="IA29" s="119">
        <v>0</v>
      </c>
      <c r="IB29" s="120">
        <v>0</v>
      </c>
      <c r="IC29" s="133">
        <v>0</v>
      </c>
      <c r="ID29" s="119">
        <v>888823</v>
      </c>
      <c r="IE29" s="134">
        <v>37159</v>
      </c>
      <c r="IF29" s="120">
        <v>466708</v>
      </c>
      <c r="IG29" s="119">
        <v>189329</v>
      </c>
      <c r="IH29" s="120">
        <v>347847</v>
      </c>
      <c r="II29" s="135">
        <v>1929866</v>
      </c>
      <c r="IJ29" s="126">
        <v>1929866</v>
      </c>
      <c r="IK29" s="219">
        <v>0</v>
      </c>
      <c r="IL29" s="223">
        <v>0</v>
      </c>
      <c r="IM29" s="224">
        <v>0</v>
      </c>
      <c r="IN29" s="127"/>
      <c r="IO29" s="109">
        <v>0</v>
      </c>
      <c r="IP29" s="109">
        <v>0</v>
      </c>
      <c r="IQ29" s="109">
        <v>138972</v>
      </c>
      <c r="IR29" s="109">
        <v>189329</v>
      </c>
      <c r="IS29" s="109">
        <v>0</v>
      </c>
      <c r="IT29" s="128">
        <v>328301</v>
      </c>
      <c r="IU29" s="298">
        <v>328301</v>
      </c>
      <c r="IV29" s="129">
        <v>0</v>
      </c>
      <c r="IW29" s="109">
        <v>0</v>
      </c>
      <c r="IX29" s="110">
        <v>0</v>
      </c>
      <c r="IY29" s="131"/>
      <c r="IZ29" s="109">
        <v>0</v>
      </c>
      <c r="JA29" s="109">
        <v>0</v>
      </c>
      <c r="JB29" s="109">
        <v>0</v>
      </c>
      <c r="JC29" s="109">
        <v>0</v>
      </c>
      <c r="JD29" s="109">
        <v>0</v>
      </c>
      <c r="JE29" s="110">
        <v>0</v>
      </c>
      <c r="JF29" s="111">
        <v>0</v>
      </c>
      <c r="JG29" s="129">
        <v>0</v>
      </c>
      <c r="JH29" s="109">
        <v>0</v>
      </c>
      <c r="JI29" s="128">
        <v>0</v>
      </c>
      <c r="JJ29" s="108">
        <v>0</v>
      </c>
      <c r="JK29" s="109">
        <v>0</v>
      </c>
      <c r="JL29" s="109">
        <v>0</v>
      </c>
      <c r="JM29" s="109">
        <v>0</v>
      </c>
      <c r="JN29" s="109">
        <v>0</v>
      </c>
      <c r="JO29" s="109">
        <v>0</v>
      </c>
      <c r="JP29" s="110">
        <v>0</v>
      </c>
      <c r="JQ29" s="298">
        <v>0</v>
      </c>
      <c r="JR29" s="129">
        <v>0</v>
      </c>
      <c r="JS29" s="109">
        <v>0</v>
      </c>
      <c r="JT29" s="128">
        <v>0</v>
      </c>
      <c r="JU29" s="108">
        <v>0</v>
      </c>
      <c r="JV29" s="109">
        <v>0</v>
      </c>
      <c r="JW29" s="109">
        <v>37159</v>
      </c>
      <c r="JX29" s="109">
        <v>148697</v>
      </c>
      <c r="JY29" s="109">
        <v>0</v>
      </c>
      <c r="JZ29" s="109">
        <v>127648</v>
      </c>
      <c r="KA29" s="110">
        <v>313504</v>
      </c>
      <c r="KB29" s="298">
        <v>313504</v>
      </c>
      <c r="KC29" s="221">
        <v>0</v>
      </c>
      <c r="KD29" s="217">
        <v>0</v>
      </c>
      <c r="KE29" s="110">
        <v>0</v>
      </c>
      <c r="KF29" s="108">
        <v>0</v>
      </c>
      <c r="KG29" s="109">
        <v>888823</v>
      </c>
      <c r="KH29" s="109">
        <v>0</v>
      </c>
      <c r="KI29" s="109">
        <v>179039</v>
      </c>
      <c r="KJ29" s="109">
        <v>0</v>
      </c>
      <c r="KK29" s="109">
        <v>0</v>
      </c>
      <c r="KL29" s="110">
        <v>1067862</v>
      </c>
      <c r="KM29" s="130">
        <v>1067862</v>
      </c>
      <c r="KN29" s="219">
        <v>0</v>
      </c>
      <c r="KO29" s="223">
        <v>0</v>
      </c>
      <c r="KP29" s="224">
        <v>0</v>
      </c>
      <c r="KQ29" s="127"/>
      <c r="KR29" s="109">
        <v>0</v>
      </c>
      <c r="KS29" s="109">
        <v>0</v>
      </c>
      <c r="KT29" s="109">
        <v>0</v>
      </c>
      <c r="KU29" s="109">
        <v>0</v>
      </c>
      <c r="KV29" s="109">
        <v>220199</v>
      </c>
      <c r="KW29" s="110">
        <v>220199</v>
      </c>
      <c r="KX29" s="298">
        <v>220199</v>
      </c>
      <c r="KY29" s="129">
        <v>0</v>
      </c>
      <c r="KZ29" s="109">
        <v>0</v>
      </c>
      <c r="LA29" s="110">
        <v>0</v>
      </c>
      <c r="LB29" s="132"/>
      <c r="LC29" s="109">
        <v>0</v>
      </c>
      <c r="LD29" s="109">
        <v>0</v>
      </c>
      <c r="LE29" s="109">
        <v>0</v>
      </c>
      <c r="LF29" s="109">
        <v>0</v>
      </c>
      <c r="LG29" s="109">
        <v>0</v>
      </c>
      <c r="LH29" s="110">
        <v>0</v>
      </c>
      <c r="LI29" s="111">
        <v>0</v>
      </c>
      <c r="LJ29" s="129">
        <v>0</v>
      </c>
      <c r="LK29" s="109">
        <v>0</v>
      </c>
      <c r="LL29" s="110">
        <v>0</v>
      </c>
      <c r="LM29" s="132"/>
      <c r="LN29" s="109">
        <v>0</v>
      </c>
      <c r="LO29" s="109">
        <v>0</v>
      </c>
      <c r="LP29" s="109">
        <v>0</v>
      </c>
      <c r="LQ29" s="109">
        <v>0</v>
      </c>
      <c r="LR29" s="109">
        <v>0</v>
      </c>
      <c r="LS29" s="110">
        <v>0</v>
      </c>
      <c r="LT29" s="298">
        <v>0</v>
      </c>
      <c r="LU29" s="129">
        <v>0</v>
      </c>
      <c r="LV29" s="109">
        <v>0</v>
      </c>
      <c r="LW29" s="110">
        <v>0</v>
      </c>
      <c r="LX29" s="132"/>
      <c r="LY29" s="109">
        <v>0</v>
      </c>
      <c r="LZ29" s="109">
        <v>0</v>
      </c>
      <c r="MA29" s="109">
        <v>0</v>
      </c>
      <c r="MB29" s="109">
        <v>0</v>
      </c>
      <c r="MC29" s="109">
        <v>0</v>
      </c>
      <c r="MD29" s="110">
        <v>0</v>
      </c>
      <c r="ME29" s="111">
        <v>0</v>
      </c>
      <c r="MF29" s="129">
        <v>0</v>
      </c>
      <c r="MG29" s="109">
        <v>0</v>
      </c>
      <c r="MH29" s="110">
        <v>0</v>
      </c>
      <c r="MI29" s="132"/>
      <c r="MJ29" s="109">
        <v>0</v>
      </c>
      <c r="MK29" s="109">
        <v>0</v>
      </c>
      <c r="ML29" s="109">
        <v>434630</v>
      </c>
      <c r="MM29" s="109">
        <v>1174997</v>
      </c>
      <c r="MN29" s="109">
        <v>498930</v>
      </c>
      <c r="MO29" s="110">
        <v>2108557</v>
      </c>
      <c r="MP29" s="130">
        <v>2108557</v>
      </c>
      <c r="MQ29" s="129">
        <v>0</v>
      </c>
      <c r="MR29" s="109">
        <v>0</v>
      </c>
      <c r="MS29" s="110">
        <v>0</v>
      </c>
      <c r="MT29" s="132"/>
      <c r="MU29" s="109">
        <v>0</v>
      </c>
      <c r="MV29" s="109">
        <v>0</v>
      </c>
      <c r="MW29" s="109">
        <v>434630</v>
      </c>
      <c r="MX29" s="109">
        <v>699813</v>
      </c>
      <c r="MY29" s="109">
        <v>498930</v>
      </c>
      <c r="MZ29" s="110">
        <v>1633373</v>
      </c>
      <c r="NA29" s="130">
        <v>1633373</v>
      </c>
      <c r="NB29" s="129">
        <v>0</v>
      </c>
      <c r="NC29" s="109">
        <v>0</v>
      </c>
      <c r="ND29" s="110">
        <v>0</v>
      </c>
      <c r="NE29" s="132"/>
      <c r="NF29" s="109">
        <v>0</v>
      </c>
      <c r="NG29" s="109">
        <v>0</v>
      </c>
      <c r="NH29" s="109">
        <v>0</v>
      </c>
      <c r="NI29" s="109">
        <v>475184</v>
      </c>
      <c r="NJ29" s="109">
        <v>0</v>
      </c>
      <c r="NK29" s="110">
        <v>475184</v>
      </c>
      <c r="NL29" s="298">
        <v>475184</v>
      </c>
      <c r="NM29" s="129">
        <v>0</v>
      </c>
      <c r="NN29" s="109">
        <v>0</v>
      </c>
      <c r="NO29" s="110">
        <v>0</v>
      </c>
      <c r="NP29" s="132"/>
      <c r="NQ29" s="109">
        <v>0</v>
      </c>
      <c r="NR29" s="109">
        <v>0</v>
      </c>
      <c r="NS29" s="109">
        <v>0</v>
      </c>
      <c r="NT29" s="109">
        <v>0</v>
      </c>
      <c r="NU29" s="109">
        <v>0</v>
      </c>
      <c r="NV29" s="110">
        <v>0</v>
      </c>
      <c r="NW29" s="111">
        <v>0</v>
      </c>
      <c r="NX29" s="129">
        <v>0</v>
      </c>
      <c r="NY29" s="109">
        <v>0</v>
      </c>
      <c r="NZ29" s="110">
        <v>0</v>
      </c>
      <c r="OA29" s="132"/>
      <c r="OB29" s="109">
        <v>0</v>
      </c>
      <c r="OC29" s="109">
        <v>0</v>
      </c>
      <c r="OD29" s="109">
        <v>0</v>
      </c>
      <c r="OE29" s="109">
        <v>0</v>
      </c>
      <c r="OF29" s="109">
        <v>0</v>
      </c>
      <c r="OG29" s="110">
        <v>0</v>
      </c>
      <c r="OH29" s="111">
        <v>0</v>
      </c>
      <c r="OI29" s="129">
        <v>241284</v>
      </c>
      <c r="OJ29" s="109">
        <v>281971</v>
      </c>
      <c r="OK29" s="128">
        <v>523255</v>
      </c>
      <c r="OL29" s="108">
        <v>0</v>
      </c>
      <c r="OM29" s="109">
        <v>3036348</v>
      </c>
      <c r="ON29" s="109">
        <v>2358493</v>
      </c>
      <c r="OO29" s="109">
        <v>2847827</v>
      </c>
      <c r="OP29" s="109">
        <v>2711426</v>
      </c>
      <c r="OQ29" s="109">
        <v>3367153</v>
      </c>
      <c r="OR29" s="110">
        <v>14321247</v>
      </c>
      <c r="OS29" s="130">
        <v>14844502</v>
      </c>
    </row>
    <row r="30" spans="2:409" ht="21" customHeight="1" x14ac:dyDescent="0.2">
      <c r="B30" s="472" t="s">
        <v>25</v>
      </c>
      <c r="C30" s="100">
        <v>60375</v>
      </c>
      <c r="D30" s="104">
        <v>212689</v>
      </c>
      <c r="E30" s="103">
        <v>273064</v>
      </c>
      <c r="F30" s="99">
        <v>0</v>
      </c>
      <c r="G30" s="104">
        <v>796486</v>
      </c>
      <c r="H30" s="104">
        <v>1046686</v>
      </c>
      <c r="I30" s="104">
        <v>438944</v>
      </c>
      <c r="J30" s="104">
        <v>781896</v>
      </c>
      <c r="K30" s="104">
        <v>906378</v>
      </c>
      <c r="L30" s="160">
        <v>3970390</v>
      </c>
      <c r="M30" s="106">
        <v>4243454</v>
      </c>
      <c r="N30" s="100">
        <v>50337</v>
      </c>
      <c r="O30" s="104">
        <v>115829</v>
      </c>
      <c r="P30" s="103">
        <v>166166</v>
      </c>
      <c r="Q30" s="100">
        <v>0</v>
      </c>
      <c r="R30" s="104">
        <v>287231</v>
      </c>
      <c r="S30" s="104">
        <v>304829</v>
      </c>
      <c r="T30" s="104">
        <v>56771</v>
      </c>
      <c r="U30" s="104">
        <v>196192</v>
      </c>
      <c r="V30" s="104">
        <v>340245</v>
      </c>
      <c r="W30" s="103">
        <v>1185268</v>
      </c>
      <c r="X30" s="106">
        <v>1351434</v>
      </c>
      <c r="Y30" s="100">
        <v>0</v>
      </c>
      <c r="Z30" s="104">
        <v>0</v>
      </c>
      <c r="AA30" s="103">
        <v>0</v>
      </c>
      <c r="AB30" s="100">
        <v>0</v>
      </c>
      <c r="AC30" s="104">
        <v>122501</v>
      </c>
      <c r="AD30" s="104">
        <v>100634</v>
      </c>
      <c r="AE30" s="104">
        <v>38654</v>
      </c>
      <c r="AF30" s="104">
        <v>29457</v>
      </c>
      <c r="AG30" s="104">
        <v>24784</v>
      </c>
      <c r="AH30" s="103">
        <v>316030</v>
      </c>
      <c r="AI30" s="106">
        <v>316030</v>
      </c>
      <c r="AJ30" s="100">
        <v>0</v>
      </c>
      <c r="AK30" s="104">
        <v>0</v>
      </c>
      <c r="AL30" s="103">
        <v>0</v>
      </c>
      <c r="AM30" s="100">
        <v>0</v>
      </c>
      <c r="AN30" s="104">
        <v>0</v>
      </c>
      <c r="AO30" s="104">
        <v>40917</v>
      </c>
      <c r="AP30" s="104">
        <v>0</v>
      </c>
      <c r="AQ30" s="104">
        <v>138392</v>
      </c>
      <c r="AR30" s="104">
        <v>187885</v>
      </c>
      <c r="AS30" s="103">
        <v>367194</v>
      </c>
      <c r="AT30" s="106">
        <v>367194</v>
      </c>
      <c r="AU30" s="100">
        <v>21525</v>
      </c>
      <c r="AV30" s="104">
        <v>110124</v>
      </c>
      <c r="AW30" s="103">
        <v>131649</v>
      </c>
      <c r="AX30" s="100">
        <v>0</v>
      </c>
      <c r="AY30" s="104">
        <v>143520</v>
      </c>
      <c r="AZ30" s="104">
        <v>159106</v>
      </c>
      <c r="BA30" s="104">
        <v>9339</v>
      </c>
      <c r="BB30" s="104">
        <v>0</v>
      </c>
      <c r="BC30" s="104">
        <v>77176</v>
      </c>
      <c r="BD30" s="103">
        <v>389141</v>
      </c>
      <c r="BE30" s="106">
        <v>520790</v>
      </c>
      <c r="BF30" s="100">
        <v>0</v>
      </c>
      <c r="BG30" s="104">
        <v>0</v>
      </c>
      <c r="BH30" s="102">
        <v>0</v>
      </c>
      <c r="BI30" s="101">
        <v>0</v>
      </c>
      <c r="BJ30" s="104">
        <v>0</v>
      </c>
      <c r="BK30" s="104">
        <v>0</v>
      </c>
      <c r="BL30" s="104">
        <v>0</v>
      </c>
      <c r="BM30" s="104">
        <v>0</v>
      </c>
      <c r="BN30" s="104">
        <v>0</v>
      </c>
      <c r="BO30" s="103">
        <v>0</v>
      </c>
      <c r="BP30" s="106">
        <v>0</v>
      </c>
      <c r="BQ30" s="100">
        <v>28812</v>
      </c>
      <c r="BR30" s="104">
        <v>5705</v>
      </c>
      <c r="BS30" s="103">
        <v>34517</v>
      </c>
      <c r="BT30" s="100">
        <v>0</v>
      </c>
      <c r="BU30" s="104">
        <v>21210</v>
      </c>
      <c r="BV30" s="104">
        <v>4172</v>
      </c>
      <c r="BW30" s="104">
        <v>8778</v>
      </c>
      <c r="BX30" s="104">
        <v>28343</v>
      </c>
      <c r="BY30" s="104">
        <v>50400</v>
      </c>
      <c r="BZ30" s="103">
        <v>112903</v>
      </c>
      <c r="CA30" s="106">
        <v>147420</v>
      </c>
      <c r="CB30" s="100">
        <v>0</v>
      </c>
      <c r="CC30" s="104">
        <v>63456</v>
      </c>
      <c r="CD30" s="103">
        <v>63456</v>
      </c>
      <c r="CE30" s="100">
        <v>0</v>
      </c>
      <c r="CF30" s="104">
        <v>288166</v>
      </c>
      <c r="CG30" s="104">
        <v>408374</v>
      </c>
      <c r="CH30" s="104">
        <v>157250</v>
      </c>
      <c r="CI30" s="104">
        <v>50751</v>
      </c>
      <c r="CJ30" s="104">
        <v>0</v>
      </c>
      <c r="CK30" s="103">
        <v>904541</v>
      </c>
      <c r="CL30" s="106">
        <v>967997</v>
      </c>
      <c r="CM30" s="100">
        <v>0</v>
      </c>
      <c r="CN30" s="104">
        <v>0</v>
      </c>
      <c r="CO30" s="103">
        <v>0</v>
      </c>
      <c r="CP30" s="101">
        <v>0</v>
      </c>
      <c r="CQ30" s="104">
        <v>165585</v>
      </c>
      <c r="CR30" s="104">
        <v>147088</v>
      </c>
      <c r="CS30" s="104">
        <v>96893</v>
      </c>
      <c r="CT30" s="104">
        <v>50751</v>
      </c>
      <c r="CU30" s="104">
        <v>0</v>
      </c>
      <c r="CV30" s="103">
        <v>460317</v>
      </c>
      <c r="CW30" s="106">
        <v>460317</v>
      </c>
      <c r="CX30" s="100">
        <v>0</v>
      </c>
      <c r="CY30" s="104">
        <v>63456</v>
      </c>
      <c r="CZ30" s="103">
        <v>63456</v>
      </c>
      <c r="DA30" s="100">
        <v>0</v>
      </c>
      <c r="DB30" s="104">
        <v>122581</v>
      </c>
      <c r="DC30" s="104">
        <v>261286</v>
      </c>
      <c r="DD30" s="104">
        <v>60357</v>
      </c>
      <c r="DE30" s="104">
        <v>0</v>
      </c>
      <c r="DF30" s="104">
        <v>0</v>
      </c>
      <c r="DG30" s="103">
        <v>444224</v>
      </c>
      <c r="DH30" s="106">
        <v>507680</v>
      </c>
      <c r="DI30" s="100">
        <v>0</v>
      </c>
      <c r="DJ30" s="104">
        <v>0</v>
      </c>
      <c r="DK30" s="102">
        <v>0</v>
      </c>
      <c r="DL30" s="101">
        <v>0</v>
      </c>
      <c r="DM30" s="104">
        <v>23476</v>
      </c>
      <c r="DN30" s="104">
        <v>70331</v>
      </c>
      <c r="DO30" s="104">
        <v>0</v>
      </c>
      <c r="DP30" s="104">
        <v>44774</v>
      </c>
      <c r="DQ30" s="104">
        <v>0</v>
      </c>
      <c r="DR30" s="103">
        <v>138581</v>
      </c>
      <c r="DS30" s="106">
        <v>138581</v>
      </c>
      <c r="DT30" s="100">
        <v>0</v>
      </c>
      <c r="DU30" s="104">
        <v>0</v>
      </c>
      <c r="DV30" s="103">
        <v>0</v>
      </c>
      <c r="DW30" s="100">
        <v>0</v>
      </c>
      <c r="DX30" s="104">
        <v>23476</v>
      </c>
      <c r="DY30" s="104">
        <v>36909</v>
      </c>
      <c r="DZ30" s="104">
        <v>0</v>
      </c>
      <c r="EA30" s="104">
        <v>44774</v>
      </c>
      <c r="EB30" s="104">
        <v>0</v>
      </c>
      <c r="EC30" s="103">
        <v>105159</v>
      </c>
      <c r="ED30" s="106">
        <v>105159</v>
      </c>
      <c r="EE30" s="100">
        <v>0</v>
      </c>
      <c r="EF30" s="102">
        <v>0</v>
      </c>
      <c r="EG30" s="103">
        <v>0</v>
      </c>
      <c r="EH30" s="100">
        <v>0</v>
      </c>
      <c r="EI30" s="104">
        <v>0</v>
      </c>
      <c r="EJ30" s="104">
        <v>33422</v>
      </c>
      <c r="EK30" s="104">
        <v>0</v>
      </c>
      <c r="EL30" s="104">
        <v>0</v>
      </c>
      <c r="EM30" s="104">
        <v>0</v>
      </c>
      <c r="EN30" s="102">
        <v>33422</v>
      </c>
      <c r="EO30" s="106">
        <v>33422</v>
      </c>
      <c r="EP30" s="100">
        <v>0</v>
      </c>
      <c r="EQ30" s="104">
        <v>0</v>
      </c>
      <c r="ER30" s="102">
        <v>0</v>
      </c>
      <c r="ES30" s="101">
        <v>0</v>
      </c>
      <c r="ET30" s="104">
        <v>0</v>
      </c>
      <c r="EU30" s="104">
        <v>0</v>
      </c>
      <c r="EV30" s="104">
        <v>0</v>
      </c>
      <c r="EW30" s="104">
        <v>0</v>
      </c>
      <c r="EX30" s="104">
        <v>0</v>
      </c>
      <c r="EY30" s="103">
        <v>0</v>
      </c>
      <c r="EZ30" s="106">
        <v>0</v>
      </c>
      <c r="FA30" s="100">
        <v>0</v>
      </c>
      <c r="FB30" s="104">
        <v>0</v>
      </c>
      <c r="FC30" s="102">
        <v>0</v>
      </c>
      <c r="FD30" s="324"/>
      <c r="FE30" s="104">
        <v>0</v>
      </c>
      <c r="FF30" s="104">
        <v>0</v>
      </c>
      <c r="FG30" s="104">
        <v>0</v>
      </c>
      <c r="FH30" s="104">
        <v>0</v>
      </c>
      <c r="FI30" s="104">
        <v>0</v>
      </c>
      <c r="FJ30" s="103">
        <v>0</v>
      </c>
      <c r="FK30" s="106">
        <v>0</v>
      </c>
      <c r="FL30" s="100">
        <v>10038</v>
      </c>
      <c r="FM30" s="104">
        <v>33404</v>
      </c>
      <c r="FN30" s="103">
        <v>43442</v>
      </c>
      <c r="FO30" s="100">
        <v>0</v>
      </c>
      <c r="FP30" s="104">
        <v>60165</v>
      </c>
      <c r="FQ30" s="104">
        <v>98140</v>
      </c>
      <c r="FR30" s="104">
        <v>53270</v>
      </c>
      <c r="FS30" s="104">
        <v>113099</v>
      </c>
      <c r="FT30" s="104">
        <v>62951</v>
      </c>
      <c r="FU30" s="103">
        <v>387625</v>
      </c>
      <c r="FV30" s="106">
        <v>431067</v>
      </c>
      <c r="FW30" s="105">
        <v>10038</v>
      </c>
      <c r="FX30" s="104">
        <v>33404</v>
      </c>
      <c r="FY30" s="102">
        <v>43442</v>
      </c>
      <c r="FZ30" s="101">
        <v>0</v>
      </c>
      <c r="GA30" s="104">
        <v>60165</v>
      </c>
      <c r="GB30" s="104">
        <v>98140</v>
      </c>
      <c r="GC30" s="104">
        <v>53270</v>
      </c>
      <c r="GD30" s="104">
        <v>113099</v>
      </c>
      <c r="GE30" s="104">
        <v>62951</v>
      </c>
      <c r="GF30" s="103">
        <v>387625</v>
      </c>
      <c r="GG30" s="296">
        <v>431067</v>
      </c>
      <c r="GH30" s="105">
        <v>0</v>
      </c>
      <c r="GI30" s="104">
        <v>0</v>
      </c>
      <c r="GJ30" s="102">
        <v>0</v>
      </c>
      <c r="GK30" s="101">
        <v>0</v>
      </c>
      <c r="GL30" s="104">
        <v>0</v>
      </c>
      <c r="GM30" s="104">
        <v>0</v>
      </c>
      <c r="GN30" s="104">
        <v>0</v>
      </c>
      <c r="GO30" s="104">
        <v>0</v>
      </c>
      <c r="GP30" s="104">
        <v>0</v>
      </c>
      <c r="GQ30" s="103">
        <v>0</v>
      </c>
      <c r="GR30" s="106">
        <v>0</v>
      </c>
      <c r="GS30" s="100">
        <v>0</v>
      </c>
      <c r="GT30" s="104">
        <v>0</v>
      </c>
      <c r="GU30" s="103">
        <v>0</v>
      </c>
      <c r="GV30" s="100">
        <v>0</v>
      </c>
      <c r="GW30" s="104">
        <v>0</v>
      </c>
      <c r="GX30" s="104">
        <v>0</v>
      </c>
      <c r="GY30" s="104">
        <v>0</v>
      </c>
      <c r="GZ30" s="104">
        <v>0</v>
      </c>
      <c r="HA30" s="104">
        <v>0</v>
      </c>
      <c r="HB30" s="102">
        <v>0</v>
      </c>
      <c r="HC30" s="106">
        <v>0</v>
      </c>
      <c r="HD30" s="100">
        <v>0</v>
      </c>
      <c r="HE30" s="104">
        <v>0</v>
      </c>
      <c r="HF30" s="102">
        <v>0</v>
      </c>
      <c r="HG30" s="101">
        <v>0</v>
      </c>
      <c r="HH30" s="104">
        <v>137448</v>
      </c>
      <c r="HI30" s="104">
        <v>165012</v>
      </c>
      <c r="HJ30" s="104">
        <v>171653</v>
      </c>
      <c r="HK30" s="104">
        <v>377080</v>
      </c>
      <c r="HL30" s="104">
        <v>503182</v>
      </c>
      <c r="HM30" s="103">
        <v>1354375</v>
      </c>
      <c r="HN30" s="99">
        <v>1354375</v>
      </c>
      <c r="HO30" s="306"/>
      <c r="HP30" s="307"/>
      <c r="HQ30" s="308"/>
      <c r="HR30" s="309"/>
      <c r="HS30" s="307"/>
      <c r="HT30" s="307"/>
      <c r="HU30" s="307"/>
      <c r="HV30" s="307"/>
      <c r="HW30" s="307"/>
      <c r="HX30" s="310"/>
      <c r="HY30" s="311"/>
      <c r="HZ30" s="137">
        <v>0</v>
      </c>
      <c r="IA30" s="122">
        <v>0</v>
      </c>
      <c r="IB30" s="137">
        <v>0</v>
      </c>
      <c r="IC30" s="121">
        <v>0</v>
      </c>
      <c r="ID30" s="122">
        <v>364421</v>
      </c>
      <c r="IE30" s="123">
        <v>30275</v>
      </c>
      <c r="IF30" s="124">
        <v>0</v>
      </c>
      <c r="IG30" s="122">
        <v>0</v>
      </c>
      <c r="IH30" s="124">
        <v>0</v>
      </c>
      <c r="II30" s="125">
        <v>394696</v>
      </c>
      <c r="IJ30" s="137">
        <v>394696</v>
      </c>
      <c r="IK30" s="219">
        <v>0</v>
      </c>
      <c r="IL30" s="223">
        <v>0</v>
      </c>
      <c r="IM30" s="224">
        <v>0</v>
      </c>
      <c r="IN30" s="127"/>
      <c r="IO30" s="109">
        <v>0</v>
      </c>
      <c r="IP30" s="109">
        <v>0</v>
      </c>
      <c r="IQ30" s="109">
        <v>0</v>
      </c>
      <c r="IR30" s="109">
        <v>0</v>
      </c>
      <c r="IS30" s="109">
        <v>0</v>
      </c>
      <c r="IT30" s="128">
        <v>0</v>
      </c>
      <c r="IU30" s="298">
        <v>0</v>
      </c>
      <c r="IV30" s="129">
        <v>0</v>
      </c>
      <c r="IW30" s="109">
        <v>0</v>
      </c>
      <c r="IX30" s="110">
        <v>0</v>
      </c>
      <c r="IY30" s="131"/>
      <c r="IZ30" s="109">
        <v>0</v>
      </c>
      <c r="JA30" s="109">
        <v>0</v>
      </c>
      <c r="JB30" s="109">
        <v>0</v>
      </c>
      <c r="JC30" s="109">
        <v>0</v>
      </c>
      <c r="JD30" s="109">
        <v>0</v>
      </c>
      <c r="JE30" s="110">
        <v>0</v>
      </c>
      <c r="JF30" s="111">
        <v>0</v>
      </c>
      <c r="JG30" s="129">
        <v>0</v>
      </c>
      <c r="JH30" s="109">
        <v>0</v>
      </c>
      <c r="JI30" s="128">
        <v>0</v>
      </c>
      <c r="JJ30" s="108">
        <v>0</v>
      </c>
      <c r="JK30" s="109">
        <v>165139</v>
      </c>
      <c r="JL30" s="109">
        <v>30275</v>
      </c>
      <c r="JM30" s="109">
        <v>0</v>
      </c>
      <c r="JN30" s="109">
        <v>0</v>
      </c>
      <c r="JO30" s="109">
        <v>0</v>
      </c>
      <c r="JP30" s="110">
        <v>195414</v>
      </c>
      <c r="JQ30" s="298">
        <v>195414</v>
      </c>
      <c r="JR30" s="129">
        <v>0</v>
      </c>
      <c r="JS30" s="109">
        <v>0</v>
      </c>
      <c r="JT30" s="128">
        <v>0</v>
      </c>
      <c r="JU30" s="108">
        <v>0</v>
      </c>
      <c r="JV30" s="109">
        <v>0</v>
      </c>
      <c r="JW30" s="109">
        <v>0</v>
      </c>
      <c r="JX30" s="109">
        <v>0</v>
      </c>
      <c r="JY30" s="109">
        <v>0</v>
      </c>
      <c r="JZ30" s="109">
        <v>0</v>
      </c>
      <c r="KA30" s="110">
        <v>0</v>
      </c>
      <c r="KB30" s="298">
        <v>0</v>
      </c>
      <c r="KC30" s="221">
        <v>0</v>
      </c>
      <c r="KD30" s="217">
        <v>0</v>
      </c>
      <c r="KE30" s="110">
        <v>0</v>
      </c>
      <c r="KF30" s="108">
        <v>0</v>
      </c>
      <c r="KG30" s="109">
        <v>0</v>
      </c>
      <c r="KH30" s="109">
        <v>0</v>
      </c>
      <c r="KI30" s="109">
        <v>0</v>
      </c>
      <c r="KJ30" s="109">
        <v>0</v>
      </c>
      <c r="KK30" s="109">
        <v>0</v>
      </c>
      <c r="KL30" s="110">
        <v>0</v>
      </c>
      <c r="KM30" s="130">
        <v>0</v>
      </c>
      <c r="KN30" s="219">
        <v>0</v>
      </c>
      <c r="KO30" s="223">
        <v>0</v>
      </c>
      <c r="KP30" s="224">
        <v>0</v>
      </c>
      <c r="KQ30" s="127"/>
      <c r="KR30" s="109">
        <v>199282</v>
      </c>
      <c r="KS30" s="109">
        <v>0</v>
      </c>
      <c r="KT30" s="109">
        <v>0</v>
      </c>
      <c r="KU30" s="109">
        <v>0</v>
      </c>
      <c r="KV30" s="109">
        <v>0</v>
      </c>
      <c r="KW30" s="110">
        <v>199282</v>
      </c>
      <c r="KX30" s="298">
        <v>199282</v>
      </c>
      <c r="KY30" s="129">
        <v>0</v>
      </c>
      <c r="KZ30" s="109">
        <v>0</v>
      </c>
      <c r="LA30" s="110">
        <v>0</v>
      </c>
      <c r="LB30" s="132"/>
      <c r="LC30" s="109">
        <v>0</v>
      </c>
      <c r="LD30" s="109">
        <v>0</v>
      </c>
      <c r="LE30" s="109">
        <v>0</v>
      </c>
      <c r="LF30" s="109">
        <v>0</v>
      </c>
      <c r="LG30" s="109">
        <v>0</v>
      </c>
      <c r="LH30" s="110">
        <v>0</v>
      </c>
      <c r="LI30" s="111">
        <v>0</v>
      </c>
      <c r="LJ30" s="129">
        <v>0</v>
      </c>
      <c r="LK30" s="109">
        <v>0</v>
      </c>
      <c r="LL30" s="110">
        <v>0</v>
      </c>
      <c r="LM30" s="132"/>
      <c r="LN30" s="109">
        <v>0</v>
      </c>
      <c r="LO30" s="109">
        <v>0</v>
      </c>
      <c r="LP30" s="109">
        <v>0</v>
      </c>
      <c r="LQ30" s="109">
        <v>0</v>
      </c>
      <c r="LR30" s="109">
        <v>0</v>
      </c>
      <c r="LS30" s="110">
        <v>0</v>
      </c>
      <c r="LT30" s="298">
        <v>0</v>
      </c>
      <c r="LU30" s="129">
        <v>0</v>
      </c>
      <c r="LV30" s="109">
        <v>0</v>
      </c>
      <c r="LW30" s="110">
        <v>0</v>
      </c>
      <c r="LX30" s="132"/>
      <c r="LY30" s="109">
        <v>0</v>
      </c>
      <c r="LZ30" s="109">
        <v>0</v>
      </c>
      <c r="MA30" s="109">
        <v>0</v>
      </c>
      <c r="MB30" s="109">
        <v>0</v>
      </c>
      <c r="MC30" s="109">
        <v>0</v>
      </c>
      <c r="MD30" s="110">
        <v>0</v>
      </c>
      <c r="ME30" s="111">
        <v>0</v>
      </c>
      <c r="MF30" s="129">
        <v>0</v>
      </c>
      <c r="MG30" s="109">
        <v>0</v>
      </c>
      <c r="MH30" s="110">
        <v>0</v>
      </c>
      <c r="MI30" s="132"/>
      <c r="MJ30" s="109">
        <v>137141</v>
      </c>
      <c r="MK30" s="109">
        <v>519131</v>
      </c>
      <c r="ML30" s="109">
        <v>628196</v>
      </c>
      <c r="MM30" s="109">
        <v>709639</v>
      </c>
      <c r="MN30" s="109">
        <v>475284</v>
      </c>
      <c r="MO30" s="110">
        <v>2469391</v>
      </c>
      <c r="MP30" s="130">
        <v>2469391</v>
      </c>
      <c r="MQ30" s="129">
        <v>0</v>
      </c>
      <c r="MR30" s="109">
        <v>0</v>
      </c>
      <c r="MS30" s="110">
        <v>0</v>
      </c>
      <c r="MT30" s="132"/>
      <c r="MU30" s="109">
        <v>0</v>
      </c>
      <c r="MV30" s="109">
        <v>0</v>
      </c>
      <c r="MW30" s="109">
        <v>628196</v>
      </c>
      <c r="MX30" s="109">
        <v>444268</v>
      </c>
      <c r="MY30" s="109">
        <v>475284</v>
      </c>
      <c r="MZ30" s="110">
        <v>1547748</v>
      </c>
      <c r="NA30" s="130">
        <v>1547748</v>
      </c>
      <c r="NB30" s="129">
        <v>0</v>
      </c>
      <c r="NC30" s="109">
        <v>0</v>
      </c>
      <c r="ND30" s="110">
        <v>0</v>
      </c>
      <c r="NE30" s="132"/>
      <c r="NF30" s="109">
        <v>137141</v>
      </c>
      <c r="NG30" s="109">
        <v>519131</v>
      </c>
      <c r="NH30" s="109">
        <v>0</v>
      </c>
      <c r="NI30" s="109">
        <v>265371</v>
      </c>
      <c r="NJ30" s="109">
        <v>0</v>
      </c>
      <c r="NK30" s="110">
        <v>921643</v>
      </c>
      <c r="NL30" s="298">
        <v>921643</v>
      </c>
      <c r="NM30" s="129">
        <v>0</v>
      </c>
      <c r="NN30" s="109">
        <v>0</v>
      </c>
      <c r="NO30" s="110">
        <v>0</v>
      </c>
      <c r="NP30" s="132"/>
      <c r="NQ30" s="109">
        <v>0</v>
      </c>
      <c r="NR30" s="109">
        <v>0</v>
      </c>
      <c r="NS30" s="109">
        <v>0</v>
      </c>
      <c r="NT30" s="109">
        <v>0</v>
      </c>
      <c r="NU30" s="109">
        <v>0</v>
      </c>
      <c r="NV30" s="110">
        <v>0</v>
      </c>
      <c r="NW30" s="111">
        <v>0</v>
      </c>
      <c r="NX30" s="129">
        <v>0</v>
      </c>
      <c r="NY30" s="109">
        <v>0</v>
      </c>
      <c r="NZ30" s="110">
        <v>0</v>
      </c>
      <c r="OA30" s="132"/>
      <c r="OB30" s="109">
        <v>0</v>
      </c>
      <c r="OC30" s="109">
        <v>0</v>
      </c>
      <c r="OD30" s="109">
        <v>0</v>
      </c>
      <c r="OE30" s="109">
        <v>0</v>
      </c>
      <c r="OF30" s="109">
        <v>0</v>
      </c>
      <c r="OG30" s="110">
        <v>0</v>
      </c>
      <c r="OH30" s="111">
        <v>0</v>
      </c>
      <c r="OI30" s="129">
        <v>60375</v>
      </c>
      <c r="OJ30" s="109">
        <v>212689</v>
      </c>
      <c r="OK30" s="128">
        <v>273064</v>
      </c>
      <c r="OL30" s="108">
        <v>0</v>
      </c>
      <c r="OM30" s="109">
        <v>1298048</v>
      </c>
      <c r="ON30" s="109">
        <v>1596092</v>
      </c>
      <c r="OO30" s="109">
        <v>1067140</v>
      </c>
      <c r="OP30" s="109">
        <v>1491535</v>
      </c>
      <c r="OQ30" s="109">
        <v>1381662</v>
      </c>
      <c r="OR30" s="110">
        <v>6834477</v>
      </c>
      <c r="OS30" s="130">
        <v>7107541</v>
      </c>
    </row>
    <row r="31" spans="2:409" ht="21" customHeight="1" x14ac:dyDescent="0.2">
      <c r="B31" s="472" t="s">
        <v>26</v>
      </c>
      <c r="C31" s="100">
        <v>134947</v>
      </c>
      <c r="D31" s="104">
        <v>273998</v>
      </c>
      <c r="E31" s="103">
        <v>408945</v>
      </c>
      <c r="F31" s="99">
        <v>0</v>
      </c>
      <c r="G31" s="104">
        <v>1141289</v>
      </c>
      <c r="H31" s="104">
        <v>1834712</v>
      </c>
      <c r="I31" s="104">
        <v>1061501</v>
      </c>
      <c r="J31" s="104">
        <v>1201167</v>
      </c>
      <c r="K31" s="104">
        <v>1135454</v>
      </c>
      <c r="L31" s="160">
        <v>6374123</v>
      </c>
      <c r="M31" s="106">
        <v>6783068</v>
      </c>
      <c r="N31" s="100">
        <v>35966</v>
      </c>
      <c r="O31" s="104">
        <v>92870</v>
      </c>
      <c r="P31" s="103">
        <v>128836</v>
      </c>
      <c r="Q31" s="100">
        <v>0</v>
      </c>
      <c r="R31" s="104">
        <v>347521</v>
      </c>
      <c r="S31" s="104">
        <v>536363</v>
      </c>
      <c r="T31" s="104">
        <v>204560</v>
      </c>
      <c r="U31" s="104">
        <v>628310</v>
      </c>
      <c r="V31" s="104">
        <v>802690</v>
      </c>
      <c r="W31" s="103">
        <v>2519444</v>
      </c>
      <c r="X31" s="106">
        <v>2648280</v>
      </c>
      <c r="Y31" s="100">
        <v>0</v>
      </c>
      <c r="Z31" s="104">
        <v>0</v>
      </c>
      <c r="AA31" s="103">
        <v>0</v>
      </c>
      <c r="AB31" s="100">
        <v>0</v>
      </c>
      <c r="AC31" s="104">
        <v>159019</v>
      </c>
      <c r="AD31" s="104">
        <v>132402</v>
      </c>
      <c r="AE31" s="104">
        <v>55218</v>
      </c>
      <c r="AF31" s="104">
        <v>269492</v>
      </c>
      <c r="AG31" s="104">
        <v>441482</v>
      </c>
      <c r="AH31" s="103">
        <v>1057613</v>
      </c>
      <c r="AI31" s="106">
        <v>1057613</v>
      </c>
      <c r="AJ31" s="100">
        <v>0</v>
      </c>
      <c r="AK31" s="104">
        <v>0</v>
      </c>
      <c r="AL31" s="103">
        <v>0</v>
      </c>
      <c r="AM31" s="100">
        <v>0</v>
      </c>
      <c r="AN31" s="104">
        <v>0</v>
      </c>
      <c r="AO31" s="104">
        <v>11856</v>
      </c>
      <c r="AP31" s="104">
        <v>0</v>
      </c>
      <c r="AQ31" s="104">
        <v>62997</v>
      </c>
      <c r="AR31" s="104">
        <v>64862</v>
      </c>
      <c r="AS31" s="103">
        <v>139715</v>
      </c>
      <c r="AT31" s="106">
        <v>139715</v>
      </c>
      <c r="AU31" s="100">
        <v>0</v>
      </c>
      <c r="AV31" s="104">
        <v>12428</v>
      </c>
      <c r="AW31" s="103">
        <v>12428</v>
      </c>
      <c r="AX31" s="100">
        <v>0</v>
      </c>
      <c r="AY31" s="104">
        <v>139866</v>
      </c>
      <c r="AZ31" s="104">
        <v>275254</v>
      </c>
      <c r="BA31" s="104">
        <v>117646</v>
      </c>
      <c r="BB31" s="104">
        <v>250272</v>
      </c>
      <c r="BC31" s="104">
        <v>241424</v>
      </c>
      <c r="BD31" s="103">
        <v>1024462</v>
      </c>
      <c r="BE31" s="106">
        <v>1036890</v>
      </c>
      <c r="BF31" s="100">
        <v>0</v>
      </c>
      <c r="BG31" s="104">
        <v>61108</v>
      </c>
      <c r="BH31" s="102">
        <v>61108</v>
      </c>
      <c r="BI31" s="101">
        <v>0</v>
      </c>
      <c r="BJ31" s="104">
        <v>0</v>
      </c>
      <c r="BK31" s="104">
        <v>0</v>
      </c>
      <c r="BL31" s="104">
        <v>0</v>
      </c>
      <c r="BM31" s="104">
        <v>0</v>
      </c>
      <c r="BN31" s="104">
        <v>0</v>
      </c>
      <c r="BO31" s="103">
        <v>0</v>
      </c>
      <c r="BP31" s="106">
        <v>61108</v>
      </c>
      <c r="BQ31" s="100">
        <v>35966</v>
      </c>
      <c r="BR31" s="104">
        <v>19334</v>
      </c>
      <c r="BS31" s="103">
        <v>55300</v>
      </c>
      <c r="BT31" s="100">
        <v>0</v>
      </c>
      <c r="BU31" s="104">
        <v>48636</v>
      </c>
      <c r="BV31" s="104">
        <v>116851</v>
      </c>
      <c r="BW31" s="104">
        <v>31696</v>
      </c>
      <c r="BX31" s="104">
        <v>45549</v>
      </c>
      <c r="BY31" s="104">
        <v>54922</v>
      </c>
      <c r="BZ31" s="103">
        <v>297654</v>
      </c>
      <c r="CA31" s="106">
        <v>352954</v>
      </c>
      <c r="CB31" s="100">
        <v>0</v>
      </c>
      <c r="CC31" s="104">
        <v>72127</v>
      </c>
      <c r="CD31" s="103">
        <v>72127</v>
      </c>
      <c r="CE31" s="100">
        <v>0</v>
      </c>
      <c r="CF31" s="104">
        <v>447562</v>
      </c>
      <c r="CG31" s="104">
        <v>342502</v>
      </c>
      <c r="CH31" s="104">
        <v>279105</v>
      </c>
      <c r="CI31" s="104">
        <v>27958</v>
      </c>
      <c r="CJ31" s="104">
        <v>0</v>
      </c>
      <c r="CK31" s="103">
        <v>1097127</v>
      </c>
      <c r="CL31" s="106">
        <v>1169254</v>
      </c>
      <c r="CM31" s="100">
        <v>0</v>
      </c>
      <c r="CN31" s="104">
        <v>0</v>
      </c>
      <c r="CO31" s="103">
        <v>0</v>
      </c>
      <c r="CP31" s="101">
        <v>0</v>
      </c>
      <c r="CQ31" s="104">
        <v>256354</v>
      </c>
      <c r="CR31" s="104">
        <v>206729</v>
      </c>
      <c r="CS31" s="104">
        <v>246212</v>
      </c>
      <c r="CT31" s="104">
        <v>27958</v>
      </c>
      <c r="CU31" s="104">
        <v>0</v>
      </c>
      <c r="CV31" s="103">
        <v>737253</v>
      </c>
      <c r="CW31" s="106">
        <v>737253</v>
      </c>
      <c r="CX31" s="100">
        <v>0</v>
      </c>
      <c r="CY31" s="104">
        <v>72127</v>
      </c>
      <c r="CZ31" s="103">
        <v>72127</v>
      </c>
      <c r="DA31" s="100">
        <v>0</v>
      </c>
      <c r="DB31" s="104">
        <v>191208</v>
      </c>
      <c r="DC31" s="104">
        <v>135773</v>
      </c>
      <c r="DD31" s="104">
        <v>32893</v>
      </c>
      <c r="DE31" s="104">
        <v>0</v>
      </c>
      <c r="DF31" s="104">
        <v>0</v>
      </c>
      <c r="DG31" s="103">
        <v>359874</v>
      </c>
      <c r="DH31" s="106">
        <v>432001</v>
      </c>
      <c r="DI31" s="100">
        <v>0</v>
      </c>
      <c r="DJ31" s="104">
        <v>0</v>
      </c>
      <c r="DK31" s="102">
        <v>0</v>
      </c>
      <c r="DL31" s="101">
        <v>0</v>
      </c>
      <c r="DM31" s="104">
        <v>0</v>
      </c>
      <c r="DN31" s="104">
        <v>14614</v>
      </c>
      <c r="DO31" s="104">
        <v>170935</v>
      </c>
      <c r="DP31" s="104">
        <v>235006</v>
      </c>
      <c r="DQ31" s="104">
        <v>0</v>
      </c>
      <c r="DR31" s="103">
        <v>420555</v>
      </c>
      <c r="DS31" s="106">
        <v>420555</v>
      </c>
      <c r="DT31" s="100">
        <v>0</v>
      </c>
      <c r="DU31" s="104">
        <v>0</v>
      </c>
      <c r="DV31" s="103">
        <v>0</v>
      </c>
      <c r="DW31" s="100">
        <v>0</v>
      </c>
      <c r="DX31" s="104">
        <v>0</v>
      </c>
      <c r="DY31" s="104">
        <v>0</v>
      </c>
      <c r="DZ31" s="104">
        <v>170935</v>
      </c>
      <c r="EA31" s="104">
        <v>213950</v>
      </c>
      <c r="EB31" s="104">
        <v>0</v>
      </c>
      <c r="EC31" s="103">
        <v>384885</v>
      </c>
      <c r="ED31" s="106">
        <v>384885</v>
      </c>
      <c r="EE31" s="100">
        <v>0</v>
      </c>
      <c r="EF31" s="102">
        <v>0</v>
      </c>
      <c r="EG31" s="103">
        <v>0</v>
      </c>
      <c r="EH31" s="100">
        <v>0</v>
      </c>
      <c r="EI31" s="104">
        <v>0</v>
      </c>
      <c r="EJ31" s="104">
        <v>14614</v>
      </c>
      <c r="EK31" s="104">
        <v>0</v>
      </c>
      <c r="EL31" s="104">
        <v>21056</v>
      </c>
      <c r="EM31" s="104">
        <v>0</v>
      </c>
      <c r="EN31" s="102">
        <v>35670</v>
      </c>
      <c r="EO31" s="106">
        <v>35670</v>
      </c>
      <c r="EP31" s="100">
        <v>0</v>
      </c>
      <c r="EQ31" s="104">
        <v>0</v>
      </c>
      <c r="ER31" s="102">
        <v>0</v>
      </c>
      <c r="ES31" s="101">
        <v>0</v>
      </c>
      <c r="ET31" s="104">
        <v>0</v>
      </c>
      <c r="EU31" s="104">
        <v>0</v>
      </c>
      <c r="EV31" s="104">
        <v>0</v>
      </c>
      <c r="EW31" s="104">
        <v>0</v>
      </c>
      <c r="EX31" s="104">
        <v>0</v>
      </c>
      <c r="EY31" s="103">
        <v>0</v>
      </c>
      <c r="EZ31" s="106">
        <v>0</v>
      </c>
      <c r="FA31" s="100">
        <v>0</v>
      </c>
      <c r="FB31" s="104">
        <v>0</v>
      </c>
      <c r="FC31" s="102">
        <v>0</v>
      </c>
      <c r="FD31" s="324"/>
      <c r="FE31" s="104">
        <v>0</v>
      </c>
      <c r="FF31" s="104">
        <v>0</v>
      </c>
      <c r="FG31" s="104">
        <v>0</v>
      </c>
      <c r="FH31" s="104">
        <v>0</v>
      </c>
      <c r="FI31" s="104">
        <v>0</v>
      </c>
      <c r="FJ31" s="103">
        <v>0</v>
      </c>
      <c r="FK31" s="106">
        <v>0</v>
      </c>
      <c r="FL31" s="100">
        <v>3500</v>
      </c>
      <c r="FM31" s="104">
        <v>29575</v>
      </c>
      <c r="FN31" s="103">
        <v>33075</v>
      </c>
      <c r="FO31" s="100">
        <v>0</v>
      </c>
      <c r="FP31" s="104">
        <v>72940</v>
      </c>
      <c r="FQ31" s="104">
        <v>154679</v>
      </c>
      <c r="FR31" s="104">
        <v>59094</v>
      </c>
      <c r="FS31" s="104">
        <v>140903</v>
      </c>
      <c r="FT31" s="104">
        <v>129647</v>
      </c>
      <c r="FU31" s="103">
        <v>557263</v>
      </c>
      <c r="FV31" s="106">
        <v>590338</v>
      </c>
      <c r="FW31" s="105">
        <v>3500</v>
      </c>
      <c r="FX31" s="104">
        <v>29575</v>
      </c>
      <c r="FY31" s="102">
        <v>33075</v>
      </c>
      <c r="FZ31" s="101">
        <v>0</v>
      </c>
      <c r="GA31" s="104">
        <v>60340</v>
      </c>
      <c r="GB31" s="104">
        <v>137123</v>
      </c>
      <c r="GC31" s="104">
        <v>37842</v>
      </c>
      <c r="GD31" s="104">
        <v>112490</v>
      </c>
      <c r="GE31" s="104">
        <v>129647</v>
      </c>
      <c r="GF31" s="103">
        <v>477442</v>
      </c>
      <c r="GG31" s="296">
        <v>510517</v>
      </c>
      <c r="GH31" s="105">
        <v>0</v>
      </c>
      <c r="GI31" s="104">
        <v>0</v>
      </c>
      <c r="GJ31" s="102">
        <v>0</v>
      </c>
      <c r="GK31" s="101">
        <v>0</v>
      </c>
      <c r="GL31" s="104">
        <v>12600</v>
      </c>
      <c r="GM31" s="104">
        <v>17556</v>
      </c>
      <c r="GN31" s="104">
        <v>21252</v>
      </c>
      <c r="GO31" s="104">
        <v>28413</v>
      </c>
      <c r="GP31" s="104">
        <v>0</v>
      </c>
      <c r="GQ31" s="103">
        <v>79821</v>
      </c>
      <c r="GR31" s="106">
        <v>79821</v>
      </c>
      <c r="GS31" s="100">
        <v>0</v>
      </c>
      <c r="GT31" s="104">
        <v>0</v>
      </c>
      <c r="GU31" s="103">
        <v>0</v>
      </c>
      <c r="GV31" s="100">
        <v>0</v>
      </c>
      <c r="GW31" s="104">
        <v>0</v>
      </c>
      <c r="GX31" s="104">
        <v>0</v>
      </c>
      <c r="GY31" s="104">
        <v>0</v>
      </c>
      <c r="GZ31" s="104">
        <v>0</v>
      </c>
      <c r="HA31" s="104">
        <v>0</v>
      </c>
      <c r="HB31" s="102">
        <v>0</v>
      </c>
      <c r="HC31" s="106">
        <v>0</v>
      </c>
      <c r="HD31" s="100">
        <v>95481</v>
      </c>
      <c r="HE31" s="104">
        <v>79426</v>
      </c>
      <c r="HF31" s="102">
        <v>174907</v>
      </c>
      <c r="HG31" s="101">
        <v>0</v>
      </c>
      <c r="HH31" s="104">
        <v>273266</v>
      </c>
      <c r="HI31" s="104">
        <v>786554</v>
      </c>
      <c r="HJ31" s="104">
        <v>347807</v>
      </c>
      <c r="HK31" s="104">
        <v>168990</v>
      </c>
      <c r="HL31" s="104">
        <v>203117</v>
      </c>
      <c r="HM31" s="103">
        <v>1779734</v>
      </c>
      <c r="HN31" s="99">
        <v>1954641</v>
      </c>
      <c r="HO31" s="306"/>
      <c r="HP31" s="307"/>
      <c r="HQ31" s="308"/>
      <c r="HR31" s="309"/>
      <c r="HS31" s="307"/>
      <c r="HT31" s="307"/>
      <c r="HU31" s="307"/>
      <c r="HV31" s="307"/>
      <c r="HW31" s="307"/>
      <c r="HX31" s="310"/>
      <c r="HY31" s="311"/>
      <c r="HZ31" s="118">
        <v>0</v>
      </c>
      <c r="IA31" s="119">
        <v>0</v>
      </c>
      <c r="IB31" s="120">
        <v>0</v>
      </c>
      <c r="IC31" s="133">
        <v>0</v>
      </c>
      <c r="ID31" s="119">
        <v>184387</v>
      </c>
      <c r="IE31" s="134">
        <v>251498</v>
      </c>
      <c r="IF31" s="120">
        <v>454854</v>
      </c>
      <c r="IG31" s="119">
        <v>221133</v>
      </c>
      <c r="IH31" s="120">
        <v>16634</v>
      </c>
      <c r="II31" s="135">
        <v>1128506</v>
      </c>
      <c r="IJ31" s="126">
        <v>1128506</v>
      </c>
      <c r="IK31" s="219">
        <v>0</v>
      </c>
      <c r="IL31" s="223">
        <v>0</v>
      </c>
      <c r="IM31" s="224">
        <v>0</v>
      </c>
      <c r="IN31" s="127"/>
      <c r="IO31" s="109">
        <v>0</v>
      </c>
      <c r="IP31" s="109">
        <v>0</v>
      </c>
      <c r="IQ31" s="109">
        <v>0</v>
      </c>
      <c r="IR31" s="109">
        <v>0</v>
      </c>
      <c r="IS31" s="109">
        <v>0</v>
      </c>
      <c r="IT31" s="128">
        <v>0</v>
      </c>
      <c r="IU31" s="298">
        <v>0</v>
      </c>
      <c r="IV31" s="129">
        <v>0</v>
      </c>
      <c r="IW31" s="109">
        <v>0</v>
      </c>
      <c r="IX31" s="110">
        <v>0</v>
      </c>
      <c r="IY31" s="131"/>
      <c r="IZ31" s="109">
        <v>0</v>
      </c>
      <c r="JA31" s="109">
        <v>0</v>
      </c>
      <c r="JB31" s="109">
        <v>0</v>
      </c>
      <c r="JC31" s="109">
        <v>0</v>
      </c>
      <c r="JD31" s="109">
        <v>0</v>
      </c>
      <c r="JE31" s="110">
        <v>0</v>
      </c>
      <c r="JF31" s="111">
        <v>0</v>
      </c>
      <c r="JG31" s="129">
        <v>0</v>
      </c>
      <c r="JH31" s="109">
        <v>0</v>
      </c>
      <c r="JI31" s="128">
        <v>0</v>
      </c>
      <c r="JJ31" s="108">
        <v>0</v>
      </c>
      <c r="JK31" s="109">
        <v>77196</v>
      </c>
      <c r="JL31" s="109">
        <v>73507</v>
      </c>
      <c r="JM31" s="109">
        <v>18267</v>
      </c>
      <c r="JN31" s="109">
        <v>0</v>
      </c>
      <c r="JO31" s="109">
        <v>16634</v>
      </c>
      <c r="JP31" s="110">
        <v>185604</v>
      </c>
      <c r="JQ31" s="298">
        <v>185604</v>
      </c>
      <c r="JR31" s="129">
        <v>0</v>
      </c>
      <c r="JS31" s="109">
        <v>0</v>
      </c>
      <c r="JT31" s="128">
        <v>0</v>
      </c>
      <c r="JU31" s="108">
        <v>0</v>
      </c>
      <c r="JV31" s="109">
        <v>0</v>
      </c>
      <c r="JW31" s="109">
        <v>0</v>
      </c>
      <c r="JX31" s="109">
        <v>0</v>
      </c>
      <c r="JY31" s="109">
        <v>0</v>
      </c>
      <c r="JZ31" s="109">
        <v>0</v>
      </c>
      <c r="KA31" s="110">
        <v>0</v>
      </c>
      <c r="KB31" s="298">
        <v>0</v>
      </c>
      <c r="KC31" s="221">
        <v>0</v>
      </c>
      <c r="KD31" s="217">
        <v>0</v>
      </c>
      <c r="KE31" s="110">
        <v>0</v>
      </c>
      <c r="KF31" s="108">
        <v>0</v>
      </c>
      <c r="KG31" s="109">
        <v>107191</v>
      </c>
      <c r="KH31" s="109">
        <v>0</v>
      </c>
      <c r="KI31" s="109">
        <v>0</v>
      </c>
      <c r="KJ31" s="109">
        <v>0</v>
      </c>
      <c r="KK31" s="109">
        <v>0</v>
      </c>
      <c r="KL31" s="110">
        <v>107191</v>
      </c>
      <c r="KM31" s="130">
        <v>107191</v>
      </c>
      <c r="KN31" s="219">
        <v>0</v>
      </c>
      <c r="KO31" s="223">
        <v>0</v>
      </c>
      <c r="KP31" s="224">
        <v>0</v>
      </c>
      <c r="KQ31" s="127"/>
      <c r="KR31" s="109">
        <v>0</v>
      </c>
      <c r="KS31" s="109">
        <v>177991</v>
      </c>
      <c r="KT31" s="109">
        <v>436587</v>
      </c>
      <c r="KU31" s="109">
        <v>221133</v>
      </c>
      <c r="KV31" s="109">
        <v>0</v>
      </c>
      <c r="KW31" s="110">
        <v>835711</v>
      </c>
      <c r="KX31" s="298">
        <v>835711</v>
      </c>
      <c r="KY31" s="129">
        <v>0</v>
      </c>
      <c r="KZ31" s="109">
        <v>0</v>
      </c>
      <c r="LA31" s="110">
        <v>0</v>
      </c>
      <c r="LB31" s="132"/>
      <c r="LC31" s="109">
        <v>0</v>
      </c>
      <c r="LD31" s="109">
        <v>0</v>
      </c>
      <c r="LE31" s="109">
        <v>0</v>
      </c>
      <c r="LF31" s="109">
        <v>0</v>
      </c>
      <c r="LG31" s="109">
        <v>0</v>
      </c>
      <c r="LH31" s="110">
        <v>0</v>
      </c>
      <c r="LI31" s="111">
        <v>0</v>
      </c>
      <c r="LJ31" s="129">
        <v>0</v>
      </c>
      <c r="LK31" s="109">
        <v>0</v>
      </c>
      <c r="LL31" s="110">
        <v>0</v>
      </c>
      <c r="LM31" s="132"/>
      <c r="LN31" s="109">
        <v>0</v>
      </c>
      <c r="LO31" s="109">
        <v>0</v>
      </c>
      <c r="LP31" s="109">
        <v>0</v>
      </c>
      <c r="LQ31" s="109">
        <v>0</v>
      </c>
      <c r="LR31" s="109">
        <v>0</v>
      </c>
      <c r="LS31" s="110">
        <v>0</v>
      </c>
      <c r="LT31" s="298">
        <v>0</v>
      </c>
      <c r="LU31" s="129">
        <v>0</v>
      </c>
      <c r="LV31" s="109">
        <v>0</v>
      </c>
      <c r="LW31" s="110">
        <v>0</v>
      </c>
      <c r="LX31" s="132"/>
      <c r="LY31" s="109">
        <v>0</v>
      </c>
      <c r="LZ31" s="109">
        <v>0</v>
      </c>
      <c r="MA31" s="109">
        <v>0</v>
      </c>
      <c r="MB31" s="109">
        <v>0</v>
      </c>
      <c r="MC31" s="109">
        <v>0</v>
      </c>
      <c r="MD31" s="110">
        <v>0</v>
      </c>
      <c r="ME31" s="111">
        <v>0</v>
      </c>
      <c r="MF31" s="129">
        <v>0</v>
      </c>
      <c r="MG31" s="109">
        <v>0</v>
      </c>
      <c r="MH31" s="110">
        <v>0</v>
      </c>
      <c r="MI31" s="132"/>
      <c r="MJ31" s="109">
        <v>199435</v>
      </c>
      <c r="MK31" s="109">
        <v>246164</v>
      </c>
      <c r="ML31" s="109">
        <v>208821</v>
      </c>
      <c r="MM31" s="109">
        <v>567061</v>
      </c>
      <c r="MN31" s="109">
        <v>0</v>
      </c>
      <c r="MO31" s="110">
        <v>1221481</v>
      </c>
      <c r="MP31" s="130">
        <v>1221481</v>
      </c>
      <c r="MQ31" s="129">
        <v>0</v>
      </c>
      <c r="MR31" s="109">
        <v>0</v>
      </c>
      <c r="MS31" s="110">
        <v>0</v>
      </c>
      <c r="MT31" s="132"/>
      <c r="MU31" s="109">
        <v>0</v>
      </c>
      <c r="MV31" s="109">
        <v>0</v>
      </c>
      <c r="MW31" s="109">
        <v>208821</v>
      </c>
      <c r="MX31" s="109">
        <v>201464</v>
      </c>
      <c r="MY31" s="109">
        <v>0</v>
      </c>
      <c r="MZ31" s="110">
        <v>410285</v>
      </c>
      <c r="NA31" s="130">
        <v>410285</v>
      </c>
      <c r="NB31" s="129">
        <v>0</v>
      </c>
      <c r="NC31" s="109">
        <v>0</v>
      </c>
      <c r="ND31" s="110">
        <v>0</v>
      </c>
      <c r="NE31" s="132"/>
      <c r="NF31" s="109">
        <v>199435</v>
      </c>
      <c r="NG31" s="109">
        <v>246164</v>
      </c>
      <c r="NH31" s="109">
        <v>0</v>
      </c>
      <c r="NI31" s="109">
        <v>365597</v>
      </c>
      <c r="NJ31" s="109">
        <v>0</v>
      </c>
      <c r="NK31" s="110">
        <v>811196</v>
      </c>
      <c r="NL31" s="298">
        <v>811196</v>
      </c>
      <c r="NM31" s="129">
        <v>0</v>
      </c>
      <c r="NN31" s="109">
        <v>0</v>
      </c>
      <c r="NO31" s="110">
        <v>0</v>
      </c>
      <c r="NP31" s="132"/>
      <c r="NQ31" s="109">
        <v>0</v>
      </c>
      <c r="NR31" s="109">
        <v>0</v>
      </c>
      <c r="NS31" s="109">
        <v>0</v>
      </c>
      <c r="NT31" s="109">
        <v>0</v>
      </c>
      <c r="NU31" s="109">
        <v>0</v>
      </c>
      <c r="NV31" s="110">
        <v>0</v>
      </c>
      <c r="NW31" s="111">
        <v>0</v>
      </c>
      <c r="NX31" s="129">
        <v>0</v>
      </c>
      <c r="NY31" s="109">
        <v>0</v>
      </c>
      <c r="NZ31" s="110">
        <v>0</v>
      </c>
      <c r="OA31" s="132"/>
      <c r="OB31" s="109">
        <v>0</v>
      </c>
      <c r="OC31" s="109">
        <v>0</v>
      </c>
      <c r="OD31" s="109">
        <v>0</v>
      </c>
      <c r="OE31" s="109">
        <v>0</v>
      </c>
      <c r="OF31" s="109">
        <v>0</v>
      </c>
      <c r="OG31" s="110">
        <v>0</v>
      </c>
      <c r="OH31" s="111">
        <v>0</v>
      </c>
      <c r="OI31" s="129">
        <v>134947</v>
      </c>
      <c r="OJ31" s="109">
        <v>273998</v>
      </c>
      <c r="OK31" s="128">
        <v>408945</v>
      </c>
      <c r="OL31" s="108">
        <v>0</v>
      </c>
      <c r="OM31" s="109">
        <v>1525111</v>
      </c>
      <c r="ON31" s="109">
        <v>2332374</v>
      </c>
      <c r="OO31" s="109">
        <v>1725176</v>
      </c>
      <c r="OP31" s="109">
        <v>1989361</v>
      </c>
      <c r="OQ31" s="109">
        <v>1152088</v>
      </c>
      <c r="OR31" s="110">
        <v>8724110</v>
      </c>
      <c r="OS31" s="130">
        <v>9133055</v>
      </c>
    </row>
    <row r="32" spans="2:409" ht="21" customHeight="1" x14ac:dyDescent="0.2">
      <c r="B32" s="472" t="s">
        <v>27</v>
      </c>
      <c r="C32" s="100">
        <v>98848</v>
      </c>
      <c r="D32" s="104">
        <v>79468</v>
      </c>
      <c r="E32" s="103">
        <v>178316</v>
      </c>
      <c r="F32" s="99">
        <v>0</v>
      </c>
      <c r="G32" s="104">
        <v>678245</v>
      </c>
      <c r="H32" s="104">
        <v>776517</v>
      </c>
      <c r="I32" s="104">
        <v>1762742</v>
      </c>
      <c r="J32" s="104">
        <v>1064832</v>
      </c>
      <c r="K32" s="104">
        <v>726449</v>
      </c>
      <c r="L32" s="160">
        <v>5008785</v>
      </c>
      <c r="M32" s="106">
        <v>5187101</v>
      </c>
      <c r="N32" s="100">
        <v>36789</v>
      </c>
      <c r="O32" s="104">
        <v>40968</v>
      </c>
      <c r="P32" s="103">
        <v>77757</v>
      </c>
      <c r="Q32" s="100">
        <v>0</v>
      </c>
      <c r="R32" s="104">
        <v>137692</v>
      </c>
      <c r="S32" s="104">
        <v>342531</v>
      </c>
      <c r="T32" s="104">
        <v>413957</v>
      </c>
      <c r="U32" s="104">
        <v>281132</v>
      </c>
      <c r="V32" s="104">
        <v>91126</v>
      </c>
      <c r="W32" s="103">
        <v>1266438</v>
      </c>
      <c r="X32" s="106">
        <v>1344195</v>
      </c>
      <c r="Y32" s="100">
        <v>0</v>
      </c>
      <c r="Z32" s="104">
        <v>0</v>
      </c>
      <c r="AA32" s="103">
        <v>0</v>
      </c>
      <c r="AB32" s="100">
        <v>0</v>
      </c>
      <c r="AC32" s="104">
        <v>85346</v>
      </c>
      <c r="AD32" s="104">
        <v>157048</v>
      </c>
      <c r="AE32" s="104">
        <v>152887</v>
      </c>
      <c r="AF32" s="104">
        <v>0</v>
      </c>
      <c r="AG32" s="104">
        <v>0</v>
      </c>
      <c r="AH32" s="103">
        <v>395281</v>
      </c>
      <c r="AI32" s="106">
        <v>395281</v>
      </c>
      <c r="AJ32" s="100">
        <v>0</v>
      </c>
      <c r="AK32" s="104">
        <v>0</v>
      </c>
      <c r="AL32" s="103">
        <v>0</v>
      </c>
      <c r="AM32" s="100">
        <v>0</v>
      </c>
      <c r="AN32" s="104">
        <v>0</v>
      </c>
      <c r="AO32" s="104">
        <v>0</v>
      </c>
      <c r="AP32" s="104">
        <v>0</v>
      </c>
      <c r="AQ32" s="104">
        <v>154914</v>
      </c>
      <c r="AR32" s="104">
        <v>22274</v>
      </c>
      <c r="AS32" s="103">
        <v>177188</v>
      </c>
      <c r="AT32" s="106">
        <v>177188</v>
      </c>
      <c r="AU32" s="100">
        <v>36789</v>
      </c>
      <c r="AV32" s="104">
        <v>40968</v>
      </c>
      <c r="AW32" s="103">
        <v>77757</v>
      </c>
      <c r="AX32" s="100">
        <v>0</v>
      </c>
      <c r="AY32" s="104">
        <v>0</v>
      </c>
      <c r="AZ32" s="104">
        <v>177083</v>
      </c>
      <c r="BA32" s="104">
        <v>168110</v>
      </c>
      <c r="BB32" s="104">
        <v>72465</v>
      </c>
      <c r="BC32" s="104">
        <v>0</v>
      </c>
      <c r="BD32" s="103">
        <v>417658</v>
      </c>
      <c r="BE32" s="106">
        <v>495415</v>
      </c>
      <c r="BF32" s="100">
        <v>0</v>
      </c>
      <c r="BG32" s="104">
        <v>0</v>
      </c>
      <c r="BH32" s="102">
        <v>0</v>
      </c>
      <c r="BI32" s="101">
        <v>0</v>
      </c>
      <c r="BJ32" s="104">
        <v>0</v>
      </c>
      <c r="BK32" s="104">
        <v>0</v>
      </c>
      <c r="BL32" s="104">
        <v>0</v>
      </c>
      <c r="BM32" s="104">
        <v>0</v>
      </c>
      <c r="BN32" s="104">
        <v>0</v>
      </c>
      <c r="BO32" s="103">
        <v>0</v>
      </c>
      <c r="BP32" s="106">
        <v>0</v>
      </c>
      <c r="BQ32" s="100">
        <v>0</v>
      </c>
      <c r="BR32" s="104">
        <v>0</v>
      </c>
      <c r="BS32" s="103">
        <v>0</v>
      </c>
      <c r="BT32" s="100">
        <v>0</v>
      </c>
      <c r="BU32" s="104">
        <v>52346</v>
      </c>
      <c r="BV32" s="104">
        <v>8400</v>
      </c>
      <c r="BW32" s="104">
        <v>92960</v>
      </c>
      <c r="BX32" s="104">
        <v>53753</v>
      </c>
      <c r="BY32" s="104">
        <v>68852</v>
      </c>
      <c r="BZ32" s="103">
        <v>276311</v>
      </c>
      <c r="CA32" s="106">
        <v>276311</v>
      </c>
      <c r="CB32" s="100">
        <v>19205</v>
      </c>
      <c r="CC32" s="104">
        <v>0</v>
      </c>
      <c r="CD32" s="103">
        <v>19205</v>
      </c>
      <c r="CE32" s="100">
        <v>0</v>
      </c>
      <c r="CF32" s="104">
        <v>82747</v>
      </c>
      <c r="CG32" s="104">
        <v>189898</v>
      </c>
      <c r="CH32" s="104">
        <v>181147</v>
      </c>
      <c r="CI32" s="104">
        <v>76185</v>
      </c>
      <c r="CJ32" s="104">
        <v>0</v>
      </c>
      <c r="CK32" s="103">
        <v>529977</v>
      </c>
      <c r="CL32" s="106">
        <v>549182</v>
      </c>
      <c r="CM32" s="100">
        <v>0</v>
      </c>
      <c r="CN32" s="104">
        <v>0</v>
      </c>
      <c r="CO32" s="103">
        <v>0</v>
      </c>
      <c r="CP32" s="101">
        <v>0</v>
      </c>
      <c r="CQ32" s="104">
        <v>23996</v>
      </c>
      <c r="CR32" s="104">
        <v>114367</v>
      </c>
      <c r="CS32" s="104">
        <v>115360</v>
      </c>
      <c r="CT32" s="104">
        <v>76185</v>
      </c>
      <c r="CU32" s="104">
        <v>0</v>
      </c>
      <c r="CV32" s="103">
        <v>329908</v>
      </c>
      <c r="CW32" s="106">
        <v>329908</v>
      </c>
      <c r="CX32" s="100">
        <v>19205</v>
      </c>
      <c r="CY32" s="104">
        <v>0</v>
      </c>
      <c r="CZ32" s="103">
        <v>19205</v>
      </c>
      <c r="DA32" s="100">
        <v>0</v>
      </c>
      <c r="DB32" s="104">
        <v>58751</v>
      </c>
      <c r="DC32" s="104">
        <v>75531</v>
      </c>
      <c r="DD32" s="104">
        <v>65787</v>
      </c>
      <c r="DE32" s="104">
        <v>0</v>
      </c>
      <c r="DF32" s="104">
        <v>0</v>
      </c>
      <c r="DG32" s="103">
        <v>200069</v>
      </c>
      <c r="DH32" s="106">
        <v>219274</v>
      </c>
      <c r="DI32" s="100">
        <v>0</v>
      </c>
      <c r="DJ32" s="104">
        <v>0</v>
      </c>
      <c r="DK32" s="102">
        <v>0</v>
      </c>
      <c r="DL32" s="101">
        <v>0</v>
      </c>
      <c r="DM32" s="104">
        <v>0</v>
      </c>
      <c r="DN32" s="104">
        <v>28171</v>
      </c>
      <c r="DO32" s="104">
        <v>175301</v>
      </c>
      <c r="DP32" s="104">
        <v>39818</v>
      </c>
      <c r="DQ32" s="104">
        <v>0</v>
      </c>
      <c r="DR32" s="103">
        <v>243290</v>
      </c>
      <c r="DS32" s="106">
        <v>243290</v>
      </c>
      <c r="DT32" s="100">
        <v>0</v>
      </c>
      <c r="DU32" s="104">
        <v>0</v>
      </c>
      <c r="DV32" s="103">
        <v>0</v>
      </c>
      <c r="DW32" s="100">
        <v>0</v>
      </c>
      <c r="DX32" s="104">
        <v>0</v>
      </c>
      <c r="DY32" s="104">
        <v>28171</v>
      </c>
      <c r="DZ32" s="104">
        <v>175301</v>
      </c>
      <c r="EA32" s="104">
        <v>39818</v>
      </c>
      <c r="EB32" s="104">
        <v>0</v>
      </c>
      <c r="EC32" s="103">
        <v>243290</v>
      </c>
      <c r="ED32" s="106">
        <v>243290</v>
      </c>
      <c r="EE32" s="100">
        <v>0</v>
      </c>
      <c r="EF32" s="102">
        <v>0</v>
      </c>
      <c r="EG32" s="103">
        <v>0</v>
      </c>
      <c r="EH32" s="100">
        <v>0</v>
      </c>
      <c r="EI32" s="104">
        <v>0</v>
      </c>
      <c r="EJ32" s="104">
        <v>0</v>
      </c>
      <c r="EK32" s="104">
        <v>0</v>
      </c>
      <c r="EL32" s="104">
        <v>0</v>
      </c>
      <c r="EM32" s="104">
        <v>0</v>
      </c>
      <c r="EN32" s="102">
        <v>0</v>
      </c>
      <c r="EO32" s="106">
        <v>0</v>
      </c>
      <c r="EP32" s="100">
        <v>0</v>
      </c>
      <c r="EQ32" s="104">
        <v>0</v>
      </c>
      <c r="ER32" s="102">
        <v>0</v>
      </c>
      <c r="ES32" s="101">
        <v>0</v>
      </c>
      <c r="ET32" s="104">
        <v>0</v>
      </c>
      <c r="EU32" s="104">
        <v>0</v>
      </c>
      <c r="EV32" s="104">
        <v>0</v>
      </c>
      <c r="EW32" s="104">
        <v>0</v>
      </c>
      <c r="EX32" s="104">
        <v>0</v>
      </c>
      <c r="EY32" s="103">
        <v>0</v>
      </c>
      <c r="EZ32" s="106">
        <v>0</v>
      </c>
      <c r="FA32" s="100">
        <v>0</v>
      </c>
      <c r="FB32" s="104">
        <v>0</v>
      </c>
      <c r="FC32" s="102">
        <v>0</v>
      </c>
      <c r="FD32" s="324"/>
      <c r="FE32" s="104">
        <v>0</v>
      </c>
      <c r="FF32" s="104">
        <v>0</v>
      </c>
      <c r="FG32" s="104">
        <v>0</v>
      </c>
      <c r="FH32" s="104">
        <v>0</v>
      </c>
      <c r="FI32" s="104">
        <v>0</v>
      </c>
      <c r="FJ32" s="103">
        <v>0</v>
      </c>
      <c r="FK32" s="106">
        <v>0</v>
      </c>
      <c r="FL32" s="100">
        <v>42854</v>
      </c>
      <c r="FM32" s="104">
        <v>38500</v>
      </c>
      <c r="FN32" s="103">
        <v>81354</v>
      </c>
      <c r="FO32" s="100">
        <v>0</v>
      </c>
      <c r="FP32" s="104">
        <v>4550</v>
      </c>
      <c r="FQ32" s="104">
        <v>62972</v>
      </c>
      <c r="FR32" s="104">
        <v>85897</v>
      </c>
      <c r="FS32" s="104">
        <v>74564</v>
      </c>
      <c r="FT32" s="104">
        <v>14700</v>
      </c>
      <c r="FU32" s="103">
        <v>242683</v>
      </c>
      <c r="FV32" s="106">
        <v>324037</v>
      </c>
      <c r="FW32" s="105">
        <v>23450</v>
      </c>
      <c r="FX32" s="104">
        <v>38500</v>
      </c>
      <c r="FY32" s="102">
        <v>61950</v>
      </c>
      <c r="FZ32" s="101">
        <v>0</v>
      </c>
      <c r="GA32" s="104">
        <v>4550</v>
      </c>
      <c r="GB32" s="104">
        <v>62972</v>
      </c>
      <c r="GC32" s="104">
        <v>68341</v>
      </c>
      <c r="GD32" s="104">
        <v>56084</v>
      </c>
      <c r="GE32" s="104">
        <v>14700</v>
      </c>
      <c r="GF32" s="103">
        <v>206647</v>
      </c>
      <c r="GG32" s="296">
        <v>268597</v>
      </c>
      <c r="GH32" s="105">
        <v>19404</v>
      </c>
      <c r="GI32" s="104">
        <v>0</v>
      </c>
      <c r="GJ32" s="102">
        <v>19404</v>
      </c>
      <c r="GK32" s="101">
        <v>0</v>
      </c>
      <c r="GL32" s="104">
        <v>0</v>
      </c>
      <c r="GM32" s="104">
        <v>0</v>
      </c>
      <c r="GN32" s="104">
        <v>17556</v>
      </c>
      <c r="GO32" s="104">
        <v>18480</v>
      </c>
      <c r="GP32" s="104">
        <v>0</v>
      </c>
      <c r="GQ32" s="103">
        <v>36036</v>
      </c>
      <c r="GR32" s="106">
        <v>55440</v>
      </c>
      <c r="GS32" s="100">
        <v>0</v>
      </c>
      <c r="GT32" s="104">
        <v>0</v>
      </c>
      <c r="GU32" s="103">
        <v>0</v>
      </c>
      <c r="GV32" s="100">
        <v>0</v>
      </c>
      <c r="GW32" s="104">
        <v>0</v>
      </c>
      <c r="GX32" s="104">
        <v>0</v>
      </c>
      <c r="GY32" s="104">
        <v>0</v>
      </c>
      <c r="GZ32" s="104">
        <v>0</v>
      </c>
      <c r="HA32" s="104">
        <v>0</v>
      </c>
      <c r="HB32" s="102">
        <v>0</v>
      </c>
      <c r="HC32" s="106">
        <v>0</v>
      </c>
      <c r="HD32" s="100">
        <v>0</v>
      </c>
      <c r="HE32" s="104">
        <v>0</v>
      </c>
      <c r="HF32" s="102">
        <v>0</v>
      </c>
      <c r="HG32" s="101">
        <v>0</v>
      </c>
      <c r="HH32" s="104">
        <v>453256</v>
      </c>
      <c r="HI32" s="104">
        <v>152945</v>
      </c>
      <c r="HJ32" s="104">
        <v>906440</v>
      </c>
      <c r="HK32" s="104">
        <v>593133</v>
      </c>
      <c r="HL32" s="104">
        <v>620623</v>
      </c>
      <c r="HM32" s="103">
        <v>2726397</v>
      </c>
      <c r="HN32" s="99">
        <v>2726397</v>
      </c>
      <c r="HO32" s="306"/>
      <c r="HP32" s="307"/>
      <c r="HQ32" s="308"/>
      <c r="HR32" s="309"/>
      <c r="HS32" s="307"/>
      <c r="HT32" s="307"/>
      <c r="HU32" s="307"/>
      <c r="HV32" s="307"/>
      <c r="HW32" s="307"/>
      <c r="HX32" s="310"/>
      <c r="HY32" s="311"/>
      <c r="HZ32" s="137">
        <v>0</v>
      </c>
      <c r="IA32" s="122">
        <v>0</v>
      </c>
      <c r="IB32" s="137">
        <v>0</v>
      </c>
      <c r="IC32" s="121">
        <v>0</v>
      </c>
      <c r="ID32" s="122">
        <v>84289</v>
      </c>
      <c r="IE32" s="123">
        <v>60185</v>
      </c>
      <c r="IF32" s="124">
        <v>0</v>
      </c>
      <c r="IG32" s="122">
        <v>0</v>
      </c>
      <c r="IH32" s="124">
        <v>0</v>
      </c>
      <c r="II32" s="125">
        <v>144474</v>
      </c>
      <c r="IJ32" s="137">
        <v>144474</v>
      </c>
      <c r="IK32" s="219">
        <v>0</v>
      </c>
      <c r="IL32" s="223">
        <v>0</v>
      </c>
      <c r="IM32" s="224">
        <v>0</v>
      </c>
      <c r="IN32" s="127"/>
      <c r="IO32" s="109">
        <v>0</v>
      </c>
      <c r="IP32" s="109">
        <v>0</v>
      </c>
      <c r="IQ32" s="109">
        <v>0</v>
      </c>
      <c r="IR32" s="109">
        <v>0</v>
      </c>
      <c r="IS32" s="109">
        <v>0</v>
      </c>
      <c r="IT32" s="128">
        <v>0</v>
      </c>
      <c r="IU32" s="298">
        <v>0</v>
      </c>
      <c r="IV32" s="129">
        <v>0</v>
      </c>
      <c r="IW32" s="109">
        <v>0</v>
      </c>
      <c r="IX32" s="110">
        <v>0</v>
      </c>
      <c r="IY32" s="131"/>
      <c r="IZ32" s="109">
        <v>0</v>
      </c>
      <c r="JA32" s="109">
        <v>0</v>
      </c>
      <c r="JB32" s="109">
        <v>0</v>
      </c>
      <c r="JC32" s="109">
        <v>0</v>
      </c>
      <c r="JD32" s="109">
        <v>0</v>
      </c>
      <c r="JE32" s="110">
        <v>0</v>
      </c>
      <c r="JF32" s="111">
        <v>0</v>
      </c>
      <c r="JG32" s="129">
        <v>0</v>
      </c>
      <c r="JH32" s="109">
        <v>0</v>
      </c>
      <c r="JI32" s="128">
        <v>0</v>
      </c>
      <c r="JJ32" s="108">
        <v>0</v>
      </c>
      <c r="JK32" s="109">
        <v>84289</v>
      </c>
      <c r="JL32" s="109">
        <v>31926</v>
      </c>
      <c r="JM32" s="109">
        <v>0</v>
      </c>
      <c r="JN32" s="109">
        <v>0</v>
      </c>
      <c r="JO32" s="109">
        <v>0</v>
      </c>
      <c r="JP32" s="110">
        <v>116215</v>
      </c>
      <c r="JQ32" s="298">
        <v>116215</v>
      </c>
      <c r="JR32" s="129">
        <v>0</v>
      </c>
      <c r="JS32" s="109">
        <v>0</v>
      </c>
      <c r="JT32" s="128">
        <v>0</v>
      </c>
      <c r="JU32" s="108">
        <v>0</v>
      </c>
      <c r="JV32" s="109">
        <v>0</v>
      </c>
      <c r="JW32" s="109">
        <v>28259</v>
      </c>
      <c r="JX32" s="109">
        <v>0</v>
      </c>
      <c r="JY32" s="109">
        <v>0</v>
      </c>
      <c r="JZ32" s="109">
        <v>0</v>
      </c>
      <c r="KA32" s="110">
        <v>28259</v>
      </c>
      <c r="KB32" s="298">
        <v>28259</v>
      </c>
      <c r="KC32" s="221">
        <v>0</v>
      </c>
      <c r="KD32" s="217">
        <v>0</v>
      </c>
      <c r="KE32" s="110">
        <v>0</v>
      </c>
      <c r="KF32" s="108">
        <v>0</v>
      </c>
      <c r="KG32" s="109">
        <v>0</v>
      </c>
      <c r="KH32" s="109">
        <v>0</v>
      </c>
      <c r="KI32" s="109">
        <v>0</v>
      </c>
      <c r="KJ32" s="109">
        <v>0</v>
      </c>
      <c r="KK32" s="109">
        <v>0</v>
      </c>
      <c r="KL32" s="110">
        <v>0</v>
      </c>
      <c r="KM32" s="130">
        <v>0</v>
      </c>
      <c r="KN32" s="219">
        <v>0</v>
      </c>
      <c r="KO32" s="223">
        <v>0</v>
      </c>
      <c r="KP32" s="224">
        <v>0</v>
      </c>
      <c r="KQ32" s="127"/>
      <c r="KR32" s="109">
        <v>0</v>
      </c>
      <c r="KS32" s="109">
        <v>0</v>
      </c>
      <c r="KT32" s="109">
        <v>0</v>
      </c>
      <c r="KU32" s="109">
        <v>0</v>
      </c>
      <c r="KV32" s="109">
        <v>0</v>
      </c>
      <c r="KW32" s="110">
        <v>0</v>
      </c>
      <c r="KX32" s="298">
        <v>0</v>
      </c>
      <c r="KY32" s="129">
        <v>0</v>
      </c>
      <c r="KZ32" s="109">
        <v>0</v>
      </c>
      <c r="LA32" s="110">
        <v>0</v>
      </c>
      <c r="LB32" s="132"/>
      <c r="LC32" s="109">
        <v>0</v>
      </c>
      <c r="LD32" s="109">
        <v>0</v>
      </c>
      <c r="LE32" s="109">
        <v>0</v>
      </c>
      <c r="LF32" s="109">
        <v>0</v>
      </c>
      <c r="LG32" s="109">
        <v>0</v>
      </c>
      <c r="LH32" s="110">
        <v>0</v>
      </c>
      <c r="LI32" s="111">
        <v>0</v>
      </c>
      <c r="LJ32" s="129">
        <v>0</v>
      </c>
      <c r="LK32" s="109">
        <v>0</v>
      </c>
      <c r="LL32" s="110">
        <v>0</v>
      </c>
      <c r="LM32" s="132"/>
      <c r="LN32" s="109">
        <v>0</v>
      </c>
      <c r="LO32" s="109">
        <v>0</v>
      </c>
      <c r="LP32" s="109">
        <v>0</v>
      </c>
      <c r="LQ32" s="109">
        <v>0</v>
      </c>
      <c r="LR32" s="109">
        <v>0</v>
      </c>
      <c r="LS32" s="110">
        <v>0</v>
      </c>
      <c r="LT32" s="298">
        <v>0</v>
      </c>
      <c r="LU32" s="129">
        <v>0</v>
      </c>
      <c r="LV32" s="109">
        <v>0</v>
      </c>
      <c r="LW32" s="110">
        <v>0</v>
      </c>
      <c r="LX32" s="132"/>
      <c r="LY32" s="109">
        <v>0</v>
      </c>
      <c r="LZ32" s="109">
        <v>0</v>
      </c>
      <c r="MA32" s="109">
        <v>0</v>
      </c>
      <c r="MB32" s="109">
        <v>0</v>
      </c>
      <c r="MC32" s="109">
        <v>0</v>
      </c>
      <c r="MD32" s="110">
        <v>0</v>
      </c>
      <c r="ME32" s="111">
        <v>0</v>
      </c>
      <c r="MF32" s="129">
        <v>0</v>
      </c>
      <c r="MG32" s="109">
        <v>0</v>
      </c>
      <c r="MH32" s="110">
        <v>0</v>
      </c>
      <c r="MI32" s="132"/>
      <c r="MJ32" s="109">
        <v>179928</v>
      </c>
      <c r="MK32" s="109">
        <v>0</v>
      </c>
      <c r="ML32" s="109">
        <v>141019</v>
      </c>
      <c r="MM32" s="109">
        <v>582031</v>
      </c>
      <c r="MN32" s="109">
        <v>0</v>
      </c>
      <c r="MO32" s="110">
        <v>902978</v>
      </c>
      <c r="MP32" s="130">
        <v>902978</v>
      </c>
      <c r="MQ32" s="129">
        <v>0</v>
      </c>
      <c r="MR32" s="109">
        <v>0</v>
      </c>
      <c r="MS32" s="110">
        <v>0</v>
      </c>
      <c r="MT32" s="132"/>
      <c r="MU32" s="109">
        <v>0</v>
      </c>
      <c r="MV32" s="109">
        <v>0</v>
      </c>
      <c r="MW32" s="109">
        <v>141019</v>
      </c>
      <c r="MX32" s="109">
        <v>582031</v>
      </c>
      <c r="MY32" s="109">
        <v>0</v>
      </c>
      <c r="MZ32" s="110">
        <v>723050</v>
      </c>
      <c r="NA32" s="130">
        <v>723050</v>
      </c>
      <c r="NB32" s="129">
        <v>0</v>
      </c>
      <c r="NC32" s="109">
        <v>0</v>
      </c>
      <c r="ND32" s="110">
        <v>0</v>
      </c>
      <c r="NE32" s="132"/>
      <c r="NF32" s="109">
        <v>179928</v>
      </c>
      <c r="NG32" s="109">
        <v>0</v>
      </c>
      <c r="NH32" s="109">
        <v>0</v>
      </c>
      <c r="NI32" s="109">
        <v>0</v>
      </c>
      <c r="NJ32" s="109">
        <v>0</v>
      </c>
      <c r="NK32" s="110">
        <v>179928</v>
      </c>
      <c r="NL32" s="298">
        <v>179928</v>
      </c>
      <c r="NM32" s="129">
        <v>0</v>
      </c>
      <c r="NN32" s="109">
        <v>0</v>
      </c>
      <c r="NO32" s="110">
        <v>0</v>
      </c>
      <c r="NP32" s="132"/>
      <c r="NQ32" s="109">
        <v>0</v>
      </c>
      <c r="NR32" s="109">
        <v>0</v>
      </c>
      <c r="NS32" s="109">
        <v>0</v>
      </c>
      <c r="NT32" s="109">
        <v>0</v>
      </c>
      <c r="NU32" s="109">
        <v>0</v>
      </c>
      <c r="NV32" s="110">
        <v>0</v>
      </c>
      <c r="NW32" s="111">
        <v>0</v>
      </c>
      <c r="NX32" s="129">
        <v>0</v>
      </c>
      <c r="NY32" s="109">
        <v>0</v>
      </c>
      <c r="NZ32" s="110">
        <v>0</v>
      </c>
      <c r="OA32" s="132"/>
      <c r="OB32" s="109">
        <v>0</v>
      </c>
      <c r="OC32" s="109">
        <v>0</v>
      </c>
      <c r="OD32" s="109">
        <v>0</v>
      </c>
      <c r="OE32" s="109">
        <v>0</v>
      </c>
      <c r="OF32" s="109">
        <v>0</v>
      </c>
      <c r="OG32" s="110">
        <v>0</v>
      </c>
      <c r="OH32" s="111">
        <v>0</v>
      </c>
      <c r="OI32" s="129">
        <v>98848</v>
      </c>
      <c r="OJ32" s="109">
        <v>79468</v>
      </c>
      <c r="OK32" s="128">
        <v>178316</v>
      </c>
      <c r="OL32" s="108">
        <v>0</v>
      </c>
      <c r="OM32" s="109">
        <v>942462</v>
      </c>
      <c r="ON32" s="109">
        <v>836702</v>
      </c>
      <c r="OO32" s="109">
        <v>1903761</v>
      </c>
      <c r="OP32" s="109">
        <v>1646863</v>
      </c>
      <c r="OQ32" s="109">
        <v>726449</v>
      </c>
      <c r="OR32" s="110">
        <v>6056237</v>
      </c>
      <c r="OS32" s="130">
        <v>6234553</v>
      </c>
    </row>
    <row r="33" spans="2:409" ht="21" customHeight="1" x14ac:dyDescent="0.2">
      <c r="B33" s="472" t="s">
        <v>28</v>
      </c>
      <c r="C33" s="100">
        <v>0</v>
      </c>
      <c r="D33" s="104">
        <v>81200</v>
      </c>
      <c r="E33" s="103">
        <v>81200</v>
      </c>
      <c r="F33" s="99">
        <v>0</v>
      </c>
      <c r="G33" s="104">
        <v>53764</v>
      </c>
      <c r="H33" s="104">
        <v>216464</v>
      </c>
      <c r="I33" s="104">
        <v>323268</v>
      </c>
      <c r="J33" s="104">
        <v>371545</v>
      </c>
      <c r="K33" s="104">
        <v>0</v>
      </c>
      <c r="L33" s="160">
        <v>965041</v>
      </c>
      <c r="M33" s="106">
        <v>1046241</v>
      </c>
      <c r="N33" s="100">
        <v>0</v>
      </c>
      <c r="O33" s="104">
        <v>35700</v>
      </c>
      <c r="P33" s="103">
        <v>35700</v>
      </c>
      <c r="Q33" s="100">
        <v>0</v>
      </c>
      <c r="R33" s="104">
        <v>35032</v>
      </c>
      <c r="S33" s="104">
        <v>90745</v>
      </c>
      <c r="T33" s="104">
        <v>42378</v>
      </c>
      <c r="U33" s="104">
        <v>95718</v>
      </c>
      <c r="V33" s="104">
        <v>0</v>
      </c>
      <c r="W33" s="103">
        <v>263873</v>
      </c>
      <c r="X33" s="106">
        <v>299573</v>
      </c>
      <c r="Y33" s="100">
        <v>0</v>
      </c>
      <c r="Z33" s="104">
        <v>0</v>
      </c>
      <c r="AA33" s="103">
        <v>0</v>
      </c>
      <c r="AB33" s="100">
        <v>0</v>
      </c>
      <c r="AC33" s="104">
        <v>35032</v>
      </c>
      <c r="AD33" s="104">
        <v>43617</v>
      </c>
      <c r="AE33" s="104">
        <v>0</v>
      </c>
      <c r="AF33" s="104">
        <v>63392</v>
      </c>
      <c r="AG33" s="104">
        <v>0</v>
      </c>
      <c r="AH33" s="103">
        <v>142041</v>
      </c>
      <c r="AI33" s="106">
        <v>142041</v>
      </c>
      <c r="AJ33" s="100">
        <v>0</v>
      </c>
      <c r="AK33" s="104">
        <v>0</v>
      </c>
      <c r="AL33" s="103">
        <v>0</v>
      </c>
      <c r="AM33" s="100">
        <v>0</v>
      </c>
      <c r="AN33" s="104">
        <v>0</v>
      </c>
      <c r="AO33" s="104">
        <v>0</v>
      </c>
      <c r="AP33" s="104">
        <v>0</v>
      </c>
      <c r="AQ33" s="104">
        <v>0</v>
      </c>
      <c r="AR33" s="104">
        <v>0</v>
      </c>
      <c r="AS33" s="103">
        <v>0</v>
      </c>
      <c r="AT33" s="106">
        <v>0</v>
      </c>
      <c r="AU33" s="100">
        <v>0</v>
      </c>
      <c r="AV33" s="104">
        <v>35700</v>
      </c>
      <c r="AW33" s="103">
        <v>35700</v>
      </c>
      <c r="AX33" s="100">
        <v>0</v>
      </c>
      <c r="AY33" s="104">
        <v>0</v>
      </c>
      <c r="AZ33" s="104">
        <v>43530</v>
      </c>
      <c r="BA33" s="104">
        <v>31521</v>
      </c>
      <c r="BB33" s="104">
        <v>0</v>
      </c>
      <c r="BC33" s="104">
        <v>0</v>
      </c>
      <c r="BD33" s="103">
        <v>75051</v>
      </c>
      <c r="BE33" s="106">
        <v>110751</v>
      </c>
      <c r="BF33" s="100">
        <v>0</v>
      </c>
      <c r="BG33" s="104">
        <v>0</v>
      </c>
      <c r="BH33" s="102">
        <v>0</v>
      </c>
      <c r="BI33" s="101">
        <v>0</v>
      </c>
      <c r="BJ33" s="104">
        <v>0</v>
      </c>
      <c r="BK33" s="104">
        <v>0</v>
      </c>
      <c r="BL33" s="104">
        <v>0</v>
      </c>
      <c r="BM33" s="104">
        <v>0</v>
      </c>
      <c r="BN33" s="104">
        <v>0</v>
      </c>
      <c r="BO33" s="103">
        <v>0</v>
      </c>
      <c r="BP33" s="106">
        <v>0</v>
      </c>
      <c r="BQ33" s="100">
        <v>0</v>
      </c>
      <c r="BR33" s="104">
        <v>0</v>
      </c>
      <c r="BS33" s="103">
        <v>0</v>
      </c>
      <c r="BT33" s="100">
        <v>0</v>
      </c>
      <c r="BU33" s="104">
        <v>0</v>
      </c>
      <c r="BV33" s="104">
        <v>3598</v>
      </c>
      <c r="BW33" s="104">
        <v>10857</v>
      </c>
      <c r="BX33" s="104">
        <v>32326</v>
      </c>
      <c r="BY33" s="104">
        <v>0</v>
      </c>
      <c r="BZ33" s="103">
        <v>46781</v>
      </c>
      <c r="CA33" s="106">
        <v>46781</v>
      </c>
      <c r="CB33" s="100">
        <v>0</v>
      </c>
      <c r="CC33" s="104">
        <v>0</v>
      </c>
      <c r="CD33" s="103">
        <v>0</v>
      </c>
      <c r="CE33" s="100">
        <v>0</v>
      </c>
      <c r="CF33" s="104">
        <v>0</v>
      </c>
      <c r="CG33" s="104">
        <v>48852</v>
      </c>
      <c r="CH33" s="104">
        <v>144389</v>
      </c>
      <c r="CI33" s="104">
        <v>63966</v>
      </c>
      <c r="CJ33" s="104">
        <v>0</v>
      </c>
      <c r="CK33" s="103">
        <v>257207</v>
      </c>
      <c r="CL33" s="106">
        <v>257207</v>
      </c>
      <c r="CM33" s="100">
        <v>0</v>
      </c>
      <c r="CN33" s="104">
        <v>0</v>
      </c>
      <c r="CO33" s="103">
        <v>0</v>
      </c>
      <c r="CP33" s="101">
        <v>0</v>
      </c>
      <c r="CQ33" s="104">
        <v>0</v>
      </c>
      <c r="CR33" s="104">
        <v>35721</v>
      </c>
      <c r="CS33" s="104">
        <v>109515</v>
      </c>
      <c r="CT33" s="104">
        <v>63966</v>
      </c>
      <c r="CU33" s="104">
        <v>0</v>
      </c>
      <c r="CV33" s="103">
        <v>209202</v>
      </c>
      <c r="CW33" s="106">
        <v>209202</v>
      </c>
      <c r="CX33" s="100">
        <v>0</v>
      </c>
      <c r="CY33" s="104">
        <v>0</v>
      </c>
      <c r="CZ33" s="103">
        <v>0</v>
      </c>
      <c r="DA33" s="100">
        <v>0</v>
      </c>
      <c r="DB33" s="104">
        <v>0</v>
      </c>
      <c r="DC33" s="104">
        <v>13131</v>
      </c>
      <c r="DD33" s="104">
        <v>34874</v>
      </c>
      <c r="DE33" s="104">
        <v>0</v>
      </c>
      <c r="DF33" s="104">
        <v>0</v>
      </c>
      <c r="DG33" s="103">
        <v>48005</v>
      </c>
      <c r="DH33" s="106">
        <v>48005</v>
      </c>
      <c r="DI33" s="100">
        <v>0</v>
      </c>
      <c r="DJ33" s="104">
        <v>0</v>
      </c>
      <c r="DK33" s="102">
        <v>0</v>
      </c>
      <c r="DL33" s="101">
        <v>0</v>
      </c>
      <c r="DM33" s="104">
        <v>0</v>
      </c>
      <c r="DN33" s="104">
        <v>42091</v>
      </c>
      <c r="DO33" s="104">
        <v>85205</v>
      </c>
      <c r="DP33" s="104">
        <v>0</v>
      </c>
      <c r="DQ33" s="104">
        <v>0</v>
      </c>
      <c r="DR33" s="103">
        <v>127296</v>
      </c>
      <c r="DS33" s="106">
        <v>127296</v>
      </c>
      <c r="DT33" s="100">
        <v>0</v>
      </c>
      <c r="DU33" s="104">
        <v>0</v>
      </c>
      <c r="DV33" s="103">
        <v>0</v>
      </c>
      <c r="DW33" s="100">
        <v>0</v>
      </c>
      <c r="DX33" s="104">
        <v>0</v>
      </c>
      <c r="DY33" s="104">
        <v>42091</v>
      </c>
      <c r="DZ33" s="104">
        <v>85205</v>
      </c>
      <c r="EA33" s="104">
        <v>0</v>
      </c>
      <c r="EB33" s="104">
        <v>0</v>
      </c>
      <c r="EC33" s="103">
        <v>127296</v>
      </c>
      <c r="ED33" s="106">
        <v>127296</v>
      </c>
      <c r="EE33" s="100">
        <v>0</v>
      </c>
      <c r="EF33" s="102">
        <v>0</v>
      </c>
      <c r="EG33" s="103">
        <v>0</v>
      </c>
      <c r="EH33" s="100">
        <v>0</v>
      </c>
      <c r="EI33" s="104">
        <v>0</v>
      </c>
      <c r="EJ33" s="104">
        <v>0</v>
      </c>
      <c r="EK33" s="104">
        <v>0</v>
      </c>
      <c r="EL33" s="104">
        <v>0</v>
      </c>
      <c r="EM33" s="104">
        <v>0</v>
      </c>
      <c r="EN33" s="102">
        <v>0</v>
      </c>
      <c r="EO33" s="106">
        <v>0</v>
      </c>
      <c r="EP33" s="100">
        <v>0</v>
      </c>
      <c r="EQ33" s="104">
        <v>0</v>
      </c>
      <c r="ER33" s="102">
        <v>0</v>
      </c>
      <c r="ES33" s="101">
        <v>0</v>
      </c>
      <c r="ET33" s="104">
        <v>0</v>
      </c>
      <c r="EU33" s="104">
        <v>0</v>
      </c>
      <c r="EV33" s="104">
        <v>0</v>
      </c>
      <c r="EW33" s="104">
        <v>0</v>
      </c>
      <c r="EX33" s="104">
        <v>0</v>
      </c>
      <c r="EY33" s="103">
        <v>0</v>
      </c>
      <c r="EZ33" s="106">
        <v>0</v>
      </c>
      <c r="FA33" s="100">
        <v>0</v>
      </c>
      <c r="FB33" s="104">
        <v>0</v>
      </c>
      <c r="FC33" s="102">
        <v>0</v>
      </c>
      <c r="FD33" s="324"/>
      <c r="FE33" s="104">
        <v>0</v>
      </c>
      <c r="FF33" s="104">
        <v>0</v>
      </c>
      <c r="FG33" s="104">
        <v>0</v>
      </c>
      <c r="FH33" s="104">
        <v>0</v>
      </c>
      <c r="FI33" s="104">
        <v>0</v>
      </c>
      <c r="FJ33" s="103">
        <v>0</v>
      </c>
      <c r="FK33" s="106">
        <v>0</v>
      </c>
      <c r="FL33" s="100">
        <v>0</v>
      </c>
      <c r="FM33" s="104">
        <v>45500</v>
      </c>
      <c r="FN33" s="103">
        <v>45500</v>
      </c>
      <c r="FO33" s="100">
        <v>0</v>
      </c>
      <c r="FP33" s="104">
        <v>18732</v>
      </c>
      <c r="FQ33" s="104">
        <v>34776</v>
      </c>
      <c r="FR33" s="104">
        <v>7350</v>
      </c>
      <c r="FS33" s="104">
        <v>21350</v>
      </c>
      <c r="FT33" s="104">
        <v>0</v>
      </c>
      <c r="FU33" s="103">
        <v>82208</v>
      </c>
      <c r="FV33" s="106">
        <v>127708</v>
      </c>
      <c r="FW33" s="105">
        <v>0</v>
      </c>
      <c r="FX33" s="104">
        <v>11900</v>
      </c>
      <c r="FY33" s="102">
        <v>11900</v>
      </c>
      <c r="FZ33" s="101">
        <v>0</v>
      </c>
      <c r="GA33" s="104">
        <v>18732</v>
      </c>
      <c r="GB33" s="104">
        <v>34776</v>
      </c>
      <c r="GC33" s="104">
        <v>7350</v>
      </c>
      <c r="GD33" s="104">
        <v>21350</v>
      </c>
      <c r="GE33" s="104">
        <v>0</v>
      </c>
      <c r="GF33" s="103">
        <v>82208</v>
      </c>
      <c r="GG33" s="296">
        <v>94108</v>
      </c>
      <c r="GH33" s="105">
        <v>0</v>
      </c>
      <c r="GI33" s="104">
        <v>0</v>
      </c>
      <c r="GJ33" s="102">
        <v>0</v>
      </c>
      <c r="GK33" s="101">
        <v>0</v>
      </c>
      <c r="GL33" s="104">
        <v>0</v>
      </c>
      <c r="GM33" s="104">
        <v>0</v>
      </c>
      <c r="GN33" s="104">
        <v>0</v>
      </c>
      <c r="GO33" s="104">
        <v>0</v>
      </c>
      <c r="GP33" s="104">
        <v>0</v>
      </c>
      <c r="GQ33" s="103">
        <v>0</v>
      </c>
      <c r="GR33" s="106">
        <v>0</v>
      </c>
      <c r="GS33" s="100">
        <v>0</v>
      </c>
      <c r="GT33" s="104">
        <v>33600</v>
      </c>
      <c r="GU33" s="103">
        <v>33600</v>
      </c>
      <c r="GV33" s="100">
        <v>0</v>
      </c>
      <c r="GW33" s="104">
        <v>0</v>
      </c>
      <c r="GX33" s="104">
        <v>0</v>
      </c>
      <c r="GY33" s="104">
        <v>0</v>
      </c>
      <c r="GZ33" s="104">
        <v>0</v>
      </c>
      <c r="HA33" s="104">
        <v>0</v>
      </c>
      <c r="HB33" s="102">
        <v>0</v>
      </c>
      <c r="HC33" s="106">
        <v>33600</v>
      </c>
      <c r="HD33" s="100">
        <v>0</v>
      </c>
      <c r="HE33" s="104">
        <v>0</v>
      </c>
      <c r="HF33" s="102">
        <v>0</v>
      </c>
      <c r="HG33" s="101">
        <v>0</v>
      </c>
      <c r="HH33" s="104">
        <v>0</v>
      </c>
      <c r="HI33" s="104">
        <v>0</v>
      </c>
      <c r="HJ33" s="104">
        <v>43946</v>
      </c>
      <c r="HK33" s="104">
        <v>190511</v>
      </c>
      <c r="HL33" s="104">
        <v>0</v>
      </c>
      <c r="HM33" s="103">
        <v>234457</v>
      </c>
      <c r="HN33" s="99">
        <v>234457</v>
      </c>
      <c r="HO33" s="306"/>
      <c r="HP33" s="307"/>
      <c r="HQ33" s="308"/>
      <c r="HR33" s="309"/>
      <c r="HS33" s="307"/>
      <c r="HT33" s="307"/>
      <c r="HU33" s="307"/>
      <c r="HV33" s="307"/>
      <c r="HW33" s="307"/>
      <c r="HX33" s="310"/>
      <c r="HY33" s="311"/>
      <c r="HZ33" s="118">
        <v>0</v>
      </c>
      <c r="IA33" s="119">
        <v>0</v>
      </c>
      <c r="IB33" s="120">
        <v>0</v>
      </c>
      <c r="IC33" s="133">
        <v>0</v>
      </c>
      <c r="ID33" s="119">
        <v>83090</v>
      </c>
      <c r="IE33" s="134">
        <v>18298</v>
      </c>
      <c r="IF33" s="120">
        <v>0</v>
      </c>
      <c r="IG33" s="119">
        <v>0</v>
      </c>
      <c r="IH33" s="120">
        <v>0</v>
      </c>
      <c r="II33" s="135">
        <v>101388</v>
      </c>
      <c r="IJ33" s="126">
        <v>101388</v>
      </c>
      <c r="IK33" s="219">
        <v>0</v>
      </c>
      <c r="IL33" s="223">
        <v>0</v>
      </c>
      <c r="IM33" s="224">
        <v>0</v>
      </c>
      <c r="IN33" s="127"/>
      <c r="IO33" s="109">
        <v>0</v>
      </c>
      <c r="IP33" s="109">
        <v>0</v>
      </c>
      <c r="IQ33" s="109">
        <v>0</v>
      </c>
      <c r="IR33" s="109">
        <v>0</v>
      </c>
      <c r="IS33" s="109">
        <v>0</v>
      </c>
      <c r="IT33" s="128">
        <v>0</v>
      </c>
      <c r="IU33" s="298">
        <v>0</v>
      </c>
      <c r="IV33" s="129">
        <v>0</v>
      </c>
      <c r="IW33" s="109">
        <v>0</v>
      </c>
      <c r="IX33" s="110">
        <v>0</v>
      </c>
      <c r="IY33" s="131"/>
      <c r="IZ33" s="109">
        <v>0</v>
      </c>
      <c r="JA33" s="109">
        <v>0</v>
      </c>
      <c r="JB33" s="109">
        <v>0</v>
      </c>
      <c r="JC33" s="109">
        <v>0</v>
      </c>
      <c r="JD33" s="109">
        <v>0</v>
      </c>
      <c r="JE33" s="110">
        <v>0</v>
      </c>
      <c r="JF33" s="111">
        <v>0</v>
      </c>
      <c r="JG33" s="129">
        <v>0</v>
      </c>
      <c r="JH33" s="109">
        <v>0</v>
      </c>
      <c r="JI33" s="128">
        <v>0</v>
      </c>
      <c r="JJ33" s="108">
        <v>0</v>
      </c>
      <c r="JK33" s="109">
        <v>83090</v>
      </c>
      <c r="JL33" s="109">
        <v>18298</v>
      </c>
      <c r="JM33" s="109">
        <v>0</v>
      </c>
      <c r="JN33" s="109">
        <v>0</v>
      </c>
      <c r="JO33" s="109">
        <v>0</v>
      </c>
      <c r="JP33" s="110">
        <v>101388</v>
      </c>
      <c r="JQ33" s="298">
        <v>101388</v>
      </c>
      <c r="JR33" s="129">
        <v>0</v>
      </c>
      <c r="JS33" s="109">
        <v>0</v>
      </c>
      <c r="JT33" s="128">
        <v>0</v>
      </c>
      <c r="JU33" s="108">
        <v>0</v>
      </c>
      <c r="JV33" s="109">
        <v>0</v>
      </c>
      <c r="JW33" s="109">
        <v>0</v>
      </c>
      <c r="JX33" s="109">
        <v>0</v>
      </c>
      <c r="JY33" s="109">
        <v>0</v>
      </c>
      <c r="JZ33" s="109">
        <v>0</v>
      </c>
      <c r="KA33" s="110">
        <v>0</v>
      </c>
      <c r="KB33" s="298">
        <v>0</v>
      </c>
      <c r="KC33" s="221">
        <v>0</v>
      </c>
      <c r="KD33" s="217">
        <v>0</v>
      </c>
      <c r="KE33" s="110">
        <v>0</v>
      </c>
      <c r="KF33" s="108">
        <v>0</v>
      </c>
      <c r="KG33" s="109">
        <v>0</v>
      </c>
      <c r="KH33" s="109">
        <v>0</v>
      </c>
      <c r="KI33" s="109">
        <v>0</v>
      </c>
      <c r="KJ33" s="109">
        <v>0</v>
      </c>
      <c r="KK33" s="109">
        <v>0</v>
      </c>
      <c r="KL33" s="110">
        <v>0</v>
      </c>
      <c r="KM33" s="130">
        <v>0</v>
      </c>
      <c r="KN33" s="219">
        <v>0</v>
      </c>
      <c r="KO33" s="223">
        <v>0</v>
      </c>
      <c r="KP33" s="224">
        <v>0</v>
      </c>
      <c r="KQ33" s="127"/>
      <c r="KR33" s="109">
        <v>0</v>
      </c>
      <c r="KS33" s="109">
        <v>0</v>
      </c>
      <c r="KT33" s="109">
        <v>0</v>
      </c>
      <c r="KU33" s="109">
        <v>0</v>
      </c>
      <c r="KV33" s="109">
        <v>0</v>
      </c>
      <c r="KW33" s="110">
        <v>0</v>
      </c>
      <c r="KX33" s="298">
        <v>0</v>
      </c>
      <c r="KY33" s="129">
        <v>0</v>
      </c>
      <c r="KZ33" s="109">
        <v>0</v>
      </c>
      <c r="LA33" s="110">
        <v>0</v>
      </c>
      <c r="LB33" s="132"/>
      <c r="LC33" s="109">
        <v>0</v>
      </c>
      <c r="LD33" s="109">
        <v>0</v>
      </c>
      <c r="LE33" s="109">
        <v>0</v>
      </c>
      <c r="LF33" s="109">
        <v>0</v>
      </c>
      <c r="LG33" s="109">
        <v>0</v>
      </c>
      <c r="LH33" s="110">
        <v>0</v>
      </c>
      <c r="LI33" s="111">
        <v>0</v>
      </c>
      <c r="LJ33" s="129">
        <v>0</v>
      </c>
      <c r="LK33" s="109">
        <v>0</v>
      </c>
      <c r="LL33" s="110">
        <v>0</v>
      </c>
      <c r="LM33" s="132"/>
      <c r="LN33" s="109">
        <v>0</v>
      </c>
      <c r="LO33" s="109">
        <v>0</v>
      </c>
      <c r="LP33" s="109">
        <v>0</v>
      </c>
      <c r="LQ33" s="109">
        <v>0</v>
      </c>
      <c r="LR33" s="109">
        <v>0</v>
      </c>
      <c r="LS33" s="110">
        <v>0</v>
      </c>
      <c r="LT33" s="298">
        <v>0</v>
      </c>
      <c r="LU33" s="129">
        <v>0</v>
      </c>
      <c r="LV33" s="109">
        <v>0</v>
      </c>
      <c r="LW33" s="110">
        <v>0</v>
      </c>
      <c r="LX33" s="132"/>
      <c r="LY33" s="109">
        <v>0</v>
      </c>
      <c r="LZ33" s="109">
        <v>0</v>
      </c>
      <c r="MA33" s="109">
        <v>0</v>
      </c>
      <c r="MB33" s="109">
        <v>0</v>
      </c>
      <c r="MC33" s="109">
        <v>0</v>
      </c>
      <c r="MD33" s="110">
        <v>0</v>
      </c>
      <c r="ME33" s="111">
        <v>0</v>
      </c>
      <c r="MF33" s="129">
        <v>0</v>
      </c>
      <c r="MG33" s="109">
        <v>0</v>
      </c>
      <c r="MH33" s="110">
        <v>0</v>
      </c>
      <c r="MI33" s="132"/>
      <c r="MJ33" s="109">
        <v>0</v>
      </c>
      <c r="MK33" s="109">
        <v>0</v>
      </c>
      <c r="ML33" s="109">
        <v>0</v>
      </c>
      <c r="MM33" s="109">
        <v>0</v>
      </c>
      <c r="MN33" s="109">
        <v>0</v>
      </c>
      <c r="MO33" s="110">
        <v>0</v>
      </c>
      <c r="MP33" s="130">
        <v>0</v>
      </c>
      <c r="MQ33" s="129">
        <v>0</v>
      </c>
      <c r="MR33" s="109">
        <v>0</v>
      </c>
      <c r="MS33" s="110">
        <v>0</v>
      </c>
      <c r="MT33" s="132"/>
      <c r="MU33" s="109">
        <v>0</v>
      </c>
      <c r="MV33" s="109">
        <v>0</v>
      </c>
      <c r="MW33" s="109">
        <v>0</v>
      </c>
      <c r="MX33" s="109">
        <v>0</v>
      </c>
      <c r="MY33" s="109">
        <v>0</v>
      </c>
      <c r="MZ33" s="110">
        <v>0</v>
      </c>
      <c r="NA33" s="130">
        <v>0</v>
      </c>
      <c r="NB33" s="129">
        <v>0</v>
      </c>
      <c r="NC33" s="109">
        <v>0</v>
      </c>
      <c r="ND33" s="110">
        <v>0</v>
      </c>
      <c r="NE33" s="132"/>
      <c r="NF33" s="109">
        <v>0</v>
      </c>
      <c r="NG33" s="109">
        <v>0</v>
      </c>
      <c r="NH33" s="109">
        <v>0</v>
      </c>
      <c r="NI33" s="109">
        <v>0</v>
      </c>
      <c r="NJ33" s="109">
        <v>0</v>
      </c>
      <c r="NK33" s="110">
        <v>0</v>
      </c>
      <c r="NL33" s="298">
        <v>0</v>
      </c>
      <c r="NM33" s="129">
        <v>0</v>
      </c>
      <c r="NN33" s="109">
        <v>0</v>
      </c>
      <c r="NO33" s="110">
        <v>0</v>
      </c>
      <c r="NP33" s="132"/>
      <c r="NQ33" s="109">
        <v>0</v>
      </c>
      <c r="NR33" s="109">
        <v>0</v>
      </c>
      <c r="NS33" s="109">
        <v>0</v>
      </c>
      <c r="NT33" s="109">
        <v>0</v>
      </c>
      <c r="NU33" s="109">
        <v>0</v>
      </c>
      <c r="NV33" s="110">
        <v>0</v>
      </c>
      <c r="NW33" s="111">
        <v>0</v>
      </c>
      <c r="NX33" s="129">
        <v>0</v>
      </c>
      <c r="NY33" s="109">
        <v>0</v>
      </c>
      <c r="NZ33" s="110">
        <v>0</v>
      </c>
      <c r="OA33" s="132"/>
      <c r="OB33" s="109">
        <v>0</v>
      </c>
      <c r="OC33" s="109">
        <v>0</v>
      </c>
      <c r="OD33" s="109">
        <v>0</v>
      </c>
      <c r="OE33" s="109">
        <v>0</v>
      </c>
      <c r="OF33" s="109">
        <v>0</v>
      </c>
      <c r="OG33" s="110">
        <v>0</v>
      </c>
      <c r="OH33" s="111">
        <v>0</v>
      </c>
      <c r="OI33" s="129">
        <v>0</v>
      </c>
      <c r="OJ33" s="109">
        <v>81200</v>
      </c>
      <c r="OK33" s="128">
        <v>81200</v>
      </c>
      <c r="OL33" s="108">
        <v>0</v>
      </c>
      <c r="OM33" s="109">
        <v>136854</v>
      </c>
      <c r="ON33" s="109">
        <v>234762</v>
      </c>
      <c r="OO33" s="109">
        <v>323268</v>
      </c>
      <c r="OP33" s="109">
        <v>371545</v>
      </c>
      <c r="OQ33" s="109">
        <v>0</v>
      </c>
      <c r="OR33" s="110">
        <v>1066429</v>
      </c>
      <c r="OS33" s="130">
        <v>1147629</v>
      </c>
    </row>
    <row r="34" spans="2:409" ht="21" customHeight="1" x14ac:dyDescent="0.2">
      <c r="B34" s="472" t="s">
        <v>29</v>
      </c>
      <c r="C34" s="100">
        <v>2100</v>
      </c>
      <c r="D34" s="104">
        <v>61488</v>
      </c>
      <c r="E34" s="103">
        <v>63588</v>
      </c>
      <c r="F34" s="99">
        <v>0</v>
      </c>
      <c r="G34" s="104">
        <v>484060</v>
      </c>
      <c r="H34" s="104">
        <v>147823</v>
      </c>
      <c r="I34" s="104">
        <v>300811</v>
      </c>
      <c r="J34" s="104">
        <v>975697</v>
      </c>
      <c r="K34" s="104">
        <v>0</v>
      </c>
      <c r="L34" s="160">
        <v>1908391</v>
      </c>
      <c r="M34" s="106">
        <v>1971979</v>
      </c>
      <c r="N34" s="100">
        <v>0</v>
      </c>
      <c r="O34" s="104">
        <v>48888</v>
      </c>
      <c r="P34" s="103">
        <v>48888</v>
      </c>
      <c r="Q34" s="100">
        <v>0</v>
      </c>
      <c r="R34" s="104">
        <v>146048</v>
      </c>
      <c r="S34" s="104">
        <v>118661</v>
      </c>
      <c r="T34" s="104">
        <v>74116</v>
      </c>
      <c r="U34" s="104">
        <v>432929</v>
      </c>
      <c r="V34" s="104">
        <v>0</v>
      </c>
      <c r="W34" s="103">
        <v>771754</v>
      </c>
      <c r="X34" s="106">
        <v>820642</v>
      </c>
      <c r="Y34" s="100">
        <v>0</v>
      </c>
      <c r="Z34" s="104">
        <v>0</v>
      </c>
      <c r="AA34" s="103">
        <v>0</v>
      </c>
      <c r="AB34" s="100">
        <v>0</v>
      </c>
      <c r="AC34" s="104">
        <v>39942</v>
      </c>
      <c r="AD34" s="104">
        <v>76304</v>
      </c>
      <c r="AE34" s="104">
        <v>0</v>
      </c>
      <c r="AF34" s="104">
        <v>334901</v>
      </c>
      <c r="AG34" s="104">
        <v>0</v>
      </c>
      <c r="AH34" s="103">
        <v>451147</v>
      </c>
      <c r="AI34" s="106">
        <v>451147</v>
      </c>
      <c r="AJ34" s="100">
        <v>0</v>
      </c>
      <c r="AK34" s="104">
        <v>0</v>
      </c>
      <c r="AL34" s="103">
        <v>0</v>
      </c>
      <c r="AM34" s="100">
        <v>0</v>
      </c>
      <c r="AN34" s="104">
        <v>0</v>
      </c>
      <c r="AO34" s="104">
        <v>0</v>
      </c>
      <c r="AP34" s="104">
        <v>0</v>
      </c>
      <c r="AQ34" s="104">
        <v>0</v>
      </c>
      <c r="AR34" s="104">
        <v>0</v>
      </c>
      <c r="AS34" s="103">
        <v>0</v>
      </c>
      <c r="AT34" s="106">
        <v>0</v>
      </c>
      <c r="AU34" s="100">
        <v>0</v>
      </c>
      <c r="AV34" s="104">
        <v>48888</v>
      </c>
      <c r="AW34" s="103">
        <v>48888</v>
      </c>
      <c r="AX34" s="100">
        <v>0</v>
      </c>
      <c r="AY34" s="104">
        <v>66220</v>
      </c>
      <c r="AZ34" s="104">
        <v>42357</v>
      </c>
      <c r="BA34" s="104">
        <v>62706</v>
      </c>
      <c r="BB34" s="104">
        <v>27174</v>
      </c>
      <c r="BC34" s="104">
        <v>0</v>
      </c>
      <c r="BD34" s="103">
        <v>198457</v>
      </c>
      <c r="BE34" s="106">
        <v>247345</v>
      </c>
      <c r="BF34" s="100">
        <v>0</v>
      </c>
      <c r="BG34" s="104">
        <v>0</v>
      </c>
      <c r="BH34" s="102">
        <v>0</v>
      </c>
      <c r="BI34" s="101">
        <v>0</v>
      </c>
      <c r="BJ34" s="104">
        <v>20076</v>
      </c>
      <c r="BK34" s="104">
        <v>0</v>
      </c>
      <c r="BL34" s="104">
        <v>0</v>
      </c>
      <c r="BM34" s="104">
        <v>53536</v>
      </c>
      <c r="BN34" s="104">
        <v>0</v>
      </c>
      <c r="BO34" s="103">
        <v>73612</v>
      </c>
      <c r="BP34" s="106">
        <v>73612</v>
      </c>
      <c r="BQ34" s="100">
        <v>0</v>
      </c>
      <c r="BR34" s="104">
        <v>0</v>
      </c>
      <c r="BS34" s="103">
        <v>0</v>
      </c>
      <c r="BT34" s="100">
        <v>0</v>
      </c>
      <c r="BU34" s="104">
        <v>19810</v>
      </c>
      <c r="BV34" s="104">
        <v>0</v>
      </c>
      <c r="BW34" s="104">
        <v>11410</v>
      </c>
      <c r="BX34" s="104">
        <v>17318</v>
      </c>
      <c r="BY34" s="104">
        <v>0</v>
      </c>
      <c r="BZ34" s="103">
        <v>48538</v>
      </c>
      <c r="CA34" s="106">
        <v>48538</v>
      </c>
      <c r="CB34" s="100">
        <v>0</v>
      </c>
      <c r="CC34" s="104">
        <v>0</v>
      </c>
      <c r="CD34" s="103">
        <v>0</v>
      </c>
      <c r="CE34" s="100">
        <v>0</v>
      </c>
      <c r="CF34" s="104">
        <v>154479</v>
      </c>
      <c r="CG34" s="104">
        <v>28462</v>
      </c>
      <c r="CH34" s="104">
        <v>136955</v>
      </c>
      <c r="CI34" s="104">
        <v>101660</v>
      </c>
      <c r="CJ34" s="104">
        <v>0</v>
      </c>
      <c r="CK34" s="103">
        <v>421556</v>
      </c>
      <c r="CL34" s="106">
        <v>421556</v>
      </c>
      <c r="CM34" s="100">
        <v>0</v>
      </c>
      <c r="CN34" s="104">
        <v>0</v>
      </c>
      <c r="CO34" s="103">
        <v>0</v>
      </c>
      <c r="CP34" s="101">
        <v>0</v>
      </c>
      <c r="CQ34" s="104">
        <v>66353</v>
      </c>
      <c r="CR34" s="104">
        <v>28462</v>
      </c>
      <c r="CS34" s="104">
        <v>28301</v>
      </c>
      <c r="CT34" s="104">
        <v>83901</v>
      </c>
      <c r="CU34" s="104">
        <v>0</v>
      </c>
      <c r="CV34" s="103">
        <v>207017</v>
      </c>
      <c r="CW34" s="106">
        <v>207017</v>
      </c>
      <c r="CX34" s="100">
        <v>0</v>
      </c>
      <c r="CY34" s="104">
        <v>0</v>
      </c>
      <c r="CZ34" s="103">
        <v>0</v>
      </c>
      <c r="DA34" s="100">
        <v>0</v>
      </c>
      <c r="DB34" s="104">
        <v>88126</v>
      </c>
      <c r="DC34" s="104">
        <v>0</v>
      </c>
      <c r="DD34" s="104">
        <v>108654</v>
      </c>
      <c r="DE34" s="104">
        <v>17759</v>
      </c>
      <c r="DF34" s="104">
        <v>0</v>
      </c>
      <c r="DG34" s="103">
        <v>214539</v>
      </c>
      <c r="DH34" s="106">
        <v>214539</v>
      </c>
      <c r="DI34" s="100">
        <v>0</v>
      </c>
      <c r="DJ34" s="104">
        <v>0</v>
      </c>
      <c r="DK34" s="102">
        <v>0</v>
      </c>
      <c r="DL34" s="101">
        <v>0</v>
      </c>
      <c r="DM34" s="104">
        <v>14896</v>
      </c>
      <c r="DN34" s="104">
        <v>0</v>
      </c>
      <c r="DO34" s="104">
        <v>0</v>
      </c>
      <c r="DP34" s="104">
        <v>0</v>
      </c>
      <c r="DQ34" s="104">
        <v>0</v>
      </c>
      <c r="DR34" s="103">
        <v>14896</v>
      </c>
      <c r="DS34" s="106">
        <v>14896</v>
      </c>
      <c r="DT34" s="100">
        <v>0</v>
      </c>
      <c r="DU34" s="104">
        <v>0</v>
      </c>
      <c r="DV34" s="103">
        <v>0</v>
      </c>
      <c r="DW34" s="100">
        <v>0</v>
      </c>
      <c r="DX34" s="104">
        <v>0</v>
      </c>
      <c r="DY34" s="104">
        <v>0</v>
      </c>
      <c r="DZ34" s="104">
        <v>0</v>
      </c>
      <c r="EA34" s="104">
        <v>0</v>
      </c>
      <c r="EB34" s="104">
        <v>0</v>
      </c>
      <c r="EC34" s="103">
        <v>0</v>
      </c>
      <c r="ED34" s="106">
        <v>0</v>
      </c>
      <c r="EE34" s="100">
        <v>0</v>
      </c>
      <c r="EF34" s="102">
        <v>0</v>
      </c>
      <c r="EG34" s="103">
        <v>0</v>
      </c>
      <c r="EH34" s="100">
        <v>0</v>
      </c>
      <c r="EI34" s="104">
        <v>14896</v>
      </c>
      <c r="EJ34" s="104">
        <v>0</v>
      </c>
      <c r="EK34" s="104">
        <v>0</v>
      </c>
      <c r="EL34" s="104">
        <v>0</v>
      </c>
      <c r="EM34" s="104">
        <v>0</v>
      </c>
      <c r="EN34" s="102">
        <v>14896</v>
      </c>
      <c r="EO34" s="106">
        <v>14896</v>
      </c>
      <c r="EP34" s="100">
        <v>0</v>
      </c>
      <c r="EQ34" s="104">
        <v>0</v>
      </c>
      <c r="ER34" s="102">
        <v>0</v>
      </c>
      <c r="ES34" s="101">
        <v>0</v>
      </c>
      <c r="ET34" s="104">
        <v>0</v>
      </c>
      <c r="EU34" s="104">
        <v>0</v>
      </c>
      <c r="EV34" s="104">
        <v>0</v>
      </c>
      <c r="EW34" s="104">
        <v>0</v>
      </c>
      <c r="EX34" s="104">
        <v>0</v>
      </c>
      <c r="EY34" s="103">
        <v>0</v>
      </c>
      <c r="EZ34" s="106">
        <v>0</v>
      </c>
      <c r="FA34" s="100">
        <v>0</v>
      </c>
      <c r="FB34" s="104">
        <v>0</v>
      </c>
      <c r="FC34" s="102">
        <v>0</v>
      </c>
      <c r="FD34" s="324"/>
      <c r="FE34" s="104">
        <v>0</v>
      </c>
      <c r="FF34" s="104">
        <v>0</v>
      </c>
      <c r="FG34" s="104">
        <v>0</v>
      </c>
      <c r="FH34" s="104">
        <v>0</v>
      </c>
      <c r="FI34" s="104">
        <v>0</v>
      </c>
      <c r="FJ34" s="103">
        <v>0</v>
      </c>
      <c r="FK34" s="106">
        <v>0</v>
      </c>
      <c r="FL34" s="100">
        <v>2100</v>
      </c>
      <c r="FM34" s="104">
        <v>12600</v>
      </c>
      <c r="FN34" s="103">
        <v>14700</v>
      </c>
      <c r="FO34" s="100">
        <v>0</v>
      </c>
      <c r="FP34" s="104">
        <v>35000</v>
      </c>
      <c r="FQ34" s="104">
        <v>700</v>
      </c>
      <c r="FR34" s="104">
        <v>89740</v>
      </c>
      <c r="FS34" s="104">
        <v>64680</v>
      </c>
      <c r="FT34" s="104">
        <v>0</v>
      </c>
      <c r="FU34" s="103">
        <v>190120</v>
      </c>
      <c r="FV34" s="106">
        <v>204820</v>
      </c>
      <c r="FW34" s="105">
        <v>2100</v>
      </c>
      <c r="FX34" s="104">
        <v>12600</v>
      </c>
      <c r="FY34" s="102">
        <v>14700</v>
      </c>
      <c r="FZ34" s="101">
        <v>0</v>
      </c>
      <c r="GA34" s="104">
        <v>35000</v>
      </c>
      <c r="GB34" s="104">
        <v>700</v>
      </c>
      <c r="GC34" s="104">
        <v>89740</v>
      </c>
      <c r="GD34" s="104">
        <v>64680</v>
      </c>
      <c r="GE34" s="104">
        <v>0</v>
      </c>
      <c r="GF34" s="103">
        <v>190120</v>
      </c>
      <c r="GG34" s="296">
        <v>204820</v>
      </c>
      <c r="GH34" s="105">
        <v>0</v>
      </c>
      <c r="GI34" s="104">
        <v>0</v>
      </c>
      <c r="GJ34" s="102">
        <v>0</v>
      </c>
      <c r="GK34" s="101">
        <v>0</v>
      </c>
      <c r="GL34" s="104">
        <v>0</v>
      </c>
      <c r="GM34" s="104">
        <v>0</v>
      </c>
      <c r="GN34" s="104">
        <v>0</v>
      </c>
      <c r="GO34" s="104">
        <v>0</v>
      </c>
      <c r="GP34" s="104">
        <v>0</v>
      </c>
      <c r="GQ34" s="103">
        <v>0</v>
      </c>
      <c r="GR34" s="106">
        <v>0</v>
      </c>
      <c r="GS34" s="100">
        <v>0</v>
      </c>
      <c r="GT34" s="104">
        <v>0</v>
      </c>
      <c r="GU34" s="103">
        <v>0</v>
      </c>
      <c r="GV34" s="100">
        <v>0</v>
      </c>
      <c r="GW34" s="104">
        <v>0</v>
      </c>
      <c r="GX34" s="104">
        <v>0</v>
      </c>
      <c r="GY34" s="104">
        <v>0</v>
      </c>
      <c r="GZ34" s="104">
        <v>0</v>
      </c>
      <c r="HA34" s="104">
        <v>0</v>
      </c>
      <c r="HB34" s="102">
        <v>0</v>
      </c>
      <c r="HC34" s="106">
        <v>0</v>
      </c>
      <c r="HD34" s="100">
        <v>0</v>
      </c>
      <c r="HE34" s="104">
        <v>0</v>
      </c>
      <c r="HF34" s="102">
        <v>0</v>
      </c>
      <c r="HG34" s="101">
        <v>0</v>
      </c>
      <c r="HH34" s="104">
        <v>133637</v>
      </c>
      <c r="HI34" s="104">
        <v>0</v>
      </c>
      <c r="HJ34" s="104">
        <v>0</v>
      </c>
      <c r="HK34" s="104">
        <v>376428</v>
      </c>
      <c r="HL34" s="104">
        <v>0</v>
      </c>
      <c r="HM34" s="103">
        <v>510065</v>
      </c>
      <c r="HN34" s="99">
        <v>510065</v>
      </c>
      <c r="HO34" s="306"/>
      <c r="HP34" s="307"/>
      <c r="HQ34" s="308"/>
      <c r="HR34" s="309"/>
      <c r="HS34" s="307"/>
      <c r="HT34" s="307"/>
      <c r="HU34" s="307"/>
      <c r="HV34" s="307"/>
      <c r="HW34" s="307"/>
      <c r="HX34" s="310"/>
      <c r="HY34" s="311"/>
      <c r="HZ34" s="137">
        <v>0</v>
      </c>
      <c r="IA34" s="122">
        <v>0</v>
      </c>
      <c r="IB34" s="137">
        <v>0</v>
      </c>
      <c r="IC34" s="121">
        <v>0</v>
      </c>
      <c r="ID34" s="122">
        <v>403699</v>
      </c>
      <c r="IE34" s="123">
        <v>0</v>
      </c>
      <c r="IF34" s="124">
        <v>205303</v>
      </c>
      <c r="IG34" s="122">
        <v>227311</v>
      </c>
      <c r="IH34" s="124">
        <v>0</v>
      </c>
      <c r="II34" s="125">
        <v>836313</v>
      </c>
      <c r="IJ34" s="137">
        <v>836313</v>
      </c>
      <c r="IK34" s="219">
        <v>0</v>
      </c>
      <c r="IL34" s="223">
        <v>0</v>
      </c>
      <c r="IM34" s="224">
        <v>0</v>
      </c>
      <c r="IN34" s="127"/>
      <c r="IO34" s="109">
        <v>52941</v>
      </c>
      <c r="IP34" s="109">
        <v>0</v>
      </c>
      <c r="IQ34" s="109">
        <v>0</v>
      </c>
      <c r="IR34" s="109">
        <v>0</v>
      </c>
      <c r="IS34" s="109">
        <v>0</v>
      </c>
      <c r="IT34" s="128">
        <v>52941</v>
      </c>
      <c r="IU34" s="298">
        <v>52941</v>
      </c>
      <c r="IV34" s="129">
        <v>0</v>
      </c>
      <c r="IW34" s="109">
        <v>0</v>
      </c>
      <c r="IX34" s="110">
        <v>0</v>
      </c>
      <c r="IY34" s="131"/>
      <c r="IZ34" s="109">
        <v>0</v>
      </c>
      <c r="JA34" s="109">
        <v>0</v>
      </c>
      <c r="JB34" s="109">
        <v>0</v>
      </c>
      <c r="JC34" s="109">
        <v>0</v>
      </c>
      <c r="JD34" s="109">
        <v>0</v>
      </c>
      <c r="JE34" s="110">
        <v>0</v>
      </c>
      <c r="JF34" s="111">
        <v>0</v>
      </c>
      <c r="JG34" s="129">
        <v>0</v>
      </c>
      <c r="JH34" s="109">
        <v>0</v>
      </c>
      <c r="JI34" s="128">
        <v>0</v>
      </c>
      <c r="JJ34" s="108">
        <v>0</v>
      </c>
      <c r="JK34" s="109">
        <v>10943</v>
      </c>
      <c r="JL34" s="109">
        <v>0</v>
      </c>
      <c r="JM34" s="109">
        <v>0</v>
      </c>
      <c r="JN34" s="109">
        <v>0</v>
      </c>
      <c r="JO34" s="109">
        <v>0</v>
      </c>
      <c r="JP34" s="110">
        <v>10943</v>
      </c>
      <c r="JQ34" s="298">
        <v>10943</v>
      </c>
      <c r="JR34" s="129">
        <v>0</v>
      </c>
      <c r="JS34" s="109">
        <v>0</v>
      </c>
      <c r="JT34" s="128">
        <v>0</v>
      </c>
      <c r="JU34" s="108">
        <v>0</v>
      </c>
      <c r="JV34" s="109">
        <v>0</v>
      </c>
      <c r="JW34" s="109">
        <v>0</v>
      </c>
      <c r="JX34" s="109">
        <v>0</v>
      </c>
      <c r="JY34" s="109">
        <v>0</v>
      </c>
      <c r="JZ34" s="109">
        <v>0</v>
      </c>
      <c r="KA34" s="110">
        <v>0</v>
      </c>
      <c r="KB34" s="298">
        <v>0</v>
      </c>
      <c r="KC34" s="221">
        <v>0</v>
      </c>
      <c r="KD34" s="217">
        <v>0</v>
      </c>
      <c r="KE34" s="110">
        <v>0</v>
      </c>
      <c r="KF34" s="108">
        <v>0</v>
      </c>
      <c r="KG34" s="109">
        <v>339815</v>
      </c>
      <c r="KH34" s="109">
        <v>0</v>
      </c>
      <c r="KI34" s="109">
        <v>205303</v>
      </c>
      <c r="KJ34" s="109">
        <v>0</v>
      </c>
      <c r="KK34" s="109">
        <v>0</v>
      </c>
      <c r="KL34" s="110">
        <v>545118</v>
      </c>
      <c r="KM34" s="130">
        <v>545118</v>
      </c>
      <c r="KN34" s="219">
        <v>0</v>
      </c>
      <c r="KO34" s="223">
        <v>0</v>
      </c>
      <c r="KP34" s="224">
        <v>0</v>
      </c>
      <c r="KQ34" s="127"/>
      <c r="KR34" s="109">
        <v>0</v>
      </c>
      <c r="KS34" s="109">
        <v>0</v>
      </c>
      <c r="KT34" s="109">
        <v>0</v>
      </c>
      <c r="KU34" s="109">
        <v>0</v>
      </c>
      <c r="KV34" s="109">
        <v>0</v>
      </c>
      <c r="KW34" s="110">
        <v>0</v>
      </c>
      <c r="KX34" s="298">
        <v>0</v>
      </c>
      <c r="KY34" s="129">
        <v>0</v>
      </c>
      <c r="KZ34" s="109">
        <v>0</v>
      </c>
      <c r="LA34" s="110">
        <v>0</v>
      </c>
      <c r="LB34" s="132"/>
      <c r="LC34" s="109">
        <v>0</v>
      </c>
      <c r="LD34" s="109">
        <v>0</v>
      </c>
      <c r="LE34" s="109">
        <v>0</v>
      </c>
      <c r="LF34" s="109">
        <v>0</v>
      </c>
      <c r="LG34" s="109">
        <v>0</v>
      </c>
      <c r="LH34" s="110">
        <v>0</v>
      </c>
      <c r="LI34" s="111">
        <v>0</v>
      </c>
      <c r="LJ34" s="129">
        <v>0</v>
      </c>
      <c r="LK34" s="109">
        <v>0</v>
      </c>
      <c r="LL34" s="110">
        <v>0</v>
      </c>
      <c r="LM34" s="132"/>
      <c r="LN34" s="109">
        <v>0</v>
      </c>
      <c r="LO34" s="109">
        <v>0</v>
      </c>
      <c r="LP34" s="109">
        <v>0</v>
      </c>
      <c r="LQ34" s="109">
        <v>227311</v>
      </c>
      <c r="LR34" s="109">
        <v>0</v>
      </c>
      <c r="LS34" s="110">
        <v>227311</v>
      </c>
      <c r="LT34" s="298">
        <v>227311</v>
      </c>
      <c r="LU34" s="129">
        <v>0</v>
      </c>
      <c r="LV34" s="109">
        <v>0</v>
      </c>
      <c r="LW34" s="110">
        <v>0</v>
      </c>
      <c r="LX34" s="132"/>
      <c r="LY34" s="109">
        <v>0</v>
      </c>
      <c r="LZ34" s="109">
        <v>0</v>
      </c>
      <c r="MA34" s="109">
        <v>0</v>
      </c>
      <c r="MB34" s="109">
        <v>0</v>
      </c>
      <c r="MC34" s="109">
        <v>0</v>
      </c>
      <c r="MD34" s="110">
        <v>0</v>
      </c>
      <c r="ME34" s="111">
        <v>0</v>
      </c>
      <c r="MF34" s="129">
        <v>0</v>
      </c>
      <c r="MG34" s="109">
        <v>0</v>
      </c>
      <c r="MH34" s="110">
        <v>0</v>
      </c>
      <c r="MI34" s="132"/>
      <c r="MJ34" s="109">
        <v>0</v>
      </c>
      <c r="MK34" s="109">
        <v>0</v>
      </c>
      <c r="ML34" s="109">
        <v>0</v>
      </c>
      <c r="MM34" s="109">
        <v>246654</v>
      </c>
      <c r="MN34" s="109">
        <v>0</v>
      </c>
      <c r="MO34" s="110">
        <v>246654</v>
      </c>
      <c r="MP34" s="130">
        <v>246654</v>
      </c>
      <c r="MQ34" s="129">
        <v>0</v>
      </c>
      <c r="MR34" s="109">
        <v>0</v>
      </c>
      <c r="MS34" s="110">
        <v>0</v>
      </c>
      <c r="MT34" s="132"/>
      <c r="MU34" s="109">
        <v>0</v>
      </c>
      <c r="MV34" s="109">
        <v>0</v>
      </c>
      <c r="MW34" s="109">
        <v>0</v>
      </c>
      <c r="MX34" s="109">
        <v>0</v>
      </c>
      <c r="MY34" s="109">
        <v>0</v>
      </c>
      <c r="MZ34" s="110">
        <v>0</v>
      </c>
      <c r="NA34" s="130">
        <v>0</v>
      </c>
      <c r="NB34" s="129">
        <v>0</v>
      </c>
      <c r="NC34" s="109">
        <v>0</v>
      </c>
      <c r="ND34" s="110">
        <v>0</v>
      </c>
      <c r="NE34" s="132"/>
      <c r="NF34" s="109">
        <v>0</v>
      </c>
      <c r="NG34" s="109">
        <v>0</v>
      </c>
      <c r="NH34" s="109">
        <v>0</v>
      </c>
      <c r="NI34" s="109">
        <v>246654</v>
      </c>
      <c r="NJ34" s="109">
        <v>0</v>
      </c>
      <c r="NK34" s="110">
        <v>246654</v>
      </c>
      <c r="NL34" s="298">
        <v>246654</v>
      </c>
      <c r="NM34" s="129">
        <v>0</v>
      </c>
      <c r="NN34" s="109">
        <v>0</v>
      </c>
      <c r="NO34" s="110">
        <v>0</v>
      </c>
      <c r="NP34" s="132"/>
      <c r="NQ34" s="109">
        <v>0</v>
      </c>
      <c r="NR34" s="109">
        <v>0</v>
      </c>
      <c r="NS34" s="109">
        <v>0</v>
      </c>
      <c r="NT34" s="109">
        <v>0</v>
      </c>
      <c r="NU34" s="109">
        <v>0</v>
      </c>
      <c r="NV34" s="110">
        <v>0</v>
      </c>
      <c r="NW34" s="111">
        <v>0</v>
      </c>
      <c r="NX34" s="129">
        <v>0</v>
      </c>
      <c r="NY34" s="109">
        <v>0</v>
      </c>
      <c r="NZ34" s="110">
        <v>0</v>
      </c>
      <c r="OA34" s="132"/>
      <c r="OB34" s="109">
        <v>0</v>
      </c>
      <c r="OC34" s="109">
        <v>0</v>
      </c>
      <c r="OD34" s="109">
        <v>0</v>
      </c>
      <c r="OE34" s="109">
        <v>0</v>
      </c>
      <c r="OF34" s="109">
        <v>0</v>
      </c>
      <c r="OG34" s="110">
        <v>0</v>
      </c>
      <c r="OH34" s="111">
        <v>0</v>
      </c>
      <c r="OI34" s="129">
        <v>2100</v>
      </c>
      <c r="OJ34" s="109">
        <v>61488</v>
      </c>
      <c r="OK34" s="128">
        <v>63588</v>
      </c>
      <c r="OL34" s="108">
        <v>0</v>
      </c>
      <c r="OM34" s="109">
        <v>887759</v>
      </c>
      <c r="ON34" s="109">
        <v>147823</v>
      </c>
      <c r="OO34" s="109">
        <v>506114</v>
      </c>
      <c r="OP34" s="109">
        <v>1449662</v>
      </c>
      <c r="OQ34" s="109">
        <v>0</v>
      </c>
      <c r="OR34" s="110">
        <v>2991358</v>
      </c>
      <c r="OS34" s="130">
        <v>3054946</v>
      </c>
    </row>
    <row r="35" spans="2:409" ht="21" customHeight="1" x14ac:dyDescent="0.2">
      <c r="B35" s="472" t="s">
        <v>30</v>
      </c>
      <c r="C35" s="100">
        <v>16310</v>
      </c>
      <c r="D35" s="104">
        <v>0</v>
      </c>
      <c r="E35" s="161">
        <v>16310</v>
      </c>
      <c r="F35" s="162">
        <v>0</v>
      </c>
      <c r="G35" s="163">
        <v>492411</v>
      </c>
      <c r="H35" s="163">
        <v>334648</v>
      </c>
      <c r="I35" s="163">
        <v>368697</v>
      </c>
      <c r="J35" s="163">
        <v>486797</v>
      </c>
      <c r="K35" s="163">
        <v>0</v>
      </c>
      <c r="L35" s="164">
        <v>1682553</v>
      </c>
      <c r="M35" s="106">
        <v>1698863</v>
      </c>
      <c r="N35" s="100">
        <v>0</v>
      </c>
      <c r="O35" s="104">
        <v>0</v>
      </c>
      <c r="P35" s="103">
        <v>0</v>
      </c>
      <c r="Q35" s="100">
        <v>0</v>
      </c>
      <c r="R35" s="104">
        <v>92239</v>
      </c>
      <c r="S35" s="104">
        <v>0</v>
      </c>
      <c r="T35" s="104">
        <v>199332</v>
      </c>
      <c r="U35" s="104">
        <v>320074</v>
      </c>
      <c r="V35" s="104">
        <v>0</v>
      </c>
      <c r="W35" s="103">
        <v>611645</v>
      </c>
      <c r="X35" s="106">
        <v>611645</v>
      </c>
      <c r="Y35" s="100">
        <v>0</v>
      </c>
      <c r="Z35" s="104">
        <v>0</v>
      </c>
      <c r="AA35" s="103">
        <v>0</v>
      </c>
      <c r="AB35" s="100">
        <v>0</v>
      </c>
      <c r="AC35" s="104">
        <v>54810</v>
      </c>
      <c r="AD35" s="104">
        <v>0</v>
      </c>
      <c r="AE35" s="104">
        <v>188545</v>
      </c>
      <c r="AF35" s="104">
        <v>202542</v>
      </c>
      <c r="AG35" s="104">
        <v>0</v>
      </c>
      <c r="AH35" s="103">
        <v>445897</v>
      </c>
      <c r="AI35" s="106">
        <v>445897</v>
      </c>
      <c r="AJ35" s="100">
        <v>0</v>
      </c>
      <c r="AK35" s="104">
        <v>0</v>
      </c>
      <c r="AL35" s="103">
        <v>0</v>
      </c>
      <c r="AM35" s="100">
        <v>0</v>
      </c>
      <c r="AN35" s="104">
        <v>0</v>
      </c>
      <c r="AO35" s="104">
        <v>0</v>
      </c>
      <c r="AP35" s="104">
        <v>0</v>
      </c>
      <c r="AQ35" s="104">
        <v>47803</v>
      </c>
      <c r="AR35" s="104">
        <v>0</v>
      </c>
      <c r="AS35" s="103">
        <v>47803</v>
      </c>
      <c r="AT35" s="106">
        <v>47803</v>
      </c>
      <c r="AU35" s="100">
        <v>0</v>
      </c>
      <c r="AV35" s="104">
        <v>0</v>
      </c>
      <c r="AW35" s="103">
        <v>0</v>
      </c>
      <c r="AX35" s="100">
        <v>0</v>
      </c>
      <c r="AY35" s="104">
        <v>17346</v>
      </c>
      <c r="AZ35" s="104">
        <v>0</v>
      </c>
      <c r="BA35" s="104">
        <v>0</v>
      </c>
      <c r="BB35" s="104">
        <v>61385</v>
      </c>
      <c r="BC35" s="104">
        <v>0</v>
      </c>
      <c r="BD35" s="103">
        <v>78731</v>
      </c>
      <c r="BE35" s="106">
        <v>78731</v>
      </c>
      <c r="BF35" s="100">
        <v>0</v>
      </c>
      <c r="BG35" s="104">
        <v>0</v>
      </c>
      <c r="BH35" s="102">
        <v>0</v>
      </c>
      <c r="BI35" s="101">
        <v>0</v>
      </c>
      <c r="BJ35" s="104">
        <v>0</v>
      </c>
      <c r="BK35" s="104">
        <v>0</v>
      </c>
      <c r="BL35" s="104">
        <v>0</v>
      </c>
      <c r="BM35" s="104">
        <v>0</v>
      </c>
      <c r="BN35" s="104">
        <v>0</v>
      </c>
      <c r="BO35" s="103">
        <v>0</v>
      </c>
      <c r="BP35" s="106">
        <v>0</v>
      </c>
      <c r="BQ35" s="100">
        <v>0</v>
      </c>
      <c r="BR35" s="104">
        <v>0</v>
      </c>
      <c r="BS35" s="103">
        <v>0</v>
      </c>
      <c r="BT35" s="100">
        <v>0</v>
      </c>
      <c r="BU35" s="104">
        <v>20083</v>
      </c>
      <c r="BV35" s="104">
        <v>0</v>
      </c>
      <c r="BW35" s="104">
        <v>10787</v>
      </c>
      <c r="BX35" s="104">
        <v>8344</v>
      </c>
      <c r="BY35" s="104">
        <v>0</v>
      </c>
      <c r="BZ35" s="103">
        <v>39214</v>
      </c>
      <c r="CA35" s="106">
        <v>39214</v>
      </c>
      <c r="CB35" s="100">
        <v>0</v>
      </c>
      <c r="CC35" s="104">
        <v>0</v>
      </c>
      <c r="CD35" s="103">
        <v>0</v>
      </c>
      <c r="CE35" s="100">
        <v>0</v>
      </c>
      <c r="CF35" s="104">
        <v>134767</v>
      </c>
      <c r="CG35" s="104">
        <v>98760</v>
      </c>
      <c r="CH35" s="104">
        <v>0</v>
      </c>
      <c r="CI35" s="104">
        <v>84144</v>
      </c>
      <c r="CJ35" s="104">
        <v>0</v>
      </c>
      <c r="CK35" s="103">
        <v>317671</v>
      </c>
      <c r="CL35" s="106">
        <v>317671</v>
      </c>
      <c r="CM35" s="100">
        <v>0</v>
      </c>
      <c r="CN35" s="104">
        <v>0</v>
      </c>
      <c r="CO35" s="103">
        <v>0</v>
      </c>
      <c r="CP35" s="101">
        <v>0</v>
      </c>
      <c r="CQ35" s="104">
        <v>94802</v>
      </c>
      <c r="CR35" s="104">
        <v>98760</v>
      </c>
      <c r="CS35" s="104">
        <v>0</v>
      </c>
      <c r="CT35" s="104">
        <v>0</v>
      </c>
      <c r="CU35" s="104">
        <v>0</v>
      </c>
      <c r="CV35" s="103">
        <v>193562</v>
      </c>
      <c r="CW35" s="106">
        <v>193562</v>
      </c>
      <c r="CX35" s="100">
        <v>0</v>
      </c>
      <c r="CY35" s="104">
        <v>0</v>
      </c>
      <c r="CZ35" s="103">
        <v>0</v>
      </c>
      <c r="DA35" s="100">
        <v>0</v>
      </c>
      <c r="DB35" s="104">
        <v>39965</v>
      </c>
      <c r="DC35" s="104">
        <v>0</v>
      </c>
      <c r="DD35" s="104">
        <v>0</v>
      </c>
      <c r="DE35" s="104">
        <v>84144</v>
      </c>
      <c r="DF35" s="104">
        <v>0</v>
      </c>
      <c r="DG35" s="103">
        <v>124109</v>
      </c>
      <c r="DH35" s="106">
        <v>124109</v>
      </c>
      <c r="DI35" s="100">
        <v>0</v>
      </c>
      <c r="DJ35" s="104">
        <v>0</v>
      </c>
      <c r="DK35" s="102">
        <v>0</v>
      </c>
      <c r="DL35" s="101">
        <v>0</v>
      </c>
      <c r="DM35" s="104">
        <v>15456</v>
      </c>
      <c r="DN35" s="104">
        <v>78052</v>
      </c>
      <c r="DO35" s="104">
        <v>0</v>
      </c>
      <c r="DP35" s="104">
        <v>23919</v>
      </c>
      <c r="DQ35" s="104">
        <v>0</v>
      </c>
      <c r="DR35" s="103">
        <v>117427</v>
      </c>
      <c r="DS35" s="106">
        <v>117427</v>
      </c>
      <c r="DT35" s="100">
        <v>0</v>
      </c>
      <c r="DU35" s="104">
        <v>0</v>
      </c>
      <c r="DV35" s="103">
        <v>0</v>
      </c>
      <c r="DW35" s="100">
        <v>0</v>
      </c>
      <c r="DX35" s="104">
        <v>0</v>
      </c>
      <c r="DY35" s="104">
        <v>78052</v>
      </c>
      <c r="DZ35" s="104">
        <v>0</v>
      </c>
      <c r="EA35" s="104">
        <v>23919</v>
      </c>
      <c r="EB35" s="104">
        <v>0</v>
      </c>
      <c r="EC35" s="103">
        <v>101971</v>
      </c>
      <c r="ED35" s="106">
        <v>101971</v>
      </c>
      <c r="EE35" s="100">
        <v>0</v>
      </c>
      <c r="EF35" s="102">
        <v>0</v>
      </c>
      <c r="EG35" s="103">
        <v>0</v>
      </c>
      <c r="EH35" s="100">
        <v>0</v>
      </c>
      <c r="EI35" s="104">
        <v>15456</v>
      </c>
      <c r="EJ35" s="104">
        <v>0</v>
      </c>
      <c r="EK35" s="104">
        <v>0</v>
      </c>
      <c r="EL35" s="104">
        <v>0</v>
      </c>
      <c r="EM35" s="104">
        <v>0</v>
      </c>
      <c r="EN35" s="102">
        <v>15456</v>
      </c>
      <c r="EO35" s="106">
        <v>15456</v>
      </c>
      <c r="EP35" s="100">
        <v>0</v>
      </c>
      <c r="EQ35" s="104">
        <v>0</v>
      </c>
      <c r="ER35" s="102">
        <v>0</v>
      </c>
      <c r="ES35" s="101">
        <v>0</v>
      </c>
      <c r="ET35" s="104">
        <v>0</v>
      </c>
      <c r="EU35" s="104">
        <v>0</v>
      </c>
      <c r="EV35" s="104">
        <v>0</v>
      </c>
      <c r="EW35" s="104">
        <v>0</v>
      </c>
      <c r="EX35" s="104">
        <v>0</v>
      </c>
      <c r="EY35" s="103">
        <v>0</v>
      </c>
      <c r="EZ35" s="106">
        <v>0</v>
      </c>
      <c r="FA35" s="100">
        <v>0</v>
      </c>
      <c r="FB35" s="104">
        <v>0</v>
      </c>
      <c r="FC35" s="102">
        <v>0</v>
      </c>
      <c r="FD35" s="324"/>
      <c r="FE35" s="104">
        <v>0</v>
      </c>
      <c r="FF35" s="104">
        <v>0</v>
      </c>
      <c r="FG35" s="104">
        <v>0</v>
      </c>
      <c r="FH35" s="104">
        <v>0</v>
      </c>
      <c r="FI35" s="104">
        <v>0</v>
      </c>
      <c r="FJ35" s="103">
        <v>0</v>
      </c>
      <c r="FK35" s="106">
        <v>0</v>
      </c>
      <c r="FL35" s="100">
        <v>16310</v>
      </c>
      <c r="FM35" s="104">
        <v>0</v>
      </c>
      <c r="FN35" s="103">
        <v>16310</v>
      </c>
      <c r="FO35" s="100">
        <v>0</v>
      </c>
      <c r="FP35" s="104">
        <v>21504</v>
      </c>
      <c r="FQ35" s="104">
        <v>7700</v>
      </c>
      <c r="FR35" s="104">
        <v>3010</v>
      </c>
      <c r="FS35" s="104">
        <v>58660</v>
      </c>
      <c r="FT35" s="104">
        <v>0</v>
      </c>
      <c r="FU35" s="103">
        <v>90874</v>
      </c>
      <c r="FV35" s="106">
        <v>107184</v>
      </c>
      <c r="FW35" s="105">
        <v>16310</v>
      </c>
      <c r="FX35" s="104">
        <v>0</v>
      </c>
      <c r="FY35" s="102">
        <v>16310</v>
      </c>
      <c r="FZ35" s="101">
        <v>0</v>
      </c>
      <c r="GA35" s="104">
        <v>2100</v>
      </c>
      <c r="GB35" s="104">
        <v>7700</v>
      </c>
      <c r="GC35" s="104">
        <v>3010</v>
      </c>
      <c r="GD35" s="104">
        <v>58660</v>
      </c>
      <c r="GE35" s="104">
        <v>0</v>
      </c>
      <c r="GF35" s="103">
        <v>71470</v>
      </c>
      <c r="GG35" s="296">
        <v>87780</v>
      </c>
      <c r="GH35" s="105">
        <v>0</v>
      </c>
      <c r="GI35" s="104">
        <v>0</v>
      </c>
      <c r="GJ35" s="102">
        <v>0</v>
      </c>
      <c r="GK35" s="101">
        <v>0</v>
      </c>
      <c r="GL35" s="104">
        <v>19404</v>
      </c>
      <c r="GM35" s="104">
        <v>0</v>
      </c>
      <c r="GN35" s="104">
        <v>0</v>
      </c>
      <c r="GO35" s="104">
        <v>0</v>
      </c>
      <c r="GP35" s="104">
        <v>0</v>
      </c>
      <c r="GQ35" s="103">
        <v>19404</v>
      </c>
      <c r="GR35" s="106">
        <v>19404</v>
      </c>
      <c r="GS35" s="100">
        <v>0</v>
      </c>
      <c r="GT35" s="104">
        <v>0</v>
      </c>
      <c r="GU35" s="103">
        <v>0</v>
      </c>
      <c r="GV35" s="100">
        <v>0</v>
      </c>
      <c r="GW35" s="104">
        <v>0</v>
      </c>
      <c r="GX35" s="104">
        <v>0</v>
      </c>
      <c r="GY35" s="104">
        <v>0</v>
      </c>
      <c r="GZ35" s="104">
        <v>0</v>
      </c>
      <c r="HA35" s="104">
        <v>0</v>
      </c>
      <c r="HB35" s="102">
        <v>0</v>
      </c>
      <c r="HC35" s="106">
        <v>0</v>
      </c>
      <c r="HD35" s="100">
        <v>0</v>
      </c>
      <c r="HE35" s="104">
        <v>0</v>
      </c>
      <c r="HF35" s="102">
        <v>0</v>
      </c>
      <c r="HG35" s="101">
        <v>0</v>
      </c>
      <c r="HH35" s="104">
        <v>228445</v>
      </c>
      <c r="HI35" s="104">
        <v>150136</v>
      </c>
      <c r="HJ35" s="104">
        <v>166355</v>
      </c>
      <c r="HK35" s="104">
        <v>0</v>
      </c>
      <c r="HL35" s="104">
        <v>0</v>
      </c>
      <c r="HM35" s="103">
        <v>544936</v>
      </c>
      <c r="HN35" s="99">
        <v>544936</v>
      </c>
      <c r="HO35" s="306"/>
      <c r="HP35" s="307"/>
      <c r="HQ35" s="308"/>
      <c r="HR35" s="309"/>
      <c r="HS35" s="307"/>
      <c r="HT35" s="307"/>
      <c r="HU35" s="307"/>
      <c r="HV35" s="307"/>
      <c r="HW35" s="307"/>
      <c r="HX35" s="310"/>
      <c r="HY35" s="311"/>
      <c r="HZ35" s="118">
        <v>0</v>
      </c>
      <c r="IA35" s="119">
        <v>0</v>
      </c>
      <c r="IB35" s="120">
        <v>0</v>
      </c>
      <c r="IC35" s="133">
        <v>0</v>
      </c>
      <c r="ID35" s="119">
        <v>44821</v>
      </c>
      <c r="IE35" s="134">
        <v>37674</v>
      </c>
      <c r="IF35" s="120">
        <v>0</v>
      </c>
      <c r="IG35" s="119">
        <v>136255</v>
      </c>
      <c r="IH35" s="120">
        <v>0</v>
      </c>
      <c r="II35" s="135">
        <v>218750</v>
      </c>
      <c r="IJ35" s="126">
        <v>218750</v>
      </c>
      <c r="IK35" s="219">
        <v>0</v>
      </c>
      <c r="IL35" s="223">
        <v>0</v>
      </c>
      <c r="IM35" s="224">
        <v>0</v>
      </c>
      <c r="IN35" s="127"/>
      <c r="IO35" s="109">
        <v>0</v>
      </c>
      <c r="IP35" s="109">
        <v>0</v>
      </c>
      <c r="IQ35" s="109">
        <v>0</v>
      </c>
      <c r="IR35" s="109">
        <v>0</v>
      </c>
      <c r="IS35" s="109">
        <v>0</v>
      </c>
      <c r="IT35" s="128">
        <v>0</v>
      </c>
      <c r="IU35" s="298">
        <v>0</v>
      </c>
      <c r="IV35" s="129">
        <v>0</v>
      </c>
      <c r="IW35" s="109">
        <v>0</v>
      </c>
      <c r="IX35" s="110">
        <v>0</v>
      </c>
      <c r="IY35" s="131"/>
      <c r="IZ35" s="109">
        <v>0</v>
      </c>
      <c r="JA35" s="109">
        <v>0</v>
      </c>
      <c r="JB35" s="109">
        <v>0</v>
      </c>
      <c r="JC35" s="109">
        <v>0</v>
      </c>
      <c r="JD35" s="109">
        <v>0</v>
      </c>
      <c r="JE35" s="110">
        <v>0</v>
      </c>
      <c r="JF35" s="111">
        <v>0</v>
      </c>
      <c r="JG35" s="129">
        <v>0</v>
      </c>
      <c r="JH35" s="109">
        <v>0</v>
      </c>
      <c r="JI35" s="128">
        <v>0</v>
      </c>
      <c r="JJ35" s="108">
        <v>0</v>
      </c>
      <c r="JK35" s="109">
        <v>44821</v>
      </c>
      <c r="JL35" s="109">
        <v>0</v>
      </c>
      <c r="JM35" s="109">
        <v>0</v>
      </c>
      <c r="JN35" s="109">
        <v>136255</v>
      </c>
      <c r="JO35" s="109">
        <v>0</v>
      </c>
      <c r="JP35" s="110">
        <v>181076</v>
      </c>
      <c r="JQ35" s="298">
        <v>181076</v>
      </c>
      <c r="JR35" s="129">
        <v>0</v>
      </c>
      <c r="JS35" s="109">
        <v>0</v>
      </c>
      <c r="JT35" s="128">
        <v>0</v>
      </c>
      <c r="JU35" s="108">
        <v>0</v>
      </c>
      <c r="JV35" s="109">
        <v>0</v>
      </c>
      <c r="JW35" s="109">
        <v>37674</v>
      </c>
      <c r="JX35" s="109">
        <v>0</v>
      </c>
      <c r="JY35" s="109">
        <v>0</v>
      </c>
      <c r="JZ35" s="109">
        <v>0</v>
      </c>
      <c r="KA35" s="110">
        <v>37674</v>
      </c>
      <c r="KB35" s="298">
        <v>37674</v>
      </c>
      <c r="KC35" s="221">
        <v>0</v>
      </c>
      <c r="KD35" s="217">
        <v>0</v>
      </c>
      <c r="KE35" s="110">
        <v>0</v>
      </c>
      <c r="KF35" s="108">
        <v>0</v>
      </c>
      <c r="KG35" s="109">
        <v>0</v>
      </c>
      <c r="KH35" s="109">
        <v>0</v>
      </c>
      <c r="KI35" s="109">
        <v>0</v>
      </c>
      <c r="KJ35" s="109">
        <v>0</v>
      </c>
      <c r="KK35" s="109">
        <v>0</v>
      </c>
      <c r="KL35" s="110">
        <v>0</v>
      </c>
      <c r="KM35" s="130">
        <v>0</v>
      </c>
      <c r="KN35" s="219">
        <v>0</v>
      </c>
      <c r="KO35" s="223">
        <v>0</v>
      </c>
      <c r="KP35" s="224">
        <v>0</v>
      </c>
      <c r="KQ35" s="127"/>
      <c r="KR35" s="109">
        <v>0</v>
      </c>
      <c r="KS35" s="109">
        <v>0</v>
      </c>
      <c r="KT35" s="109">
        <v>0</v>
      </c>
      <c r="KU35" s="109">
        <v>0</v>
      </c>
      <c r="KV35" s="109">
        <v>0</v>
      </c>
      <c r="KW35" s="110">
        <v>0</v>
      </c>
      <c r="KX35" s="298">
        <v>0</v>
      </c>
      <c r="KY35" s="129">
        <v>0</v>
      </c>
      <c r="KZ35" s="109">
        <v>0</v>
      </c>
      <c r="LA35" s="110">
        <v>0</v>
      </c>
      <c r="LB35" s="132"/>
      <c r="LC35" s="109">
        <v>0</v>
      </c>
      <c r="LD35" s="109">
        <v>0</v>
      </c>
      <c r="LE35" s="109">
        <v>0</v>
      </c>
      <c r="LF35" s="109">
        <v>0</v>
      </c>
      <c r="LG35" s="109">
        <v>0</v>
      </c>
      <c r="LH35" s="110">
        <v>0</v>
      </c>
      <c r="LI35" s="111">
        <v>0</v>
      </c>
      <c r="LJ35" s="129">
        <v>0</v>
      </c>
      <c r="LK35" s="109">
        <v>0</v>
      </c>
      <c r="LL35" s="110">
        <v>0</v>
      </c>
      <c r="LM35" s="132"/>
      <c r="LN35" s="109">
        <v>0</v>
      </c>
      <c r="LO35" s="109">
        <v>0</v>
      </c>
      <c r="LP35" s="109">
        <v>0</v>
      </c>
      <c r="LQ35" s="109">
        <v>0</v>
      </c>
      <c r="LR35" s="109">
        <v>0</v>
      </c>
      <c r="LS35" s="110">
        <v>0</v>
      </c>
      <c r="LT35" s="298">
        <v>0</v>
      </c>
      <c r="LU35" s="129">
        <v>0</v>
      </c>
      <c r="LV35" s="109">
        <v>0</v>
      </c>
      <c r="LW35" s="110">
        <v>0</v>
      </c>
      <c r="LX35" s="132"/>
      <c r="LY35" s="109">
        <v>0</v>
      </c>
      <c r="LZ35" s="109">
        <v>0</v>
      </c>
      <c r="MA35" s="109">
        <v>0</v>
      </c>
      <c r="MB35" s="109">
        <v>0</v>
      </c>
      <c r="MC35" s="109">
        <v>0</v>
      </c>
      <c r="MD35" s="110">
        <v>0</v>
      </c>
      <c r="ME35" s="111">
        <v>0</v>
      </c>
      <c r="MF35" s="129">
        <v>0</v>
      </c>
      <c r="MG35" s="109">
        <v>0</v>
      </c>
      <c r="MH35" s="110">
        <v>0</v>
      </c>
      <c r="MI35" s="132"/>
      <c r="MJ35" s="109">
        <v>179928</v>
      </c>
      <c r="MK35" s="109">
        <v>0</v>
      </c>
      <c r="ML35" s="109">
        <v>213563</v>
      </c>
      <c r="MM35" s="109">
        <v>641606</v>
      </c>
      <c r="MN35" s="109">
        <v>257443</v>
      </c>
      <c r="MO35" s="110">
        <v>1292540</v>
      </c>
      <c r="MP35" s="130">
        <v>1292540</v>
      </c>
      <c r="MQ35" s="129">
        <v>0</v>
      </c>
      <c r="MR35" s="109">
        <v>0</v>
      </c>
      <c r="MS35" s="110">
        <v>0</v>
      </c>
      <c r="MT35" s="132"/>
      <c r="MU35" s="109">
        <v>0</v>
      </c>
      <c r="MV35" s="109">
        <v>0</v>
      </c>
      <c r="MW35" s="109">
        <v>213563</v>
      </c>
      <c r="MX35" s="109">
        <v>641606</v>
      </c>
      <c r="MY35" s="109">
        <v>0</v>
      </c>
      <c r="MZ35" s="110">
        <v>855169</v>
      </c>
      <c r="NA35" s="130">
        <v>855169</v>
      </c>
      <c r="NB35" s="129">
        <v>0</v>
      </c>
      <c r="NC35" s="109">
        <v>0</v>
      </c>
      <c r="ND35" s="110">
        <v>0</v>
      </c>
      <c r="NE35" s="132"/>
      <c r="NF35" s="109">
        <v>179928</v>
      </c>
      <c r="NG35" s="109">
        <v>0</v>
      </c>
      <c r="NH35" s="109">
        <v>0</v>
      </c>
      <c r="NI35" s="109">
        <v>0</v>
      </c>
      <c r="NJ35" s="109">
        <v>257443</v>
      </c>
      <c r="NK35" s="110">
        <v>437371</v>
      </c>
      <c r="NL35" s="298">
        <v>437371</v>
      </c>
      <c r="NM35" s="129">
        <v>0</v>
      </c>
      <c r="NN35" s="109">
        <v>0</v>
      </c>
      <c r="NO35" s="110">
        <v>0</v>
      </c>
      <c r="NP35" s="132"/>
      <c r="NQ35" s="109">
        <v>0</v>
      </c>
      <c r="NR35" s="109">
        <v>0</v>
      </c>
      <c r="NS35" s="109">
        <v>0</v>
      </c>
      <c r="NT35" s="109">
        <v>0</v>
      </c>
      <c r="NU35" s="109">
        <v>0</v>
      </c>
      <c r="NV35" s="110">
        <v>0</v>
      </c>
      <c r="NW35" s="111">
        <v>0</v>
      </c>
      <c r="NX35" s="129">
        <v>0</v>
      </c>
      <c r="NY35" s="109">
        <v>0</v>
      </c>
      <c r="NZ35" s="110">
        <v>0</v>
      </c>
      <c r="OA35" s="132"/>
      <c r="OB35" s="109">
        <v>0</v>
      </c>
      <c r="OC35" s="109">
        <v>0</v>
      </c>
      <c r="OD35" s="109">
        <v>0</v>
      </c>
      <c r="OE35" s="109">
        <v>0</v>
      </c>
      <c r="OF35" s="109">
        <v>0</v>
      </c>
      <c r="OG35" s="110">
        <v>0</v>
      </c>
      <c r="OH35" s="111">
        <v>0</v>
      </c>
      <c r="OI35" s="129">
        <v>16310</v>
      </c>
      <c r="OJ35" s="109">
        <v>0</v>
      </c>
      <c r="OK35" s="128">
        <v>16310</v>
      </c>
      <c r="OL35" s="108">
        <v>0</v>
      </c>
      <c r="OM35" s="109">
        <v>717160</v>
      </c>
      <c r="ON35" s="109">
        <v>372322</v>
      </c>
      <c r="OO35" s="109">
        <v>582260</v>
      </c>
      <c r="OP35" s="109">
        <v>1264658</v>
      </c>
      <c r="OQ35" s="109">
        <v>257443</v>
      </c>
      <c r="OR35" s="110">
        <v>3193843</v>
      </c>
      <c r="OS35" s="130">
        <v>3210153</v>
      </c>
    </row>
    <row r="36" spans="2:409" ht="21" customHeight="1" x14ac:dyDescent="0.2">
      <c r="B36" s="472" t="s">
        <v>31</v>
      </c>
      <c r="C36" s="100">
        <v>89877</v>
      </c>
      <c r="D36" s="104">
        <v>0</v>
      </c>
      <c r="E36" s="103">
        <v>89877</v>
      </c>
      <c r="F36" s="99">
        <v>0</v>
      </c>
      <c r="G36" s="104">
        <v>113405</v>
      </c>
      <c r="H36" s="104">
        <v>386954</v>
      </c>
      <c r="I36" s="104">
        <v>558602</v>
      </c>
      <c r="J36" s="104">
        <v>140098</v>
      </c>
      <c r="K36" s="104">
        <v>177485</v>
      </c>
      <c r="L36" s="160">
        <v>1376544</v>
      </c>
      <c r="M36" s="106">
        <v>1466421</v>
      </c>
      <c r="N36" s="100">
        <v>0</v>
      </c>
      <c r="O36" s="104">
        <v>0</v>
      </c>
      <c r="P36" s="103">
        <v>0</v>
      </c>
      <c r="Q36" s="100">
        <v>0</v>
      </c>
      <c r="R36" s="104">
        <v>58182</v>
      </c>
      <c r="S36" s="104">
        <v>65870</v>
      </c>
      <c r="T36" s="104">
        <v>250894</v>
      </c>
      <c r="U36" s="104">
        <v>56424</v>
      </c>
      <c r="V36" s="104">
        <v>145635</v>
      </c>
      <c r="W36" s="103">
        <v>577005</v>
      </c>
      <c r="X36" s="106">
        <v>577005</v>
      </c>
      <c r="Y36" s="100">
        <v>0</v>
      </c>
      <c r="Z36" s="104">
        <v>0</v>
      </c>
      <c r="AA36" s="103">
        <v>0</v>
      </c>
      <c r="AB36" s="100">
        <v>0</v>
      </c>
      <c r="AC36" s="104">
        <v>0</v>
      </c>
      <c r="AD36" s="104">
        <v>0</v>
      </c>
      <c r="AE36" s="104">
        <v>102179</v>
      </c>
      <c r="AF36" s="104">
        <v>6097</v>
      </c>
      <c r="AG36" s="104">
        <v>0</v>
      </c>
      <c r="AH36" s="103">
        <v>108276</v>
      </c>
      <c r="AI36" s="106">
        <v>108276</v>
      </c>
      <c r="AJ36" s="100">
        <v>0</v>
      </c>
      <c r="AK36" s="104">
        <v>0</v>
      </c>
      <c r="AL36" s="103">
        <v>0</v>
      </c>
      <c r="AM36" s="100">
        <v>0</v>
      </c>
      <c r="AN36" s="104">
        <v>0</v>
      </c>
      <c r="AO36" s="104">
        <v>0</v>
      </c>
      <c r="AP36" s="104">
        <v>0</v>
      </c>
      <c r="AQ36" s="104">
        <v>9562</v>
      </c>
      <c r="AR36" s="104">
        <v>76489</v>
      </c>
      <c r="AS36" s="103">
        <v>86051</v>
      </c>
      <c r="AT36" s="106">
        <v>86051</v>
      </c>
      <c r="AU36" s="100">
        <v>0</v>
      </c>
      <c r="AV36" s="104">
        <v>0</v>
      </c>
      <c r="AW36" s="103">
        <v>0</v>
      </c>
      <c r="AX36" s="100">
        <v>0</v>
      </c>
      <c r="AY36" s="104">
        <v>58182</v>
      </c>
      <c r="AZ36" s="104">
        <v>57470</v>
      </c>
      <c r="BA36" s="104">
        <v>148715</v>
      </c>
      <c r="BB36" s="104">
        <v>40765</v>
      </c>
      <c r="BC36" s="104">
        <v>65142</v>
      </c>
      <c r="BD36" s="103">
        <v>370274</v>
      </c>
      <c r="BE36" s="106">
        <v>370274</v>
      </c>
      <c r="BF36" s="100">
        <v>0</v>
      </c>
      <c r="BG36" s="104">
        <v>0</v>
      </c>
      <c r="BH36" s="102">
        <v>0</v>
      </c>
      <c r="BI36" s="101">
        <v>0</v>
      </c>
      <c r="BJ36" s="104">
        <v>0</v>
      </c>
      <c r="BK36" s="104">
        <v>0</v>
      </c>
      <c r="BL36" s="104">
        <v>0</v>
      </c>
      <c r="BM36" s="104">
        <v>0</v>
      </c>
      <c r="BN36" s="104">
        <v>0</v>
      </c>
      <c r="BO36" s="103">
        <v>0</v>
      </c>
      <c r="BP36" s="106">
        <v>0</v>
      </c>
      <c r="BQ36" s="100">
        <v>0</v>
      </c>
      <c r="BR36" s="104">
        <v>0</v>
      </c>
      <c r="BS36" s="103">
        <v>0</v>
      </c>
      <c r="BT36" s="100">
        <v>0</v>
      </c>
      <c r="BU36" s="104">
        <v>0</v>
      </c>
      <c r="BV36" s="104">
        <v>8400</v>
      </c>
      <c r="BW36" s="104">
        <v>0</v>
      </c>
      <c r="BX36" s="104">
        <v>0</v>
      </c>
      <c r="BY36" s="104">
        <v>4004</v>
      </c>
      <c r="BZ36" s="103">
        <v>12404</v>
      </c>
      <c r="CA36" s="106">
        <v>12404</v>
      </c>
      <c r="CB36" s="100">
        <v>0</v>
      </c>
      <c r="CC36" s="104">
        <v>0</v>
      </c>
      <c r="CD36" s="103">
        <v>0</v>
      </c>
      <c r="CE36" s="100">
        <v>0</v>
      </c>
      <c r="CF36" s="104">
        <v>39998</v>
      </c>
      <c r="CG36" s="104">
        <v>283634</v>
      </c>
      <c r="CH36" s="104">
        <v>212053</v>
      </c>
      <c r="CI36" s="104">
        <v>49479</v>
      </c>
      <c r="CJ36" s="104">
        <v>0</v>
      </c>
      <c r="CK36" s="103">
        <v>585164</v>
      </c>
      <c r="CL36" s="106">
        <v>585164</v>
      </c>
      <c r="CM36" s="100">
        <v>0</v>
      </c>
      <c r="CN36" s="104">
        <v>0</v>
      </c>
      <c r="CO36" s="103">
        <v>0</v>
      </c>
      <c r="CP36" s="101">
        <v>0</v>
      </c>
      <c r="CQ36" s="104">
        <v>39998</v>
      </c>
      <c r="CR36" s="104">
        <v>197828</v>
      </c>
      <c r="CS36" s="104">
        <v>212053</v>
      </c>
      <c r="CT36" s="104">
        <v>49479</v>
      </c>
      <c r="CU36" s="104">
        <v>0</v>
      </c>
      <c r="CV36" s="103">
        <v>499358</v>
      </c>
      <c r="CW36" s="106">
        <v>499358</v>
      </c>
      <c r="CX36" s="100">
        <v>0</v>
      </c>
      <c r="CY36" s="104">
        <v>0</v>
      </c>
      <c r="CZ36" s="103">
        <v>0</v>
      </c>
      <c r="DA36" s="100">
        <v>0</v>
      </c>
      <c r="DB36" s="104">
        <v>0</v>
      </c>
      <c r="DC36" s="104">
        <v>85806</v>
      </c>
      <c r="DD36" s="104">
        <v>0</v>
      </c>
      <c r="DE36" s="104">
        <v>0</v>
      </c>
      <c r="DF36" s="104">
        <v>0</v>
      </c>
      <c r="DG36" s="103">
        <v>85806</v>
      </c>
      <c r="DH36" s="106">
        <v>85806</v>
      </c>
      <c r="DI36" s="100">
        <v>0</v>
      </c>
      <c r="DJ36" s="104">
        <v>0</v>
      </c>
      <c r="DK36" s="102">
        <v>0</v>
      </c>
      <c r="DL36" s="101">
        <v>0</v>
      </c>
      <c r="DM36" s="104">
        <v>0</v>
      </c>
      <c r="DN36" s="104">
        <v>0</v>
      </c>
      <c r="DO36" s="104">
        <v>0</v>
      </c>
      <c r="DP36" s="104">
        <v>0</v>
      </c>
      <c r="DQ36" s="104">
        <v>0</v>
      </c>
      <c r="DR36" s="103">
        <v>0</v>
      </c>
      <c r="DS36" s="106">
        <v>0</v>
      </c>
      <c r="DT36" s="100">
        <v>0</v>
      </c>
      <c r="DU36" s="104">
        <v>0</v>
      </c>
      <c r="DV36" s="103">
        <v>0</v>
      </c>
      <c r="DW36" s="100">
        <v>0</v>
      </c>
      <c r="DX36" s="104">
        <v>0</v>
      </c>
      <c r="DY36" s="104">
        <v>0</v>
      </c>
      <c r="DZ36" s="104">
        <v>0</v>
      </c>
      <c r="EA36" s="104">
        <v>0</v>
      </c>
      <c r="EB36" s="104">
        <v>0</v>
      </c>
      <c r="EC36" s="103">
        <v>0</v>
      </c>
      <c r="ED36" s="106">
        <v>0</v>
      </c>
      <c r="EE36" s="100">
        <v>0</v>
      </c>
      <c r="EF36" s="102">
        <v>0</v>
      </c>
      <c r="EG36" s="103">
        <v>0</v>
      </c>
      <c r="EH36" s="100">
        <v>0</v>
      </c>
      <c r="EI36" s="104">
        <v>0</v>
      </c>
      <c r="EJ36" s="104">
        <v>0</v>
      </c>
      <c r="EK36" s="104">
        <v>0</v>
      </c>
      <c r="EL36" s="104">
        <v>0</v>
      </c>
      <c r="EM36" s="104">
        <v>0</v>
      </c>
      <c r="EN36" s="102">
        <v>0</v>
      </c>
      <c r="EO36" s="106">
        <v>0</v>
      </c>
      <c r="EP36" s="100">
        <v>0</v>
      </c>
      <c r="EQ36" s="104">
        <v>0</v>
      </c>
      <c r="ER36" s="102">
        <v>0</v>
      </c>
      <c r="ES36" s="101">
        <v>0</v>
      </c>
      <c r="ET36" s="104">
        <v>0</v>
      </c>
      <c r="EU36" s="104">
        <v>0</v>
      </c>
      <c r="EV36" s="104">
        <v>0</v>
      </c>
      <c r="EW36" s="104">
        <v>0</v>
      </c>
      <c r="EX36" s="104">
        <v>0</v>
      </c>
      <c r="EY36" s="103">
        <v>0</v>
      </c>
      <c r="EZ36" s="106">
        <v>0</v>
      </c>
      <c r="FA36" s="100">
        <v>0</v>
      </c>
      <c r="FB36" s="104">
        <v>0</v>
      </c>
      <c r="FC36" s="102">
        <v>0</v>
      </c>
      <c r="FD36" s="324"/>
      <c r="FE36" s="104">
        <v>0</v>
      </c>
      <c r="FF36" s="104">
        <v>0</v>
      </c>
      <c r="FG36" s="104">
        <v>0</v>
      </c>
      <c r="FH36" s="104">
        <v>0</v>
      </c>
      <c r="FI36" s="104">
        <v>0</v>
      </c>
      <c r="FJ36" s="103">
        <v>0</v>
      </c>
      <c r="FK36" s="106">
        <v>0</v>
      </c>
      <c r="FL36" s="100">
        <v>89877</v>
      </c>
      <c r="FM36" s="104">
        <v>0</v>
      </c>
      <c r="FN36" s="103">
        <v>89877</v>
      </c>
      <c r="FO36" s="100">
        <v>0</v>
      </c>
      <c r="FP36" s="104">
        <v>15225</v>
      </c>
      <c r="FQ36" s="104">
        <v>37450</v>
      </c>
      <c r="FR36" s="104">
        <v>95655</v>
      </c>
      <c r="FS36" s="104">
        <v>34195</v>
      </c>
      <c r="FT36" s="104">
        <v>31850</v>
      </c>
      <c r="FU36" s="103">
        <v>214375</v>
      </c>
      <c r="FV36" s="106">
        <v>304252</v>
      </c>
      <c r="FW36" s="105">
        <v>17080</v>
      </c>
      <c r="FX36" s="104">
        <v>0</v>
      </c>
      <c r="FY36" s="102">
        <v>17080</v>
      </c>
      <c r="FZ36" s="101">
        <v>0</v>
      </c>
      <c r="GA36" s="104">
        <v>15225</v>
      </c>
      <c r="GB36" s="104">
        <v>22400</v>
      </c>
      <c r="GC36" s="104">
        <v>95655</v>
      </c>
      <c r="GD36" s="104">
        <v>34195</v>
      </c>
      <c r="GE36" s="104">
        <v>31850</v>
      </c>
      <c r="GF36" s="103">
        <v>199325</v>
      </c>
      <c r="GG36" s="296">
        <v>216405</v>
      </c>
      <c r="GH36" s="105">
        <v>0</v>
      </c>
      <c r="GI36" s="104">
        <v>0</v>
      </c>
      <c r="GJ36" s="102">
        <v>0</v>
      </c>
      <c r="GK36" s="101">
        <v>0</v>
      </c>
      <c r="GL36" s="104">
        <v>0</v>
      </c>
      <c r="GM36" s="104">
        <v>15050</v>
      </c>
      <c r="GN36" s="104">
        <v>0</v>
      </c>
      <c r="GO36" s="104">
        <v>0</v>
      </c>
      <c r="GP36" s="104">
        <v>0</v>
      </c>
      <c r="GQ36" s="103">
        <v>15050</v>
      </c>
      <c r="GR36" s="106">
        <v>15050</v>
      </c>
      <c r="GS36" s="100">
        <v>72797</v>
      </c>
      <c r="GT36" s="104">
        <v>0</v>
      </c>
      <c r="GU36" s="103">
        <v>72797</v>
      </c>
      <c r="GV36" s="100">
        <v>0</v>
      </c>
      <c r="GW36" s="104">
        <v>0</v>
      </c>
      <c r="GX36" s="104">
        <v>0</v>
      </c>
      <c r="GY36" s="104">
        <v>0</v>
      </c>
      <c r="GZ36" s="104">
        <v>0</v>
      </c>
      <c r="HA36" s="104">
        <v>0</v>
      </c>
      <c r="HB36" s="102">
        <v>0</v>
      </c>
      <c r="HC36" s="106">
        <v>72797</v>
      </c>
      <c r="HD36" s="100">
        <v>0</v>
      </c>
      <c r="HE36" s="104">
        <v>0</v>
      </c>
      <c r="HF36" s="102">
        <v>0</v>
      </c>
      <c r="HG36" s="101">
        <v>0</v>
      </c>
      <c r="HH36" s="104">
        <v>0</v>
      </c>
      <c r="HI36" s="104">
        <v>0</v>
      </c>
      <c r="HJ36" s="104">
        <v>0</v>
      </c>
      <c r="HK36" s="104">
        <v>0</v>
      </c>
      <c r="HL36" s="104">
        <v>0</v>
      </c>
      <c r="HM36" s="103">
        <v>0</v>
      </c>
      <c r="HN36" s="99">
        <v>0</v>
      </c>
      <c r="HO36" s="306"/>
      <c r="HP36" s="307"/>
      <c r="HQ36" s="308"/>
      <c r="HR36" s="309"/>
      <c r="HS36" s="307"/>
      <c r="HT36" s="307"/>
      <c r="HU36" s="307"/>
      <c r="HV36" s="307"/>
      <c r="HW36" s="307"/>
      <c r="HX36" s="310"/>
      <c r="HY36" s="311"/>
      <c r="HZ36" s="137">
        <v>0</v>
      </c>
      <c r="IA36" s="122">
        <v>0</v>
      </c>
      <c r="IB36" s="137">
        <v>0</v>
      </c>
      <c r="IC36" s="121">
        <v>0</v>
      </c>
      <c r="ID36" s="122">
        <v>24785</v>
      </c>
      <c r="IE36" s="123">
        <v>244979</v>
      </c>
      <c r="IF36" s="124">
        <v>306865</v>
      </c>
      <c r="IG36" s="122">
        <v>0</v>
      </c>
      <c r="IH36" s="124">
        <v>225120</v>
      </c>
      <c r="II36" s="125">
        <v>801749</v>
      </c>
      <c r="IJ36" s="137">
        <v>801749</v>
      </c>
      <c r="IK36" s="219">
        <v>0</v>
      </c>
      <c r="IL36" s="223">
        <v>0</v>
      </c>
      <c r="IM36" s="224">
        <v>0</v>
      </c>
      <c r="IN36" s="127"/>
      <c r="IO36" s="109">
        <v>0</v>
      </c>
      <c r="IP36" s="109">
        <v>88424</v>
      </c>
      <c r="IQ36" s="109">
        <v>0</v>
      </c>
      <c r="IR36" s="109">
        <v>0</v>
      </c>
      <c r="IS36" s="109">
        <v>0</v>
      </c>
      <c r="IT36" s="128">
        <v>88424</v>
      </c>
      <c r="IU36" s="298">
        <v>88424</v>
      </c>
      <c r="IV36" s="129">
        <v>0</v>
      </c>
      <c r="IW36" s="109">
        <v>0</v>
      </c>
      <c r="IX36" s="110">
        <v>0</v>
      </c>
      <c r="IY36" s="131"/>
      <c r="IZ36" s="109">
        <v>0</v>
      </c>
      <c r="JA36" s="109">
        <v>0</v>
      </c>
      <c r="JB36" s="109">
        <v>0</v>
      </c>
      <c r="JC36" s="109">
        <v>0</v>
      </c>
      <c r="JD36" s="109">
        <v>0</v>
      </c>
      <c r="JE36" s="110">
        <v>0</v>
      </c>
      <c r="JF36" s="111">
        <v>0</v>
      </c>
      <c r="JG36" s="129">
        <v>0</v>
      </c>
      <c r="JH36" s="109">
        <v>0</v>
      </c>
      <c r="JI36" s="128">
        <v>0</v>
      </c>
      <c r="JJ36" s="108">
        <v>0</v>
      </c>
      <c r="JK36" s="109">
        <v>24785</v>
      </c>
      <c r="JL36" s="109">
        <v>3995</v>
      </c>
      <c r="JM36" s="109">
        <v>70105</v>
      </c>
      <c r="JN36" s="109">
        <v>0</v>
      </c>
      <c r="JO36" s="109">
        <v>0</v>
      </c>
      <c r="JP36" s="110">
        <v>98885</v>
      </c>
      <c r="JQ36" s="298">
        <v>98885</v>
      </c>
      <c r="JR36" s="129">
        <v>0</v>
      </c>
      <c r="JS36" s="109">
        <v>0</v>
      </c>
      <c r="JT36" s="128">
        <v>0</v>
      </c>
      <c r="JU36" s="108">
        <v>0</v>
      </c>
      <c r="JV36" s="109">
        <v>0</v>
      </c>
      <c r="JW36" s="109">
        <v>0</v>
      </c>
      <c r="JX36" s="109">
        <v>0</v>
      </c>
      <c r="JY36" s="109">
        <v>0</v>
      </c>
      <c r="JZ36" s="109">
        <v>0</v>
      </c>
      <c r="KA36" s="110">
        <v>0</v>
      </c>
      <c r="KB36" s="298">
        <v>0</v>
      </c>
      <c r="KC36" s="221">
        <v>0</v>
      </c>
      <c r="KD36" s="217">
        <v>0</v>
      </c>
      <c r="KE36" s="110">
        <v>0</v>
      </c>
      <c r="KF36" s="108">
        <v>0</v>
      </c>
      <c r="KG36" s="109">
        <v>0</v>
      </c>
      <c r="KH36" s="109">
        <v>152560</v>
      </c>
      <c r="KI36" s="109">
        <v>0</v>
      </c>
      <c r="KJ36" s="109">
        <v>0</v>
      </c>
      <c r="KK36" s="109">
        <v>0</v>
      </c>
      <c r="KL36" s="110">
        <v>152560</v>
      </c>
      <c r="KM36" s="130">
        <v>152560</v>
      </c>
      <c r="KN36" s="219">
        <v>0</v>
      </c>
      <c r="KO36" s="223">
        <v>0</v>
      </c>
      <c r="KP36" s="224">
        <v>0</v>
      </c>
      <c r="KQ36" s="127"/>
      <c r="KR36" s="109">
        <v>0</v>
      </c>
      <c r="KS36" s="109">
        <v>0</v>
      </c>
      <c r="KT36" s="109">
        <v>236760</v>
      </c>
      <c r="KU36" s="109">
        <v>0</v>
      </c>
      <c r="KV36" s="109">
        <v>225120</v>
      </c>
      <c r="KW36" s="110">
        <v>461880</v>
      </c>
      <c r="KX36" s="298">
        <v>461880</v>
      </c>
      <c r="KY36" s="129">
        <v>0</v>
      </c>
      <c r="KZ36" s="109">
        <v>0</v>
      </c>
      <c r="LA36" s="110">
        <v>0</v>
      </c>
      <c r="LB36" s="132"/>
      <c r="LC36" s="109">
        <v>0</v>
      </c>
      <c r="LD36" s="109">
        <v>0</v>
      </c>
      <c r="LE36" s="109">
        <v>0</v>
      </c>
      <c r="LF36" s="109">
        <v>0</v>
      </c>
      <c r="LG36" s="109">
        <v>0</v>
      </c>
      <c r="LH36" s="110">
        <v>0</v>
      </c>
      <c r="LI36" s="111">
        <v>0</v>
      </c>
      <c r="LJ36" s="129">
        <v>0</v>
      </c>
      <c r="LK36" s="109">
        <v>0</v>
      </c>
      <c r="LL36" s="110">
        <v>0</v>
      </c>
      <c r="LM36" s="132"/>
      <c r="LN36" s="109">
        <v>0</v>
      </c>
      <c r="LO36" s="109">
        <v>0</v>
      </c>
      <c r="LP36" s="109">
        <v>0</v>
      </c>
      <c r="LQ36" s="109">
        <v>0</v>
      </c>
      <c r="LR36" s="109">
        <v>0</v>
      </c>
      <c r="LS36" s="110">
        <v>0</v>
      </c>
      <c r="LT36" s="298">
        <v>0</v>
      </c>
      <c r="LU36" s="129">
        <v>0</v>
      </c>
      <c r="LV36" s="109">
        <v>0</v>
      </c>
      <c r="LW36" s="110">
        <v>0</v>
      </c>
      <c r="LX36" s="132"/>
      <c r="LY36" s="109">
        <v>0</v>
      </c>
      <c r="LZ36" s="109">
        <v>0</v>
      </c>
      <c r="MA36" s="109">
        <v>0</v>
      </c>
      <c r="MB36" s="109">
        <v>0</v>
      </c>
      <c r="MC36" s="109">
        <v>0</v>
      </c>
      <c r="MD36" s="110">
        <v>0</v>
      </c>
      <c r="ME36" s="111">
        <v>0</v>
      </c>
      <c r="MF36" s="129">
        <v>0</v>
      </c>
      <c r="MG36" s="109">
        <v>0</v>
      </c>
      <c r="MH36" s="110">
        <v>0</v>
      </c>
      <c r="MI36" s="132"/>
      <c r="MJ36" s="109">
        <v>0</v>
      </c>
      <c r="MK36" s="109">
        <v>380380</v>
      </c>
      <c r="ML36" s="109">
        <v>0</v>
      </c>
      <c r="MM36" s="109">
        <v>0</v>
      </c>
      <c r="MN36" s="109">
        <v>230076</v>
      </c>
      <c r="MO36" s="110">
        <v>610456</v>
      </c>
      <c r="MP36" s="130">
        <v>610456</v>
      </c>
      <c r="MQ36" s="129">
        <v>0</v>
      </c>
      <c r="MR36" s="109">
        <v>0</v>
      </c>
      <c r="MS36" s="110">
        <v>0</v>
      </c>
      <c r="MT36" s="132"/>
      <c r="MU36" s="109">
        <v>0</v>
      </c>
      <c r="MV36" s="109">
        <v>0</v>
      </c>
      <c r="MW36" s="109">
        <v>0</v>
      </c>
      <c r="MX36" s="109">
        <v>0</v>
      </c>
      <c r="MY36" s="109">
        <v>230076</v>
      </c>
      <c r="MZ36" s="110">
        <v>230076</v>
      </c>
      <c r="NA36" s="130">
        <v>230076</v>
      </c>
      <c r="NB36" s="129">
        <v>0</v>
      </c>
      <c r="NC36" s="109">
        <v>0</v>
      </c>
      <c r="ND36" s="110">
        <v>0</v>
      </c>
      <c r="NE36" s="132"/>
      <c r="NF36" s="109">
        <v>0</v>
      </c>
      <c r="NG36" s="109">
        <v>380380</v>
      </c>
      <c r="NH36" s="109">
        <v>0</v>
      </c>
      <c r="NI36" s="109">
        <v>0</v>
      </c>
      <c r="NJ36" s="109">
        <v>0</v>
      </c>
      <c r="NK36" s="110">
        <v>380380</v>
      </c>
      <c r="NL36" s="298">
        <v>380380</v>
      </c>
      <c r="NM36" s="129">
        <v>0</v>
      </c>
      <c r="NN36" s="109">
        <v>0</v>
      </c>
      <c r="NO36" s="110">
        <v>0</v>
      </c>
      <c r="NP36" s="132"/>
      <c r="NQ36" s="109">
        <v>0</v>
      </c>
      <c r="NR36" s="109">
        <v>0</v>
      </c>
      <c r="NS36" s="109">
        <v>0</v>
      </c>
      <c r="NT36" s="109">
        <v>0</v>
      </c>
      <c r="NU36" s="109">
        <v>0</v>
      </c>
      <c r="NV36" s="110">
        <v>0</v>
      </c>
      <c r="NW36" s="111">
        <v>0</v>
      </c>
      <c r="NX36" s="129">
        <v>0</v>
      </c>
      <c r="NY36" s="109">
        <v>0</v>
      </c>
      <c r="NZ36" s="110">
        <v>0</v>
      </c>
      <c r="OA36" s="132"/>
      <c r="OB36" s="109">
        <v>0</v>
      </c>
      <c r="OC36" s="109">
        <v>0</v>
      </c>
      <c r="OD36" s="109">
        <v>0</v>
      </c>
      <c r="OE36" s="109">
        <v>0</v>
      </c>
      <c r="OF36" s="109">
        <v>0</v>
      </c>
      <c r="OG36" s="110">
        <v>0</v>
      </c>
      <c r="OH36" s="111">
        <v>0</v>
      </c>
      <c r="OI36" s="129">
        <v>89877</v>
      </c>
      <c r="OJ36" s="109">
        <v>0</v>
      </c>
      <c r="OK36" s="128">
        <v>89877</v>
      </c>
      <c r="OL36" s="108">
        <v>0</v>
      </c>
      <c r="OM36" s="109">
        <v>138190</v>
      </c>
      <c r="ON36" s="109">
        <v>1012313</v>
      </c>
      <c r="OO36" s="109">
        <v>865467</v>
      </c>
      <c r="OP36" s="109">
        <v>140098</v>
      </c>
      <c r="OQ36" s="109">
        <v>632681</v>
      </c>
      <c r="OR36" s="110">
        <v>2788749</v>
      </c>
      <c r="OS36" s="130">
        <v>2878626</v>
      </c>
    </row>
    <row r="37" spans="2:409" ht="21" customHeight="1" x14ac:dyDescent="0.2">
      <c r="B37" s="472" t="s">
        <v>32</v>
      </c>
      <c r="C37" s="100">
        <v>94360</v>
      </c>
      <c r="D37" s="104">
        <v>0</v>
      </c>
      <c r="E37" s="161">
        <v>94360</v>
      </c>
      <c r="F37" s="162">
        <v>0</v>
      </c>
      <c r="G37" s="163">
        <v>151734</v>
      </c>
      <c r="H37" s="163">
        <v>464436</v>
      </c>
      <c r="I37" s="163">
        <v>602739</v>
      </c>
      <c r="J37" s="163">
        <v>318857</v>
      </c>
      <c r="K37" s="163">
        <v>267561</v>
      </c>
      <c r="L37" s="164">
        <v>1805327</v>
      </c>
      <c r="M37" s="106">
        <v>1899687</v>
      </c>
      <c r="N37" s="100">
        <v>0</v>
      </c>
      <c r="O37" s="104">
        <v>0</v>
      </c>
      <c r="P37" s="103">
        <v>0</v>
      </c>
      <c r="Q37" s="100">
        <v>0</v>
      </c>
      <c r="R37" s="104">
        <v>31192</v>
      </c>
      <c r="S37" s="104">
        <v>89936</v>
      </c>
      <c r="T37" s="104">
        <v>59829</v>
      </c>
      <c r="U37" s="104">
        <v>35035</v>
      </c>
      <c r="V37" s="104">
        <v>253841</v>
      </c>
      <c r="W37" s="103">
        <v>469833</v>
      </c>
      <c r="X37" s="106">
        <v>469833</v>
      </c>
      <c r="Y37" s="100">
        <v>0</v>
      </c>
      <c r="Z37" s="104">
        <v>0</v>
      </c>
      <c r="AA37" s="103">
        <v>0</v>
      </c>
      <c r="AB37" s="100">
        <v>0</v>
      </c>
      <c r="AC37" s="104">
        <v>31192</v>
      </c>
      <c r="AD37" s="104">
        <v>0</v>
      </c>
      <c r="AE37" s="104">
        <v>0</v>
      </c>
      <c r="AF37" s="104">
        <v>0</v>
      </c>
      <c r="AG37" s="104">
        <v>237503</v>
      </c>
      <c r="AH37" s="103">
        <v>268695</v>
      </c>
      <c r="AI37" s="106">
        <v>268695</v>
      </c>
      <c r="AJ37" s="100">
        <v>0</v>
      </c>
      <c r="AK37" s="104">
        <v>0</v>
      </c>
      <c r="AL37" s="103">
        <v>0</v>
      </c>
      <c r="AM37" s="100">
        <v>0</v>
      </c>
      <c r="AN37" s="104">
        <v>0</v>
      </c>
      <c r="AO37" s="104">
        <v>0</v>
      </c>
      <c r="AP37" s="104">
        <v>0</v>
      </c>
      <c r="AQ37" s="104">
        <v>0</v>
      </c>
      <c r="AR37" s="104">
        <v>0</v>
      </c>
      <c r="AS37" s="103">
        <v>0</v>
      </c>
      <c r="AT37" s="106">
        <v>0</v>
      </c>
      <c r="AU37" s="100">
        <v>0</v>
      </c>
      <c r="AV37" s="104">
        <v>0</v>
      </c>
      <c r="AW37" s="103">
        <v>0</v>
      </c>
      <c r="AX37" s="100">
        <v>0</v>
      </c>
      <c r="AY37" s="104">
        <v>0</v>
      </c>
      <c r="AZ37" s="104">
        <v>54768</v>
      </c>
      <c r="BA37" s="104">
        <v>36981</v>
      </c>
      <c r="BB37" s="104">
        <v>0</v>
      </c>
      <c r="BC37" s="104">
        <v>0</v>
      </c>
      <c r="BD37" s="103">
        <v>91749</v>
      </c>
      <c r="BE37" s="106">
        <v>91749</v>
      </c>
      <c r="BF37" s="100">
        <v>0</v>
      </c>
      <c r="BG37" s="104">
        <v>0</v>
      </c>
      <c r="BH37" s="102">
        <v>0</v>
      </c>
      <c r="BI37" s="101">
        <v>0</v>
      </c>
      <c r="BJ37" s="104">
        <v>0</v>
      </c>
      <c r="BK37" s="104">
        <v>26768</v>
      </c>
      <c r="BL37" s="104">
        <v>0</v>
      </c>
      <c r="BM37" s="104">
        <v>20076</v>
      </c>
      <c r="BN37" s="104">
        <v>0</v>
      </c>
      <c r="BO37" s="103">
        <v>46844</v>
      </c>
      <c r="BP37" s="106">
        <v>46844</v>
      </c>
      <c r="BQ37" s="100">
        <v>0</v>
      </c>
      <c r="BR37" s="104">
        <v>0</v>
      </c>
      <c r="BS37" s="103">
        <v>0</v>
      </c>
      <c r="BT37" s="100">
        <v>0</v>
      </c>
      <c r="BU37" s="104">
        <v>0</v>
      </c>
      <c r="BV37" s="104">
        <v>8400</v>
      </c>
      <c r="BW37" s="104">
        <v>22848</v>
      </c>
      <c r="BX37" s="104">
        <v>14959</v>
      </c>
      <c r="BY37" s="104">
        <v>16338</v>
      </c>
      <c r="BZ37" s="103">
        <v>62545</v>
      </c>
      <c r="CA37" s="106">
        <v>62545</v>
      </c>
      <c r="CB37" s="100">
        <v>0</v>
      </c>
      <c r="CC37" s="104">
        <v>0</v>
      </c>
      <c r="CD37" s="103">
        <v>0</v>
      </c>
      <c r="CE37" s="100">
        <v>0</v>
      </c>
      <c r="CF37" s="104">
        <v>113542</v>
      </c>
      <c r="CG37" s="104">
        <v>168273</v>
      </c>
      <c r="CH37" s="104">
        <v>109564</v>
      </c>
      <c r="CI37" s="104">
        <v>80304</v>
      </c>
      <c r="CJ37" s="104">
        <v>0</v>
      </c>
      <c r="CK37" s="103">
        <v>471683</v>
      </c>
      <c r="CL37" s="106">
        <v>471683</v>
      </c>
      <c r="CM37" s="100">
        <v>0</v>
      </c>
      <c r="CN37" s="104">
        <v>0</v>
      </c>
      <c r="CO37" s="103">
        <v>0</v>
      </c>
      <c r="CP37" s="101">
        <v>0</v>
      </c>
      <c r="CQ37" s="104">
        <v>113542</v>
      </c>
      <c r="CR37" s="104">
        <v>168273</v>
      </c>
      <c r="CS37" s="104">
        <v>50551</v>
      </c>
      <c r="CT37" s="104">
        <v>0</v>
      </c>
      <c r="CU37" s="104">
        <v>0</v>
      </c>
      <c r="CV37" s="103">
        <v>332366</v>
      </c>
      <c r="CW37" s="106">
        <v>332366</v>
      </c>
      <c r="CX37" s="100">
        <v>0</v>
      </c>
      <c r="CY37" s="104">
        <v>0</v>
      </c>
      <c r="CZ37" s="103">
        <v>0</v>
      </c>
      <c r="DA37" s="100">
        <v>0</v>
      </c>
      <c r="DB37" s="104">
        <v>0</v>
      </c>
      <c r="DC37" s="104">
        <v>0</v>
      </c>
      <c r="DD37" s="104">
        <v>59013</v>
      </c>
      <c r="DE37" s="104">
        <v>80304</v>
      </c>
      <c r="DF37" s="104">
        <v>0</v>
      </c>
      <c r="DG37" s="103">
        <v>139317</v>
      </c>
      <c r="DH37" s="106">
        <v>139317</v>
      </c>
      <c r="DI37" s="100">
        <v>0</v>
      </c>
      <c r="DJ37" s="104">
        <v>0</v>
      </c>
      <c r="DK37" s="102">
        <v>0</v>
      </c>
      <c r="DL37" s="101">
        <v>0</v>
      </c>
      <c r="DM37" s="104">
        <v>0</v>
      </c>
      <c r="DN37" s="104">
        <v>0</v>
      </c>
      <c r="DO37" s="104">
        <v>92498</v>
      </c>
      <c r="DP37" s="104">
        <v>0</v>
      </c>
      <c r="DQ37" s="104">
        <v>0</v>
      </c>
      <c r="DR37" s="103">
        <v>92498</v>
      </c>
      <c r="DS37" s="106">
        <v>92498</v>
      </c>
      <c r="DT37" s="100">
        <v>0</v>
      </c>
      <c r="DU37" s="104">
        <v>0</v>
      </c>
      <c r="DV37" s="103">
        <v>0</v>
      </c>
      <c r="DW37" s="100">
        <v>0</v>
      </c>
      <c r="DX37" s="104">
        <v>0</v>
      </c>
      <c r="DY37" s="104">
        <v>0</v>
      </c>
      <c r="DZ37" s="104">
        <v>0</v>
      </c>
      <c r="EA37" s="104">
        <v>0</v>
      </c>
      <c r="EB37" s="104">
        <v>0</v>
      </c>
      <c r="EC37" s="103">
        <v>0</v>
      </c>
      <c r="ED37" s="106">
        <v>0</v>
      </c>
      <c r="EE37" s="100">
        <v>0</v>
      </c>
      <c r="EF37" s="102">
        <v>0</v>
      </c>
      <c r="EG37" s="103">
        <v>0</v>
      </c>
      <c r="EH37" s="100">
        <v>0</v>
      </c>
      <c r="EI37" s="104">
        <v>0</v>
      </c>
      <c r="EJ37" s="104">
        <v>0</v>
      </c>
      <c r="EK37" s="104">
        <v>92498</v>
      </c>
      <c r="EL37" s="104">
        <v>0</v>
      </c>
      <c r="EM37" s="104">
        <v>0</v>
      </c>
      <c r="EN37" s="102">
        <v>92498</v>
      </c>
      <c r="EO37" s="106">
        <v>92498</v>
      </c>
      <c r="EP37" s="100">
        <v>0</v>
      </c>
      <c r="EQ37" s="104">
        <v>0</v>
      </c>
      <c r="ER37" s="102">
        <v>0</v>
      </c>
      <c r="ES37" s="101">
        <v>0</v>
      </c>
      <c r="ET37" s="104">
        <v>0</v>
      </c>
      <c r="EU37" s="104">
        <v>0</v>
      </c>
      <c r="EV37" s="104">
        <v>0</v>
      </c>
      <c r="EW37" s="104">
        <v>0</v>
      </c>
      <c r="EX37" s="104">
        <v>0</v>
      </c>
      <c r="EY37" s="103">
        <v>0</v>
      </c>
      <c r="EZ37" s="106">
        <v>0</v>
      </c>
      <c r="FA37" s="100">
        <v>0</v>
      </c>
      <c r="FB37" s="104">
        <v>0</v>
      </c>
      <c r="FC37" s="102">
        <v>0</v>
      </c>
      <c r="FD37" s="324"/>
      <c r="FE37" s="104">
        <v>0</v>
      </c>
      <c r="FF37" s="104">
        <v>0</v>
      </c>
      <c r="FG37" s="104">
        <v>0</v>
      </c>
      <c r="FH37" s="104">
        <v>0</v>
      </c>
      <c r="FI37" s="104">
        <v>0</v>
      </c>
      <c r="FJ37" s="103">
        <v>0</v>
      </c>
      <c r="FK37" s="106">
        <v>0</v>
      </c>
      <c r="FL37" s="100">
        <v>94360</v>
      </c>
      <c r="FM37" s="104">
        <v>0</v>
      </c>
      <c r="FN37" s="103">
        <v>94360</v>
      </c>
      <c r="FO37" s="100">
        <v>0</v>
      </c>
      <c r="FP37" s="104">
        <v>7000</v>
      </c>
      <c r="FQ37" s="104">
        <v>55860</v>
      </c>
      <c r="FR37" s="104">
        <v>53865</v>
      </c>
      <c r="FS37" s="104">
        <v>21448</v>
      </c>
      <c r="FT37" s="104">
        <v>13720</v>
      </c>
      <c r="FU37" s="103">
        <v>151893</v>
      </c>
      <c r="FV37" s="106">
        <v>246253</v>
      </c>
      <c r="FW37" s="105">
        <v>1960</v>
      </c>
      <c r="FX37" s="104">
        <v>0</v>
      </c>
      <c r="FY37" s="102">
        <v>1960</v>
      </c>
      <c r="FZ37" s="101">
        <v>0</v>
      </c>
      <c r="GA37" s="104">
        <v>7000</v>
      </c>
      <c r="GB37" s="104">
        <v>55860</v>
      </c>
      <c r="GC37" s="104">
        <v>53865</v>
      </c>
      <c r="GD37" s="104">
        <v>21448</v>
      </c>
      <c r="GE37" s="104">
        <v>13720</v>
      </c>
      <c r="GF37" s="103">
        <v>151893</v>
      </c>
      <c r="GG37" s="296">
        <v>153853</v>
      </c>
      <c r="GH37" s="105">
        <v>0</v>
      </c>
      <c r="GI37" s="104">
        <v>0</v>
      </c>
      <c r="GJ37" s="102">
        <v>0</v>
      </c>
      <c r="GK37" s="101">
        <v>0</v>
      </c>
      <c r="GL37" s="104">
        <v>0</v>
      </c>
      <c r="GM37" s="104">
        <v>0</v>
      </c>
      <c r="GN37" s="104">
        <v>0</v>
      </c>
      <c r="GO37" s="104">
        <v>0</v>
      </c>
      <c r="GP37" s="104">
        <v>0</v>
      </c>
      <c r="GQ37" s="103">
        <v>0</v>
      </c>
      <c r="GR37" s="106">
        <v>0</v>
      </c>
      <c r="GS37" s="100">
        <v>92400</v>
      </c>
      <c r="GT37" s="104">
        <v>0</v>
      </c>
      <c r="GU37" s="103">
        <v>92400</v>
      </c>
      <c r="GV37" s="100">
        <v>0</v>
      </c>
      <c r="GW37" s="104">
        <v>0</v>
      </c>
      <c r="GX37" s="104">
        <v>0</v>
      </c>
      <c r="GY37" s="104">
        <v>0</v>
      </c>
      <c r="GZ37" s="104">
        <v>0</v>
      </c>
      <c r="HA37" s="104">
        <v>0</v>
      </c>
      <c r="HB37" s="102">
        <v>0</v>
      </c>
      <c r="HC37" s="106">
        <v>92400</v>
      </c>
      <c r="HD37" s="100">
        <v>0</v>
      </c>
      <c r="HE37" s="104">
        <v>0</v>
      </c>
      <c r="HF37" s="102">
        <v>0</v>
      </c>
      <c r="HG37" s="101">
        <v>0</v>
      </c>
      <c r="HH37" s="104">
        <v>0</v>
      </c>
      <c r="HI37" s="104">
        <v>150367</v>
      </c>
      <c r="HJ37" s="104">
        <v>286983</v>
      </c>
      <c r="HK37" s="104">
        <v>182070</v>
      </c>
      <c r="HL37" s="104">
        <v>0</v>
      </c>
      <c r="HM37" s="103">
        <v>619420</v>
      </c>
      <c r="HN37" s="99">
        <v>619420</v>
      </c>
      <c r="HO37" s="306"/>
      <c r="HP37" s="307"/>
      <c r="HQ37" s="308"/>
      <c r="HR37" s="309"/>
      <c r="HS37" s="307"/>
      <c r="HT37" s="307"/>
      <c r="HU37" s="307"/>
      <c r="HV37" s="307"/>
      <c r="HW37" s="307"/>
      <c r="HX37" s="310"/>
      <c r="HY37" s="311"/>
      <c r="HZ37" s="118">
        <v>0</v>
      </c>
      <c r="IA37" s="119">
        <v>0</v>
      </c>
      <c r="IB37" s="120">
        <v>0</v>
      </c>
      <c r="IC37" s="133">
        <v>0</v>
      </c>
      <c r="ID37" s="119">
        <v>151473</v>
      </c>
      <c r="IE37" s="134">
        <v>0</v>
      </c>
      <c r="IF37" s="120">
        <v>429155</v>
      </c>
      <c r="IG37" s="119">
        <v>194292</v>
      </c>
      <c r="IH37" s="120">
        <v>228788</v>
      </c>
      <c r="II37" s="135">
        <v>1003708</v>
      </c>
      <c r="IJ37" s="126">
        <v>1003708</v>
      </c>
      <c r="IK37" s="219">
        <v>0</v>
      </c>
      <c r="IL37" s="223">
        <v>0</v>
      </c>
      <c r="IM37" s="224">
        <v>0</v>
      </c>
      <c r="IN37" s="127"/>
      <c r="IO37" s="109">
        <v>0</v>
      </c>
      <c r="IP37" s="109">
        <v>0</v>
      </c>
      <c r="IQ37" s="109">
        <v>0</v>
      </c>
      <c r="IR37" s="109">
        <v>0</v>
      </c>
      <c r="IS37" s="109">
        <v>0</v>
      </c>
      <c r="IT37" s="128">
        <v>0</v>
      </c>
      <c r="IU37" s="298">
        <v>0</v>
      </c>
      <c r="IV37" s="129">
        <v>0</v>
      </c>
      <c r="IW37" s="109">
        <v>0</v>
      </c>
      <c r="IX37" s="110">
        <v>0</v>
      </c>
      <c r="IY37" s="131"/>
      <c r="IZ37" s="109">
        <v>0</v>
      </c>
      <c r="JA37" s="109">
        <v>0</v>
      </c>
      <c r="JB37" s="109">
        <v>0</v>
      </c>
      <c r="JC37" s="109">
        <v>0</v>
      </c>
      <c r="JD37" s="109">
        <v>0</v>
      </c>
      <c r="JE37" s="110">
        <v>0</v>
      </c>
      <c r="JF37" s="111">
        <v>0</v>
      </c>
      <c r="JG37" s="129">
        <v>0</v>
      </c>
      <c r="JH37" s="109">
        <v>0</v>
      </c>
      <c r="JI37" s="128">
        <v>0</v>
      </c>
      <c r="JJ37" s="108">
        <v>0</v>
      </c>
      <c r="JK37" s="109">
        <v>26628</v>
      </c>
      <c r="JL37" s="109">
        <v>0</v>
      </c>
      <c r="JM37" s="109">
        <v>42741</v>
      </c>
      <c r="JN37" s="109">
        <v>0</v>
      </c>
      <c r="JO37" s="109">
        <v>0</v>
      </c>
      <c r="JP37" s="110">
        <v>69369</v>
      </c>
      <c r="JQ37" s="298">
        <v>69369</v>
      </c>
      <c r="JR37" s="129">
        <v>0</v>
      </c>
      <c r="JS37" s="109">
        <v>0</v>
      </c>
      <c r="JT37" s="128">
        <v>0</v>
      </c>
      <c r="JU37" s="108">
        <v>0</v>
      </c>
      <c r="JV37" s="109">
        <v>124845</v>
      </c>
      <c r="JW37" s="109">
        <v>0</v>
      </c>
      <c r="JX37" s="109">
        <v>0</v>
      </c>
      <c r="JY37" s="109">
        <v>0</v>
      </c>
      <c r="JZ37" s="109">
        <v>0</v>
      </c>
      <c r="KA37" s="110">
        <v>124845</v>
      </c>
      <c r="KB37" s="298">
        <v>124845</v>
      </c>
      <c r="KC37" s="221">
        <v>0</v>
      </c>
      <c r="KD37" s="217">
        <v>0</v>
      </c>
      <c r="KE37" s="110">
        <v>0</v>
      </c>
      <c r="KF37" s="108">
        <v>0</v>
      </c>
      <c r="KG37" s="109">
        <v>0</v>
      </c>
      <c r="KH37" s="109">
        <v>0</v>
      </c>
      <c r="KI37" s="109">
        <v>0</v>
      </c>
      <c r="KJ37" s="109">
        <v>0</v>
      </c>
      <c r="KK37" s="109">
        <v>0</v>
      </c>
      <c r="KL37" s="110">
        <v>0</v>
      </c>
      <c r="KM37" s="130">
        <v>0</v>
      </c>
      <c r="KN37" s="219">
        <v>0</v>
      </c>
      <c r="KO37" s="223">
        <v>0</v>
      </c>
      <c r="KP37" s="224">
        <v>0</v>
      </c>
      <c r="KQ37" s="127"/>
      <c r="KR37" s="109">
        <v>0</v>
      </c>
      <c r="KS37" s="109">
        <v>0</v>
      </c>
      <c r="KT37" s="109">
        <v>209167</v>
      </c>
      <c r="KU37" s="109">
        <v>0</v>
      </c>
      <c r="KV37" s="109">
        <v>228788</v>
      </c>
      <c r="KW37" s="110">
        <v>437955</v>
      </c>
      <c r="KX37" s="298">
        <v>437955</v>
      </c>
      <c r="KY37" s="129">
        <v>0</v>
      </c>
      <c r="KZ37" s="109">
        <v>0</v>
      </c>
      <c r="LA37" s="110">
        <v>0</v>
      </c>
      <c r="LB37" s="132"/>
      <c r="LC37" s="109">
        <v>0</v>
      </c>
      <c r="LD37" s="109">
        <v>0</v>
      </c>
      <c r="LE37" s="109">
        <v>0</v>
      </c>
      <c r="LF37" s="109">
        <v>0</v>
      </c>
      <c r="LG37" s="109">
        <v>0</v>
      </c>
      <c r="LH37" s="110">
        <v>0</v>
      </c>
      <c r="LI37" s="111">
        <v>0</v>
      </c>
      <c r="LJ37" s="129">
        <v>0</v>
      </c>
      <c r="LK37" s="109">
        <v>0</v>
      </c>
      <c r="LL37" s="110">
        <v>0</v>
      </c>
      <c r="LM37" s="132"/>
      <c r="LN37" s="109">
        <v>0</v>
      </c>
      <c r="LO37" s="109">
        <v>0</v>
      </c>
      <c r="LP37" s="109">
        <v>177247</v>
      </c>
      <c r="LQ37" s="109">
        <v>194292</v>
      </c>
      <c r="LR37" s="109">
        <v>0</v>
      </c>
      <c r="LS37" s="110">
        <v>371539</v>
      </c>
      <c r="LT37" s="298">
        <v>371539</v>
      </c>
      <c r="LU37" s="129">
        <v>0</v>
      </c>
      <c r="LV37" s="109">
        <v>0</v>
      </c>
      <c r="LW37" s="110">
        <v>0</v>
      </c>
      <c r="LX37" s="132"/>
      <c r="LY37" s="109">
        <v>0</v>
      </c>
      <c r="LZ37" s="109">
        <v>0</v>
      </c>
      <c r="MA37" s="109">
        <v>0</v>
      </c>
      <c r="MB37" s="109">
        <v>0</v>
      </c>
      <c r="MC37" s="109">
        <v>0</v>
      </c>
      <c r="MD37" s="110">
        <v>0</v>
      </c>
      <c r="ME37" s="111">
        <v>0</v>
      </c>
      <c r="MF37" s="129">
        <v>0</v>
      </c>
      <c r="MG37" s="109">
        <v>0</v>
      </c>
      <c r="MH37" s="110">
        <v>0</v>
      </c>
      <c r="MI37" s="132"/>
      <c r="MJ37" s="109">
        <v>0</v>
      </c>
      <c r="MK37" s="109">
        <v>0</v>
      </c>
      <c r="ML37" s="109">
        <v>136047</v>
      </c>
      <c r="MM37" s="109">
        <v>292872</v>
      </c>
      <c r="MN37" s="109">
        <v>536685</v>
      </c>
      <c r="MO37" s="110">
        <v>965604</v>
      </c>
      <c r="MP37" s="130">
        <v>965604</v>
      </c>
      <c r="MQ37" s="129">
        <v>0</v>
      </c>
      <c r="MR37" s="109">
        <v>0</v>
      </c>
      <c r="MS37" s="110">
        <v>0</v>
      </c>
      <c r="MT37" s="132"/>
      <c r="MU37" s="109">
        <v>0</v>
      </c>
      <c r="MV37" s="109">
        <v>0</v>
      </c>
      <c r="MW37" s="109">
        <v>136047</v>
      </c>
      <c r="MX37" s="109">
        <v>0</v>
      </c>
      <c r="MY37" s="109">
        <v>261371</v>
      </c>
      <c r="MZ37" s="110">
        <v>397418</v>
      </c>
      <c r="NA37" s="130">
        <v>397418</v>
      </c>
      <c r="NB37" s="129">
        <v>0</v>
      </c>
      <c r="NC37" s="109">
        <v>0</v>
      </c>
      <c r="ND37" s="110">
        <v>0</v>
      </c>
      <c r="NE37" s="132"/>
      <c r="NF37" s="109">
        <v>0</v>
      </c>
      <c r="NG37" s="109">
        <v>0</v>
      </c>
      <c r="NH37" s="109">
        <v>0</v>
      </c>
      <c r="NI37" s="109">
        <v>292872</v>
      </c>
      <c r="NJ37" s="109">
        <v>275314</v>
      </c>
      <c r="NK37" s="110">
        <v>568186</v>
      </c>
      <c r="NL37" s="298">
        <v>568186</v>
      </c>
      <c r="NM37" s="129">
        <v>0</v>
      </c>
      <c r="NN37" s="109">
        <v>0</v>
      </c>
      <c r="NO37" s="110">
        <v>0</v>
      </c>
      <c r="NP37" s="132"/>
      <c r="NQ37" s="109">
        <v>0</v>
      </c>
      <c r="NR37" s="109">
        <v>0</v>
      </c>
      <c r="NS37" s="109">
        <v>0</v>
      </c>
      <c r="NT37" s="109">
        <v>0</v>
      </c>
      <c r="NU37" s="109">
        <v>0</v>
      </c>
      <c r="NV37" s="110">
        <v>0</v>
      </c>
      <c r="NW37" s="111">
        <v>0</v>
      </c>
      <c r="NX37" s="129">
        <v>0</v>
      </c>
      <c r="NY37" s="109">
        <v>0</v>
      </c>
      <c r="NZ37" s="110">
        <v>0</v>
      </c>
      <c r="OA37" s="132"/>
      <c r="OB37" s="109">
        <v>0</v>
      </c>
      <c r="OC37" s="109">
        <v>0</v>
      </c>
      <c r="OD37" s="109">
        <v>0</v>
      </c>
      <c r="OE37" s="109">
        <v>0</v>
      </c>
      <c r="OF37" s="109">
        <v>0</v>
      </c>
      <c r="OG37" s="110">
        <v>0</v>
      </c>
      <c r="OH37" s="111">
        <v>0</v>
      </c>
      <c r="OI37" s="129">
        <v>94360</v>
      </c>
      <c r="OJ37" s="109">
        <v>0</v>
      </c>
      <c r="OK37" s="128">
        <v>94360</v>
      </c>
      <c r="OL37" s="108">
        <v>0</v>
      </c>
      <c r="OM37" s="109">
        <v>303207</v>
      </c>
      <c r="ON37" s="109">
        <v>464436</v>
      </c>
      <c r="OO37" s="109">
        <v>1167941</v>
      </c>
      <c r="OP37" s="109">
        <v>806021</v>
      </c>
      <c r="OQ37" s="109">
        <v>1033034</v>
      </c>
      <c r="OR37" s="110">
        <v>3774639</v>
      </c>
      <c r="OS37" s="130">
        <v>3868999</v>
      </c>
    </row>
    <row r="38" spans="2:409" ht="21" customHeight="1" x14ac:dyDescent="0.2">
      <c r="B38" s="472" t="s">
        <v>33</v>
      </c>
      <c r="C38" s="100">
        <v>61873</v>
      </c>
      <c r="D38" s="104">
        <v>85189</v>
      </c>
      <c r="E38" s="103">
        <v>147062</v>
      </c>
      <c r="F38" s="99">
        <v>0</v>
      </c>
      <c r="G38" s="104">
        <v>467173</v>
      </c>
      <c r="H38" s="104">
        <v>118153</v>
      </c>
      <c r="I38" s="104">
        <v>594781</v>
      </c>
      <c r="J38" s="104">
        <v>264367</v>
      </c>
      <c r="K38" s="104">
        <v>287127</v>
      </c>
      <c r="L38" s="160">
        <v>1731601</v>
      </c>
      <c r="M38" s="106">
        <v>1878663</v>
      </c>
      <c r="N38" s="100">
        <v>8400</v>
      </c>
      <c r="O38" s="104">
        <v>0</v>
      </c>
      <c r="P38" s="103">
        <v>8400</v>
      </c>
      <c r="Q38" s="100">
        <v>0</v>
      </c>
      <c r="R38" s="104">
        <v>136329</v>
      </c>
      <c r="S38" s="104">
        <v>101353</v>
      </c>
      <c r="T38" s="104">
        <v>104261</v>
      </c>
      <c r="U38" s="104">
        <v>42770</v>
      </c>
      <c r="V38" s="104">
        <v>49319</v>
      </c>
      <c r="W38" s="103">
        <v>434032</v>
      </c>
      <c r="X38" s="106">
        <v>442432</v>
      </c>
      <c r="Y38" s="100">
        <v>0</v>
      </c>
      <c r="Z38" s="104">
        <v>0</v>
      </c>
      <c r="AA38" s="103">
        <v>0</v>
      </c>
      <c r="AB38" s="100">
        <v>0</v>
      </c>
      <c r="AC38" s="104">
        <v>51950</v>
      </c>
      <c r="AD38" s="104">
        <v>0</v>
      </c>
      <c r="AE38" s="104">
        <v>0</v>
      </c>
      <c r="AF38" s="104">
        <v>0</v>
      </c>
      <c r="AG38" s="104">
        <v>0</v>
      </c>
      <c r="AH38" s="103">
        <v>51950</v>
      </c>
      <c r="AI38" s="106">
        <v>51950</v>
      </c>
      <c r="AJ38" s="100">
        <v>0</v>
      </c>
      <c r="AK38" s="104">
        <v>0</v>
      </c>
      <c r="AL38" s="103">
        <v>0</v>
      </c>
      <c r="AM38" s="100">
        <v>0</v>
      </c>
      <c r="AN38" s="104">
        <v>0</v>
      </c>
      <c r="AO38" s="104">
        <v>0</v>
      </c>
      <c r="AP38" s="104">
        <v>0</v>
      </c>
      <c r="AQ38" s="104">
        <v>29848</v>
      </c>
      <c r="AR38" s="104">
        <v>0</v>
      </c>
      <c r="AS38" s="103">
        <v>29848</v>
      </c>
      <c r="AT38" s="106">
        <v>29848</v>
      </c>
      <c r="AU38" s="100">
        <v>0</v>
      </c>
      <c r="AV38" s="104">
        <v>0</v>
      </c>
      <c r="AW38" s="103">
        <v>0</v>
      </c>
      <c r="AX38" s="100">
        <v>0</v>
      </c>
      <c r="AY38" s="104">
        <v>0</v>
      </c>
      <c r="AZ38" s="104">
        <v>33440</v>
      </c>
      <c r="BA38" s="104">
        <v>0</v>
      </c>
      <c r="BB38" s="104">
        <v>0</v>
      </c>
      <c r="BC38" s="104">
        <v>0</v>
      </c>
      <c r="BD38" s="103">
        <v>33440</v>
      </c>
      <c r="BE38" s="106">
        <v>33440</v>
      </c>
      <c r="BF38" s="100">
        <v>0</v>
      </c>
      <c r="BG38" s="104">
        <v>0</v>
      </c>
      <c r="BH38" s="102">
        <v>0</v>
      </c>
      <c r="BI38" s="101">
        <v>0</v>
      </c>
      <c r="BJ38" s="104">
        <v>73529</v>
      </c>
      <c r="BK38" s="104">
        <v>65827</v>
      </c>
      <c r="BL38" s="104">
        <v>75757</v>
      </c>
      <c r="BM38" s="104">
        <v>0</v>
      </c>
      <c r="BN38" s="104">
        <v>46792</v>
      </c>
      <c r="BO38" s="103">
        <v>261905</v>
      </c>
      <c r="BP38" s="106">
        <v>261905</v>
      </c>
      <c r="BQ38" s="100">
        <v>8400</v>
      </c>
      <c r="BR38" s="104">
        <v>0</v>
      </c>
      <c r="BS38" s="103">
        <v>8400</v>
      </c>
      <c r="BT38" s="100">
        <v>0</v>
      </c>
      <c r="BU38" s="104">
        <v>10850</v>
      </c>
      <c r="BV38" s="104">
        <v>2086</v>
      </c>
      <c r="BW38" s="104">
        <v>28504</v>
      </c>
      <c r="BX38" s="104">
        <v>12922</v>
      </c>
      <c r="BY38" s="104">
        <v>2527</v>
      </c>
      <c r="BZ38" s="103">
        <v>56889</v>
      </c>
      <c r="CA38" s="106">
        <v>65289</v>
      </c>
      <c r="CB38" s="100">
        <v>0</v>
      </c>
      <c r="CC38" s="104">
        <v>0</v>
      </c>
      <c r="CD38" s="103">
        <v>0</v>
      </c>
      <c r="CE38" s="100">
        <v>0</v>
      </c>
      <c r="CF38" s="104">
        <v>117425</v>
      </c>
      <c r="CG38" s="104">
        <v>0</v>
      </c>
      <c r="CH38" s="104">
        <v>81821</v>
      </c>
      <c r="CI38" s="104">
        <v>0</v>
      </c>
      <c r="CJ38" s="104">
        <v>0</v>
      </c>
      <c r="CK38" s="103">
        <v>199246</v>
      </c>
      <c r="CL38" s="106">
        <v>199246</v>
      </c>
      <c r="CM38" s="100">
        <v>0</v>
      </c>
      <c r="CN38" s="104">
        <v>0</v>
      </c>
      <c r="CO38" s="103">
        <v>0</v>
      </c>
      <c r="CP38" s="101">
        <v>0</v>
      </c>
      <c r="CQ38" s="104">
        <v>59038</v>
      </c>
      <c r="CR38" s="104">
        <v>0</v>
      </c>
      <c r="CS38" s="104">
        <v>0</v>
      </c>
      <c r="CT38" s="104">
        <v>0</v>
      </c>
      <c r="CU38" s="104">
        <v>0</v>
      </c>
      <c r="CV38" s="103">
        <v>59038</v>
      </c>
      <c r="CW38" s="106">
        <v>59038</v>
      </c>
      <c r="CX38" s="100">
        <v>0</v>
      </c>
      <c r="CY38" s="104">
        <v>0</v>
      </c>
      <c r="CZ38" s="103">
        <v>0</v>
      </c>
      <c r="DA38" s="100">
        <v>0</v>
      </c>
      <c r="DB38" s="104">
        <v>58387</v>
      </c>
      <c r="DC38" s="104">
        <v>0</v>
      </c>
      <c r="DD38" s="104">
        <v>81821</v>
      </c>
      <c r="DE38" s="104">
        <v>0</v>
      </c>
      <c r="DF38" s="104">
        <v>0</v>
      </c>
      <c r="DG38" s="103">
        <v>140208</v>
      </c>
      <c r="DH38" s="106">
        <v>140208</v>
      </c>
      <c r="DI38" s="100">
        <v>0</v>
      </c>
      <c r="DJ38" s="104">
        <v>0</v>
      </c>
      <c r="DK38" s="102">
        <v>0</v>
      </c>
      <c r="DL38" s="101">
        <v>0</v>
      </c>
      <c r="DM38" s="104">
        <v>59147</v>
      </c>
      <c r="DN38" s="104">
        <v>0</v>
      </c>
      <c r="DO38" s="104">
        <v>21420</v>
      </c>
      <c r="DP38" s="104">
        <v>14892</v>
      </c>
      <c r="DQ38" s="104">
        <v>0</v>
      </c>
      <c r="DR38" s="103">
        <v>95459</v>
      </c>
      <c r="DS38" s="106">
        <v>95459</v>
      </c>
      <c r="DT38" s="100">
        <v>0</v>
      </c>
      <c r="DU38" s="104">
        <v>0</v>
      </c>
      <c r="DV38" s="103">
        <v>0</v>
      </c>
      <c r="DW38" s="100">
        <v>0</v>
      </c>
      <c r="DX38" s="104">
        <v>0</v>
      </c>
      <c r="DY38" s="104">
        <v>0</v>
      </c>
      <c r="DZ38" s="104">
        <v>21420</v>
      </c>
      <c r="EA38" s="104">
        <v>14892</v>
      </c>
      <c r="EB38" s="104">
        <v>0</v>
      </c>
      <c r="EC38" s="103">
        <v>36312</v>
      </c>
      <c r="ED38" s="106">
        <v>36312</v>
      </c>
      <c r="EE38" s="100">
        <v>0</v>
      </c>
      <c r="EF38" s="102">
        <v>0</v>
      </c>
      <c r="EG38" s="103">
        <v>0</v>
      </c>
      <c r="EH38" s="100">
        <v>0</v>
      </c>
      <c r="EI38" s="104">
        <v>59147</v>
      </c>
      <c r="EJ38" s="104">
        <v>0</v>
      </c>
      <c r="EK38" s="104">
        <v>0</v>
      </c>
      <c r="EL38" s="104">
        <v>0</v>
      </c>
      <c r="EM38" s="104">
        <v>0</v>
      </c>
      <c r="EN38" s="102">
        <v>59147</v>
      </c>
      <c r="EO38" s="106">
        <v>59147</v>
      </c>
      <c r="EP38" s="100">
        <v>0</v>
      </c>
      <c r="EQ38" s="104">
        <v>0</v>
      </c>
      <c r="ER38" s="102">
        <v>0</v>
      </c>
      <c r="ES38" s="101">
        <v>0</v>
      </c>
      <c r="ET38" s="104">
        <v>0</v>
      </c>
      <c r="EU38" s="104">
        <v>0</v>
      </c>
      <c r="EV38" s="104">
        <v>0</v>
      </c>
      <c r="EW38" s="104">
        <v>0</v>
      </c>
      <c r="EX38" s="104">
        <v>0</v>
      </c>
      <c r="EY38" s="103">
        <v>0</v>
      </c>
      <c r="EZ38" s="106">
        <v>0</v>
      </c>
      <c r="FA38" s="100">
        <v>0</v>
      </c>
      <c r="FB38" s="104">
        <v>0</v>
      </c>
      <c r="FC38" s="102">
        <v>0</v>
      </c>
      <c r="FD38" s="324"/>
      <c r="FE38" s="104">
        <v>0</v>
      </c>
      <c r="FF38" s="104">
        <v>0</v>
      </c>
      <c r="FG38" s="104">
        <v>0</v>
      </c>
      <c r="FH38" s="104">
        <v>0</v>
      </c>
      <c r="FI38" s="104">
        <v>0</v>
      </c>
      <c r="FJ38" s="103">
        <v>0</v>
      </c>
      <c r="FK38" s="106">
        <v>0</v>
      </c>
      <c r="FL38" s="100">
        <v>4200</v>
      </c>
      <c r="FM38" s="104">
        <v>4900</v>
      </c>
      <c r="FN38" s="103">
        <v>9100</v>
      </c>
      <c r="FO38" s="100">
        <v>0</v>
      </c>
      <c r="FP38" s="104">
        <v>17430</v>
      </c>
      <c r="FQ38" s="104">
        <v>16800</v>
      </c>
      <c r="FR38" s="104">
        <v>21728</v>
      </c>
      <c r="FS38" s="104">
        <v>7350</v>
      </c>
      <c r="FT38" s="104">
        <v>30268</v>
      </c>
      <c r="FU38" s="103">
        <v>93576</v>
      </c>
      <c r="FV38" s="106">
        <v>102676</v>
      </c>
      <c r="FW38" s="105">
        <v>4200</v>
      </c>
      <c r="FX38" s="104">
        <v>4900</v>
      </c>
      <c r="FY38" s="102">
        <v>9100</v>
      </c>
      <c r="FZ38" s="101">
        <v>0</v>
      </c>
      <c r="GA38" s="104">
        <v>17430</v>
      </c>
      <c r="GB38" s="104">
        <v>16800</v>
      </c>
      <c r="GC38" s="104">
        <v>21728</v>
      </c>
      <c r="GD38" s="104">
        <v>7350</v>
      </c>
      <c r="GE38" s="104">
        <v>30268</v>
      </c>
      <c r="GF38" s="103">
        <v>93576</v>
      </c>
      <c r="GG38" s="296">
        <v>102676</v>
      </c>
      <c r="GH38" s="105">
        <v>0</v>
      </c>
      <c r="GI38" s="104">
        <v>0</v>
      </c>
      <c r="GJ38" s="102">
        <v>0</v>
      </c>
      <c r="GK38" s="101">
        <v>0</v>
      </c>
      <c r="GL38" s="104">
        <v>0</v>
      </c>
      <c r="GM38" s="104">
        <v>0</v>
      </c>
      <c r="GN38" s="104">
        <v>0</v>
      </c>
      <c r="GO38" s="104">
        <v>0</v>
      </c>
      <c r="GP38" s="104">
        <v>0</v>
      </c>
      <c r="GQ38" s="103">
        <v>0</v>
      </c>
      <c r="GR38" s="106">
        <v>0</v>
      </c>
      <c r="GS38" s="100">
        <v>0</v>
      </c>
      <c r="GT38" s="104">
        <v>0</v>
      </c>
      <c r="GU38" s="103">
        <v>0</v>
      </c>
      <c r="GV38" s="100">
        <v>0</v>
      </c>
      <c r="GW38" s="104">
        <v>0</v>
      </c>
      <c r="GX38" s="104">
        <v>0</v>
      </c>
      <c r="GY38" s="104">
        <v>0</v>
      </c>
      <c r="GZ38" s="104">
        <v>0</v>
      </c>
      <c r="HA38" s="104">
        <v>0</v>
      </c>
      <c r="HB38" s="102">
        <v>0</v>
      </c>
      <c r="HC38" s="106">
        <v>0</v>
      </c>
      <c r="HD38" s="100">
        <v>49273</v>
      </c>
      <c r="HE38" s="104">
        <v>80289</v>
      </c>
      <c r="HF38" s="102">
        <v>129562</v>
      </c>
      <c r="HG38" s="101">
        <v>0</v>
      </c>
      <c r="HH38" s="104">
        <v>136842</v>
      </c>
      <c r="HI38" s="104">
        <v>0</v>
      </c>
      <c r="HJ38" s="104">
        <v>365551</v>
      </c>
      <c r="HK38" s="104">
        <v>199355</v>
      </c>
      <c r="HL38" s="104">
        <v>207540</v>
      </c>
      <c r="HM38" s="103">
        <v>909288</v>
      </c>
      <c r="HN38" s="99">
        <v>1038850</v>
      </c>
      <c r="HO38" s="306"/>
      <c r="HP38" s="307"/>
      <c r="HQ38" s="308"/>
      <c r="HR38" s="309"/>
      <c r="HS38" s="307"/>
      <c r="HT38" s="307"/>
      <c r="HU38" s="307"/>
      <c r="HV38" s="307"/>
      <c r="HW38" s="307"/>
      <c r="HX38" s="310"/>
      <c r="HY38" s="311"/>
      <c r="HZ38" s="137">
        <v>0</v>
      </c>
      <c r="IA38" s="122">
        <v>0</v>
      </c>
      <c r="IB38" s="137">
        <v>0</v>
      </c>
      <c r="IC38" s="133">
        <v>0</v>
      </c>
      <c r="ID38" s="119">
        <v>36327</v>
      </c>
      <c r="IE38" s="134">
        <v>0</v>
      </c>
      <c r="IF38" s="120">
        <v>278612</v>
      </c>
      <c r="IG38" s="119">
        <v>70361</v>
      </c>
      <c r="IH38" s="120">
        <v>97899</v>
      </c>
      <c r="II38" s="135">
        <v>483199</v>
      </c>
      <c r="IJ38" s="137">
        <v>483199</v>
      </c>
      <c r="IK38" s="219">
        <v>0</v>
      </c>
      <c r="IL38" s="223">
        <v>0</v>
      </c>
      <c r="IM38" s="224">
        <v>0</v>
      </c>
      <c r="IN38" s="127"/>
      <c r="IO38" s="109">
        <v>0</v>
      </c>
      <c r="IP38" s="109">
        <v>0</v>
      </c>
      <c r="IQ38" s="109">
        <v>0</v>
      </c>
      <c r="IR38" s="109">
        <v>0</v>
      </c>
      <c r="IS38" s="109">
        <v>0</v>
      </c>
      <c r="IT38" s="128">
        <v>0</v>
      </c>
      <c r="IU38" s="298">
        <v>0</v>
      </c>
      <c r="IV38" s="129">
        <v>0</v>
      </c>
      <c r="IW38" s="109">
        <v>0</v>
      </c>
      <c r="IX38" s="110">
        <v>0</v>
      </c>
      <c r="IY38" s="131"/>
      <c r="IZ38" s="109">
        <v>0</v>
      </c>
      <c r="JA38" s="109">
        <v>0</v>
      </c>
      <c r="JB38" s="109">
        <v>0</v>
      </c>
      <c r="JC38" s="109">
        <v>0</v>
      </c>
      <c r="JD38" s="109">
        <v>0</v>
      </c>
      <c r="JE38" s="110">
        <v>0</v>
      </c>
      <c r="JF38" s="111">
        <v>0</v>
      </c>
      <c r="JG38" s="129">
        <v>0</v>
      </c>
      <c r="JH38" s="109">
        <v>0</v>
      </c>
      <c r="JI38" s="128">
        <v>0</v>
      </c>
      <c r="JJ38" s="108">
        <v>0</v>
      </c>
      <c r="JK38" s="109">
        <v>36327</v>
      </c>
      <c r="JL38" s="109">
        <v>0</v>
      </c>
      <c r="JM38" s="109">
        <v>58600</v>
      </c>
      <c r="JN38" s="109">
        <v>70361</v>
      </c>
      <c r="JO38" s="109">
        <v>0</v>
      </c>
      <c r="JP38" s="110">
        <v>165288</v>
      </c>
      <c r="JQ38" s="298">
        <v>165288</v>
      </c>
      <c r="JR38" s="129">
        <v>0</v>
      </c>
      <c r="JS38" s="109">
        <v>0</v>
      </c>
      <c r="JT38" s="128">
        <v>0</v>
      </c>
      <c r="JU38" s="108">
        <v>0</v>
      </c>
      <c r="JV38" s="109">
        <v>0</v>
      </c>
      <c r="JW38" s="109">
        <v>0</v>
      </c>
      <c r="JX38" s="109">
        <v>0</v>
      </c>
      <c r="JY38" s="109">
        <v>0</v>
      </c>
      <c r="JZ38" s="109">
        <v>0</v>
      </c>
      <c r="KA38" s="110">
        <v>0</v>
      </c>
      <c r="KB38" s="298">
        <v>0</v>
      </c>
      <c r="KC38" s="221">
        <v>0</v>
      </c>
      <c r="KD38" s="217">
        <v>0</v>
      </c>
      <c r="KE38" s="110">
        <v>0</v>
      </c>
      <c r="KF38" s="108">
        <v>0</v>
      </c>
      <c r="KG38" s="109">
        <v>0</v>
      </c>
      <c r="KH38" s="109">
        <v>0</v>
      </c>
      <c r="KI38" s="109">
        <v>0</v>
      </c>
      <c r="KJ38" s="109">
        <v>0</v>
      </c>
      <c r="KK38" s="109">
        <v>0</v>
      </c>
      <c r="KL38" s="110">
        <v>0</v>
      </c>
      <c r="KM38" s="130">
        <v>0</v>
      </c>
      <c r="KN38" s="219">
        <v>0</v>
      </c>
      <c r="KO38" s="223">
        <v>0</v>
      </c>
      <c r="KP38" s="224">
        <v>0</v>
      </c>
      <c r="KQ38" s="127"/>
      <c r="KR38" s="109">
        <v>0</v>
      </c>
      <c r="KS38" s="109">
        <v>0</v>
      </c>
      <c r="KT38" s="109">
        <v>0</v>
      </c>
      <c r="KU38" s="109">
        <v>0</v>
      </c>
      <c r="KV38" s="109">
        <v>0</v>
      </c>
      <c r="KW38" s="110">
        <v>0</v>
      </c>
      <c r="KX38" s="298">
        <v>0</v>
      </c>
      <c r="KY38" s="129">
        <v>0</v>
      </c>
      <c r="KZ38" s="109">
        <v>0</v>
      </c>
      <c r="LA38" s="110">
        <v>0</v>
      </c>
      <c r="LB38" s="132"/>
      <c r="LC38" s="109">
        <v>0</v>
      </c>
      <c r="LD38" s="109">
        <v>0</v>
      </c>
      <c r="LE38" s="109">
        <v>0</v>
      </c>
      <c r="LF38" s="109">
        <v>0</v>
      </c>
      <c r="LG38" s="109">
        <v>0</v>
      </c>
      <c r="LH38" s="110">
        <v>0</v>
      </c>
      <c r="LI38" s="111">
        <v>0</v>
      </c>
      <c r="LJ38" s="129">
        <v>0</v>
      </c>
      <c r="LK38" s="109">
        <v>0</v>
      </c>
      <c r="LL38" s="110">
        <v>0</v>
      </c>
      <c r="LM38" s="132"/>
      <c r="LN38" s="109">
        <v>0</v>
      </c>
      <c r="LO38" s="109">
        <v>0</v>
      </c>
      <c r="LP38" s="109">
        <v>0</v>
      </c>
      <c r="LQ38" s="109">
        <v>0</v>
      </c>
      <c r="LR38" s="109">
        <v>0</v>
      </c>
      <c r="LS38" s="110">
        <v>0</v>
      </c>
      <c r="LT38" s="298">
        <v>0</v>
      </c>
      <c r="LU38" s="129">
        <v>0</v>
      </c>
      <c r="LV38" s="109">
        <v>0</v>
      </c>
      <c r="LW38" s="110">
        <v>0</v>
      </c>
      <c r="LX38" s="132"/>
      <c r="LY38" s="109">
        <v>0</v>
      </c>
      <c r="LZ38" s="109">
        <v>0</v>
      </c>
      <c r="MA38" s="109">
        <v>220012</v>
      </c>
      <c r="MB38" s="109">
        <v>0</v>
      </c>
      <c r="MC38" s="109">
        <v>97899</v>
      </c>
      <c r="MD38" s="110">
        <v>317911</v>
      </c>
      <c r="ME38" s="111">
        <v>317911</v>
      </c>
      <c r="MF38" s="129">
        <v>0</v>
      </c>
      <c r="MG38" s="109">
        <v>0</v>
      </c>
      <c r="MH38" s="110">
        <v>0</v>
      </c>
      <c r="MI38" s="132"/>
      <c r="MJ38" s="109">
        <v>0</v>
      </c>
      <c r="MK38" s="109">
        <v>0</v>
      </c>
      <c r="ML38" s="109">
        <v>266112</v>
      </c>
      <c r="MM38" s="109">
        <v>745769</v>
      </c>
      <c r="MN38" s="109">
        <v>1204130</v>
      </c>
      <c r="MO38" s="110">
        <v>2216011</v>
      </c>
      <c r="MP38" s="130">
        <v>2216011</v>
      </c>
      <c r="MQ38" s="129">
        <v>0</v>
      </c>
      <c r="MR38" s="109">
        <v>0</v>
      </c>
      <c r="MS38" s="110">
        <v>0</v>
      </c>
      <c r="MT38" s="132"/>
      <c r="MU38" s="109">
        <v>0</v>
      </c>
      <c r="MV38" s="109">
        <v>0</v>
      </c>
      <c r="MW38" s="109">
        <v>0</v>
      </c>
      <c r="MX38" s="109">
        <v>0</v>
      </c>
      <c r="MY38" s="109">
        <v>0</v>
      </c>
      <c r="MZ38" s="110">
        <v>0</v>
      </c>
      <c r="NA38" s="130">
        <v>0</v>
      </c>
      <c r="NB38" s="129">
        <v>0</v>
      </c>
      <c r="NC38" s="109">
        <v>0</v>
      </c>
      <c r="ND38" s="110">
        <v>0</v>
      </c>
      <c r="NE38" s="132"/>
      <c r="NF38" s="109">
        <v>0</v>
      </c>
      <c r="NG38" s="109">
        <v>0</v>
      </c>
      <c r="NH38" s="109">
        <v>266112</v>
      </c>
      <c r="NI38" s="109">
        <v>448500</v>
      </c>
      <c r="NJ38" s="109">
        <v>0</v>
      </c>
      <c r="NK38" s="110">
        <v>714612</v>
      </c>
      <c r="NL38" s="298">
        <v>714612</v>
      </c>
      <c r="NM38" s="129">
        <v>0</v>
      </c>
      <c r="NN38" s="109">
        <v>0</v>
      </c>
      <c r="NO38" s="110">
        <v>0</v>
      </c>
      <c r="NP38" s="132"/>
      <c r="NQ38" s="109">
        <v>0</v>
      </c>
      <c r="NR38" s="109">
        <v>0</v>
      </c>
      <c r="NS38" s="109">
        <v>0</v>
      </c>
      <c r="NT38" s="109">
        <v>0</v>
      </c>
      <c r="NU38" s="109">
        <v>0</v>
      </c>
      <c r="NV38" s="110">
        <v>0</v>
      </c>
      <c r="NW38" s="111">
        <v>0</v>
      </c>
      <c r="NX38" s="129">
        <v>0</v>
      </c>
      <c r="NY38" s="109">
        <v>0</v>
      </c>
      <c r="NZ38" s="110">
        <v>0</v>
      </c>
      <c r="OA38" s="132"/>
      <c r="OB38" s="109">
        <v>0</v>
      </c>
      <c r="OC38" s="109">
        <v>0</v>
      </c>
      <c r="OD38" s="109">
        <v>0</v>
      </c>
      <c r="OE38" s="109">
        <v>297269</v>
      </c>
      <c r="OF38" s="109">
        <v>1204130</v>
      </c>
      <c r="OG38" s="110">
        <v>1501399</v>
      </c>
      <c r="OH38" s="111">
        <v>1501399</v>
      </c>
      <c r="OI38" s="129">
        <v>61873</v>
      </c>
      <c r="OJ38" s="109">
        <v>85189</v>
      </c>
      <c r="OK38" s="128">
        <v>147062</v>
      </c>
      <c r="OL38" s="108">
        <v>0</v>
      </c>
      <c r="OM38" s="109">
        <v>503500</v>
      </c>
      <c r="ON38" s="109">
        <v>118153</v>
      </c>
      <c r="OO38" s="109">
        <v>1139505</v>
      </c>
      <c r="OP38" s="109">
        <v>1080497</v>
      </c>
      <c r="OQ38" s="109">
        <v>1589156</v>
      </c>
      <c r="OR38" s="110">
        <v>4430811</v>
      </c>
      <c r="OS38" s="130">
        <v>4577873</v>
      </c>
    </row>
    <row r="39" spans="2:409" ht="21" customHeight="1" x14ac:dyDescent="0.2">
      <c r="B39" s="472" t="s">
        <v>34</v>
      </c>
      <c r="C39" s="100">
        <v>0</v>
      </c>
      <c r="D39" s="104">
        <v>0</v>
      </c>
      <c r="E39" s="161">
        <v>0</v>
      </c>
      <c r="F39" s="162">
        <v>0</v>
      </c>
      <c r="G39" s="163">
        <v>33215</v>
      </c>
      <c r="H39" s="163">
        <v>395547</v>
      </c>
      <c r="I39" s="163">
        <v>376691</v>
      </c>
      <c r="J39" s="163">
        <v>0</v>
      </c>
      <c r="K39" s="163">
        <v>20902</v>
      </c>
      <c r="L39" s="164">
        <v>826355</v>
      </c>
      <c r="M39" s="106">
        <v>826355</v>
      </c>
      <c r="N39" s="100">
        <v>0</v>
      </c>
      <c r="O39" s="104">
        <v>0</v>
      </c>
      <c r="P39" s="103">
        <v>0</v>
      </c>
      <c r="Q39" s="100">
        <v>0</v>
      </c>
      <c r="R39" s="104">
        <v>29715</v>
      </c>
      <c r="S39" s="104">
        <v>129932</v>
      </c>
      <c r="T39" s="104">
        <v>13538</v>
      </c>
      <c r="U39" s="104">
        <v>0</v>
      </c>
      <c r="V39" s="104">
        <v>4172</v>
      </c>
      <c r="W39" s="103">
        <v>177357</v>
      </c>
      <c r="X39" s="106">
        <v>177357</v>
      </c>
      <c r="Y39" s="100">
        <v>0</v>
      </c>
      <c r="Z39" s="104">
        <v>0</v>
      </c>
      <c r="AA39" s="103">
        <v>0</v>
      </c>
      <c r="AB39" s="100">
        <v>0</v>
      </c>
      <c r="AC39" s="104">
        <v>14182</v>
      </c>
      <c r="AD39" s="104">
        <v>107994</v>
      </c>
      <c r="AE39" s="104">
        <v>0</v>
      </c>
      <c r="AF39" s="104">
        <v>0</v>
      </c>
      <c r="AG39" s="104">
        <v>0</v>
      </c>
      <c r="AH39" s="103">
        <v>122176</v>
      </c>
      <c r="AI39" s="106">
        <v>122176</v>
      </c>
      <c r="AJ39" s="100">
        <v>0</v>
      </c>
      <c r="AK39" s="104">
        <v>0</v>
      </c>
      <c r="AL39" s="103">
        <v>0</v>
      </c>
      <c r="AM39" s="100">
        <v>0</v>
      </c>
      <c r="AN39" s="104">
        <v>0</v>
      </c>
      <c r="AO39" s="104">
        <v>0</v>
      </c>
      <c r="AP39" s="104">
        <v>0</v>
      </c>
      <c r="AQ39" s="104">
        <v>0</v>
      </c>
      <c r="AR39" s="104">
        <v>0</v>
      </c>
      <c r="AS39" s="103">
        <v>0</v>
      </c>
      <c r="AT39" s="106">
        <v>0</v>
      </c>
      <c r="AU39" s="100">
        <v>0</v>
      </c>
      <c r="AV39" s="104">
        <v>0</v>
      </c>
      <c r="AW39" s="103">
        <v>0</v>
      </c>
      <c r="AX39" s="100">
        <v>0</v>
      </c>
      <c r="AY39" s="104">
        <v>0</v>
      </c>
      <c r="AZ39" s="104">
        <v>13160</v>
      </c>
      <c r="BA39" s="104">
        <v>0</v>
      </c>
      <c r="BB39" s="104">
        <v>0</v>
      </c>
      <c r="BC39" s="104">
        <v>0</v>
      </c>
      <c r="BD39" s="103">
        <v>13160</v>
      </c>
      <c r="BE39" s="106">
        <v>13160</v>
      </c>
      <c r="BF39" s="100">
        <v>0</v>
      </c>
      <c r="BG39" s="104">
        <v>0</v>
      </c>
      <c r="BH39" s="102">
        <v>0</v>
      </c>
      <c r="BI39" s="101">
        <v>0</v>
      </c>
      <c r="BJ39" s="104">
        <v>0</v>
      </c>
      <c r="BK39" s="104">
        <v>0</v>
      </c>
      <c r="BL39" s="104">
        <v>0</v>
      </c>
      <c r="BM39" s="104">
        <v>0</v>
      </c>
      <c r="BN39" s="104">
        <v>0</v>
      </c>
      <c r="BO39" s="103">
        <v>0</v>
      </c>
      <c r="BP39" s="106">
        <v>0</v>
      </c>
      <c r="BQ39" s="100">
        <v>0</v>
      </c>
      <c r="BR39" s="104">
        <v>0</v>
      </c>
      <c r="BS39" s="103">
        <v>0</v>
      </c>
      <c r="BT39" s="100">
        <v>0</v>
      </c>
      <c r="BU39" s="104">
        <v>15533</v>
      </c>
      <c r="BV39" s="104">
        <v>8778</v>
      </c>
      <c r="BW39" s="104">
        <v>13538</v>
      </c>
      <c r="BX39" s="104">
        <v>0</v>
      </c>
      <c r="BY39" s="104">
        <v>4172</v>
      </c>
      <c r="BZ39" s="103">
        <v>42021</v>
      </c>
      <c r="CA39" s="106">
        <v>42021</v>
      </c>
      <c r="CB39" s="100">
        <v>0</v>
      </c>
      <c r="CC39" s="104">
        <v>0</v>
      </c>
      <c r="CD39" s="103">
        <v>0</v>
      </c>
      <c r="CE39" s="100">
        <v>0</v>
      </c>
      <c r="CF39" s="104">
        <v>0</v>
      </c>
      <c r="CG39" s="104">
        <v>263865</v>
      </c>
      <c r="CH39" s="104">
        <v>197386</v>
      </c>
      <c r="CI39" s="104">
        <v>0</v>
      </c>
      <c r="CJ39" s="104">
        <v>0</v>
      </c>
      <c r="CK39" s="103">
        <v>461251</v>
      </c>
      <c r="CL39" s="106">
        <v>461251</v>
      </c>
      <c r="CM39" s="100">
        <v>0</v>
      </c>
      <c r="CN39" s="104">
        <v>0</v>
      </c>
      <c r="CO39" s="103">
        <v>0</v>
      </c>
      <c r="CP39" s="101">
        <v>0</v>
      </c>
      <c r="CQ39" s="104">
        <v>0</v>
      </c>
      <c r="CR39" s="104">
        <v>263865</v>
      </c>
      <c r="CS39" s="104">
        <v>197386</v>
      </c>
      <c r="CT39" s="104">
        <v>0</v>
      </c>
      <c r="CU39" s="104">
        <v>0</v>
      </c>
      <c r="CV39" s="103">
        <v>461251</v>
      </c>
      <c r="CW39" s="106">
        <v>461251</v>
      </c>
      <c r="CX39" s="100">
        <v>0</v>
      </c>
      <c r="CY39" s="104">
        <v>0</v>
      </c>
      <c r="CZ39" s="103">
        <v>0</v>
      </c>
      <c r="DA39" s="100">
        <v>0</v>
      </c>
      <c r="DB39" s="104">
        <v>0</v>
      </c>
      <c r="DC39" s="104">
        <v>0</v>
      </c>
      <c r="DD39" s="104">
        <v>0</v>
      </c>
      <c r="DE39" s="104">
        <v>0</v>
      </c>
      <c r="DF39" s="104">
        <v>0</v>
      </c>
      <c r="DG39" s="103">
        <v>0</v>
      </c>
      <c r="DH39" s="106">
        <v>0</v>
      </c>
      <c r="DI39" s="100">
        <v>0</v>
      </c>
      <c r="DJ39" s="104">
        <v>0</v>
      </c>
      <c r="DK39" s="102">
        <v>0</v>
      </c>
      <c r="DL39" s="101">
        <v>0</v>
      </c>
      <c r="DM39" s="104">
        <v>0</v>
      </c>
      <c r="DN39" s="104">
        <v>0</v>
      </c>
      <c r="DO39" s="104">
        <v>0</v>
      </c>
      <c r="DP39" s="104">
        <v>0</v>
      </c>
      <c r="DQ39" s="104">
        <v>0</v>
      </c>
      <c r="DR39" s="103">
        <v>0</v>
      </c>
      <c r="DS39" s="106">
        <v>0</v>
      </c>
      <c r="DT39" s="100">
        <v>0</v>
      </c>
      <c r="DU39" s="104">
        <v>0</v>
      </c>
      <c r="DV39" s="103">
        <v>0</v>
      </c>
      <c r="DW39" s="100">
        <v>0</v>
      </c>
      <c r="DX39" s="104">
        <v>0</v>
      </c>
      <c r="DY39" s="104">
        <v>0</v>
      </c>
      <c r="DZ39" s="104">
        <v>0</v>
      </c>
      <c r="EA39" s="104">
        <v>0</v>
      </c>
      <c r="EB39" s="104">
        <v>0</v>
      </c>
      <c r="EC39" s="103">
        <v>0</v>
      </c>
      <c r="ED39" s="106">
        <v>0</v>
      </c>
      <c r="EE39" s="100">
        <v>0</v>
      </c>
      <c r="EF39" s="102">
        <v>0</v>
      </c>
      <c r="EG39" s="103">
        <v>0</v>
      </c>
      <c r="EH39" s="100">
        <v>0</v>
      </c>
      <c r="EI39" s="104">
        <v>0</v>
      </c>
      <c r="EJ39" s="104">
        <v>0</v>
      </c>
      <c r="EK39" s="104">
        <v>0</v>
      </c>
      <c r="EL39" s="104">
        <v>0</v>
      </c>
      <c r="EM39" s="104">
        <v>0</v>
      </c>
      <c r="EN39" s="102">
        <v>0</v>
      </c>
      <c r="EO39" s="106">
        <v>0</v>
      </c>
      <c r="EP39" s="100">
        <v>0</v>
      </c>
      <c r="EQ39" s="104">
        <v>0</v>
      </c>
      <c r="ER39" s="102">
        <v>0</v>
      </c>
      <c r="ES39" s="101">
        <v>0</v>
      </c>
      <c r="ET39" s="104">
        <v>0</v>
      </c>
      <c r="EU39" s="104">
        <v>0</v>
      </c>
      <c r="EV39" s="104">
        <v>0</v>
      </c>
      <c r="EW39" s="104">
        <v>0</v>
      </c>
      <c r="EX39" s="104">
        <v>0</v>
      </c>
      <c r="EY39" s="103">
        <v>0</v>
      </c>
      <c r="EZ39" s="106">
        <v>0</v>
      </c>
      <c r="FA39" s="100">
        <v>0</v>
      </c>
      <c r="FB39" s="104">
        <v>0</v>
      </c>
      <c r="FC39" s="102">
        <v>0</v>
      </c>
      <c r="FD39" s="324"/>
      <c r="FE39" s="104">
        <v>0</v>
      </c>
      <c r="FF39" s="104">
        <v>0</v>
      </c>
      <c r="FG39" s="104">
        <v>0</v>
      </c>
      <c r="FH39" s="104">
        <v>0</v>
      </c>
      <c r="FI39" s="104">
        <v>0</v>
      </c>
      <c r="FJ39" s="103">
        <v>0</v>
      </c>
      <c r="FK39" s="106">
        <v>0</v>
      </c>
      <c r="FL39" s="100">
        <v>0</v>
      </c>
      <c r="FM39" s="104">
        <v>0</v>
      </c>
      <c r="FN39" s="103">
        <v>0</v>
      </c>
      <c r="FO39" s="100">
        <v>0</v>
      </c>
      <c r="FP39" s="104">
        <v>3500</v>
      </c>
      <c r="FQ39" s="104">
        <v>1750</v>
      </c>
      <c r="FR39" s="104">
        <v>0</v>
      </c>
      <c r="FS39" s="104">
        <v>0</v>
      </c>
      <c r="FT39" s="104">
        <v>16730</v>
      </c>
      <c r="FU39" s="103">
        <v>21980</v>
      </c>
      <c r="FV39" s="106">
        <v>21980</v>
      </c>
      <c r="FW39" s="105">
        <v>0</v>
      </c>
      <c r="FX39" s="104">
        <v>0</v>
      </c>
      <c r="FY39" s="102">
        <v>0</v>
      </c>
      <c r="FZ39" s="101">
        <v>0</v>
      </c>
      <c r="GA39" s="104">
        <v>3500</v>
      </c>
      <c r="GB39" s="104">
        <v>1750</v>
      </c>
      <c r="GC39" s="104">
        <v>0</v>
      </c>
      <c r="GD39" s="104">
        <v>0</v>
      </c>
      <c r="GE39" s="104">
        <v>16730</v>
      </c>
      <c r="GF39" s="103">
        <v>21980</v>
      </c>
      <c r="GG39" s="296">
        <v>21980</v>
      </c>
      <c r="GH39" s="105">
        <v>0</v>
      </c>
      <c r="GI39" s="104">
        <v>0</v>
      </c>
      <c r="GJ39" s="102">
        <v>0</v>
      </c>
      <c r="GK39" s="101">
        <v>0</v>
      </c>
      <c r="GL39" s="104">
        <v>0</v>
      </c>
      <c r="GM39" s="104">
        <v>0</v>
      </c>
      <c r="GN39" s="104">
        <v>0</v>
      </c>
      <c r="GO39" s="104">
        <v>0</v>
      </c>
      <c r="GP39" s="104">
        <v>0</v>
      </c>
      <c r="GQ39" s="103">
        <v>0</v>
      </c>
      <c r="GR39" s="106">
        <v>0</v>
      </c>
      <c r="GS39" s="100">
        <v>0</v>
      </c>
      <c r="GT39" s="104">
        <v>0</v>
      </c>
      <c r="GU39" s="103">
        <v>0</v>
      </c>
      <c r="GV39" s="100">
        <v>0</v>
      </c>
      <c r="GW39" s="104">
        <v>0</v>
      </c>
      <c r="GX39" s="104">
        <v>0</v>
      </c>
      <c r="GY39" s="104">
        <v>0</v>
      </c>
      <c r="GZ39" s="104">
        <v>0</v>
      </c>
      <c r="HA39" s="104">
        <v>0</v>
      </c>
      <c r="HB39" s="102">
        <v>0</v>
      </c>
      <c r="HC39" s="106">
        <v>0</v>
      </c>
      <c r="HD39" s="100">
        <v>0</v>
      </c>
      <c r="HE39" s="104">
        <v>0</v>
      </c>
      <c r="HF39" s="102">
        <v>0</v>
      </c>
      <c r="HG39" s="101">
        <v>0</v>
      </c>
      <c r="HH39" s="104">
        <v>0</v>
      </c>
      <c r="HI39" s="104">
        <v>0</v>
      </c>
      <c r="HJ39" s="104">
        <v>165767</v>
      </c>
      <c r="HK39" s="104">
        <v>0</v>
      </c>
      <c r="HL39" s="104">
        <v>0</v>
      </c>
      <c r="HM39" s="103">
        <v>165767</v>
      </c>
      <c r="HN39" s="99">
        <v>165767</v>
      </c>
      <c r="HO39" s="306"/>
      <c r="HP39" s="307"/>
      <c r="HQ39" s="308"/>
      <c r="HR39" s="309"/>
      <c r="HS39" s="307"/>
      <c r="HT39" s="307"/>
      <c r="HU39" s="307"/>
      <c r="HV39" s="307"/>
      <c r="HW39" s="307"/>
      <c r="HX39" s="310"/>
      <c r="HY39" s="311"/>
      <c r="HZ39" s="118">
        <v>0</v>
      </c>
      <c r="IA39" s="119">
        <v>0</v>
      </c>
      <c r="IB39" s="120">
        <v>0</v>
      </c>
      <c r="IC39" s="133">
        <v>0</v>
      </c>
      <c r="ID39" s="119">
        <v>98350</v>
      </c>
      <c r="IE39" s="134">
        <v>29953</v>
      </c>
      <c r="IF39" s="120">
        <v>0</v>
      </c>
      <c r="IG39" s="119">
        <v>0</v>
      </c>
      <c r="IH39" s="120">
        <v>273343</v>
      </c>
      <c r="II39" s="135">
        <v>401646</v>
      </c>
      <c r="IJ39" s="126">
        <v>401646</v>
      </c>
      <c r="IK39" s="219">
        <v>0</v>
      </c>
      <c r="IL39" s="223">
        <v>0</v>
      </c>
      <c r="IM39" s="224">
        <v>0</v>
      </c>
      <c r="IN39" s="127"/>
      <c r="IO39" s="109">
        <v>0</v>
      </c>
      <c r="IP39" s="109">
        <v>0</v>
      </c>
      <c r="IQ39" s="109">
        <v>0</v>
      </c>
      <c r="IR39" s="109">
        <v>0</v>
      </c>
      <c r="IS39" s="109">
        <v>0</v>
      </c>
      <c r="IT39" s="128">
        <v>0</v>
      </c>
      <c r="IU39" s="298">
        <v>0</v>
      </c>
      <c r="IV39" s="129">
        <v>0</v>
      </c>
      <c r="IW39" s="109">
        <v>0</v>
      </c>
      <c r="IX39" s="110">
        <v>0</v>
      </c>
      <c r="IY39" s="131"/>
      <c r="IZ39" s="109">
        <v>0</v>
      </c>
      <c r="JA39" s="109">
        <v>0</v>
      </c>
      <c r="JB39" s="109">
        <v>0</v>
      </c>
      <c r="JC39" s="109">
        <v>0</v>
      </c>
      <c r="JD39" s="109">
        <v>0</v>
      </c>
      <c r="JE39" s="110">
        <v>0</v>
      </c>
      <c r="JF39" s="111">
        <v>0</v>
      </c>
      <c r="JG39" s="129">
        <v>0</v>
      </c>
      <c r="JH39" s="109">
        <v>0</v>
      </c>
      <c r="JI39" s="128">
        <v>0</v>
      </c>
      <c r="JJ39" s="108">
        <v>0</v>
      </c>
      <c r="JK39" s="109">
        <v>0</v>
      </c>
      <c r="JL39" s="109">
        <v>0</v>
      </c>
      <c r="JM39" s="109">
        <v>0</v>
      </c>
      <c r="JN39" s="109">
        <v>0</v>
      </c>
      <c r="JO39" s="109">
        <v>0</v>
      </c>
      <c r="JP39" s="110">
        <v>0</v>
      </c>
      <c r="JQ39" s="298">
        <v>0</v>
      </c>
      <c r="JR39" s="129">
        <v>0</v>
      </c>
      <c r="JS39" s="109">
        <v>0</v>
      </c>
      <c r="JT39" s="128">
        <v>0</v>
      </c>
      <c r="JU39" s="108">
        <v>0</v>
      </c>
      <c r="JV39" s="109">
        <v>0</v>
      </c>
      <c r="JW39" s="109">
        <v>0</v>
      </c>
      <c r="JX39" s="109">
        <v>0</v>
      </c>
      <c r="JY39" s="109">
        <v>0</v>
      </c>
      <c r="JZ39" s="109">
        <v>0</v>
      </c>
      <c r="KA39" s="110">
        <v>0</v>
      </c>
      <c r="KB39" s="298">
        <v>0</v>
      </c>
      <c r="KC39" s="221">
        <v>0</v>
      </c>
      <c r="KD39" s="217">
        <v>0</v>
      </c>
      <c r="KE39" s="110">
        <v>0</v>
      </c>
      <c r="KF39" s="108">
        <v>0</v>
      </c>
      <c r="KG39" s="109">
        <v>98350</v>
      </c>
      <c r="KH39" s="109">
        <v>0</v>
      </c>
      <c r="KI39" s="109">
        <v>0</v>
      </c>
      <c r="KJ39" s="109">
        <v>0</v>
      </c>
      <c r="KK39" s="109">
        <v>0</v>
      </c>
      <c r="KL39" s="110">
        <v>98350</v>
      </c>
      <c r="KM39" s="130">
        <v>98350</v>
      </c>
      <c r="KN39" s="219">
        <v>0</v>
      </c>
      <c r="KO39" s="223">
        <v>0</v>
      </c>
      <c r="KP39" s="224">
        <v>0</v>
      </c>
      <c r="KQ39" s="127"/>
      <c r="KR39" s="109">
        <v>0</v>
      </c>
      <c r="KS39" s="109">
        <v>0</v>
      </c>
      <c r="KT39" s="109">
        <v>0</v>
      </c>
      <c r="KU39" s="109">
        <v>0</v>
      </c>
      <c r="KV39" s="109">
        <v>0</v>
      </c>
      <c r="KW39" s="110">
        <v>0</v>
      </c>
      <c r="KX39" s="298">
        <v>0</v>
      </c>
      <c r="KY39" s="129">
        <v>0</v>
      </c>
      <c r="KZ39" s="109">
        <v>0</v>
      </c>
      <c r="LA39" s="110">
        <v>0</v>
      </c>
      <c r="LB39" s="132"/>
      <c r="LC39" s="109">
        <v>0</v>
      </c>
      <c r="LD39" s="109">
        <v>0</v>
      </c>
      <c r="LE39" s="109">
        <v>0</v>
      </c>
      <c r="LF39" s="109">
        <v>0</v>
      </c>
      <c r="LG39" s="109">
        <v>0</v>
      </c>
      <c r="LH39" s="110">
        <v>0</v>
      </c>
      <c r="LI39" s="111">
        <v>0</v>
      </c>
      <c r="LJ39" s="129">
        <v>0</v>
      </c>
      <c r="LK39" s="109">
        <v>0</v>
      </c>
      <c r="LL39" s="110">
        <v>0</v>
      </c>
      <c r="LM39" s="132"/>
      <c r="LN39" s="109">
        <v>0</v>
      </c>
      <c r="LO39" s="109">
        <v>0</v>
      </c>
      <c r="LP39" s="109">
        <v>0</v>
      </c>
      <c r="LQ39" s="109">
        <v>0</v>
      </c>
      <c r="LR39" s="109">
        <v>0</v>
      </c>
      <c r="LS39" s="110">
        <v>0</v>
      </c>
      <c r="LT39" s="298">
        <v>0</v>
      </c>
      <c r="LU39" s="129">
        <v>0</v>
      </c>
      <c r="LV39" s="109">
        <v>0</v>
      </c>
      <c r="LW39" s="110">
        <v>0</v>
      </c>
      <c r="LX39" s="132"/>
      <c r="LY39" s="109">
        <v>0</v>
      </c>
      <c r="LZ39" s="109">
        <v>29953</v>
      </c>
      <c r="MA39" s="109">
        <v>0</v>
      </c>
      <c r="MB39" s="109">
        <v>0</v>
      </c>
      <c r="MC39" s="109">
        <v>273343</v>
      </c>
      <c r="MD39" s="110">
        <v>303296</v>
      </c>
      <c r="ME39" s="111">
        <v>303296</v>
      </c>
      <c r="MF39" s="129">
        <v>0</v>
      </c>
      <c r="MG39" s="109">
        <v>0</v>
      </c>
      <c r="MH39" s="110">
        <v>0</v>
      </c>
      <c r="MI39" s="132"/>
      <c r="MJ39" s="109">
        <v>0</v>
      </c>
      <c r="MK39" s="109">
        <v>222502</v>
      </c>
      <c r="ML39" s="109">
        <v>0</v>
      </c>
      <c r="MM39" s="109">
        <v>0</v>
      </c>
      <c r="MN39" s="109">
        <v>0</v>
      </c>
      <c r="MO39" s="110">
        <v>222502</v>
      </c>
      <c r="MP39" s="130">
        <v>222502</v>
      </c>
      <c r="MQ39" s="129">
        <v>0</v>
      </c>
      <c r="MR39" s="109">
        <v>0</v>
      </c>
      <c r="MS39" s="110">
        <v>0</v>
      </c>
      <c r="MT39" s="132"/>
      <c r="MU39" s="109">
        <v>0</v>
      </c>
      <c r="MV39" s="109">
        <v>0</v>
      </c>
      <c r="MW39" s="109">
        <v>0</v>
      </c>
      <c r="MX39" s="109">
        <v>0</v>
      </c>
      <c r="MY39" s="109">
        <v>0</v>
      </c>
      <c r="MZ39" s="110">
        <v>0</v>
      </c>
      <c r="NA39" s="130">
        <v>0</v>
      </c>
      <c r="NB39" s="129">
        <v>0</v>
      </c>
      <c r="NC39" s="109">
        <v>0</v>
      </c>
      <c r="ND39" s="110">
        <v>0</v>
      </c>
      <c r="NE39" s="132"/>
      <c r="NF39" s="109">
        <v>0</v>
      </c>
      <c r="NG39" s="109">
        <v>222502</v>
      </c>
      <c r="NH39" s="109">
        <v>0</v>
      </c>
      <c r="NI39" s="109">
        <v>0</v>
      </c>
      <c r="NJ39" s="109">
        <v>0</v>
      </c>
      <c r="NK39" s="110">
        <v>222502</v>
      </c>
      <c r="NL39" s="298">
        <v>222502</v>
      </c>
      <c r="NM39" s="129">
        <v>0</v>
      </c>
      <c r="NN39" s="109">
        <v>0</v>
      </c>
      <c r="NO39" s="110">
        <v>0</v>
      </c>
      <c r="NP39" s="132"/>
      <c r="NQ39" s="109">
        <v>0</v>
      </c>
      <c r="NR39" s="109">
        <v>0</v>
      </c>
      <c r="NS39" s="109">
        <v>0</v>
      </c>
      <c r="NT39" s="109">
        <v>0</v>
      </c>
      <c r="NU39" s="109">
        <v>0</v>
      </c>
      <c r="NV39" s="110">
        <v>0</v>
      </c>
      <c r="NW39" s="111">
        <v>0</v>
      </c>
      <c r="NX39" s="129">
        <v>0</v>
      </c>
      <c r="NY39" s="109">
        <v>0</v>
      </c>
      <c r="NZ39" s="110">
        <v>0</v>
      </c>
      <c r="OA39" s="132"/>
      <c r="OB39" s="109">
        <v>0</v>
      </c>
      <c r="OC39" s="109">
        <v>0</v>
      </c>
      <c r="OD39" s="109">
        <v>0</v>
      </c>
      <c r="OE39" s="109">
        <v>0</v>
      </c>
      <c r="OF39" s="109">
        <v>0</v>
      </c>
      <c r="OG39" s="110">
        <v>0</v>
      </c>
      <c r="OH39" s="111">
        <v>0</v>
      </c>
      <c r="OI39" s="129">
        <v>0</v>
      </c>
      <c r="OJ39" s="109">
        <v>0</v>
      </c>
      <c r="OK39" s="128">
        <v>0</v>
      </c>
      <c r="OL39" s="108">
        <v>0</v>
      </c>
      <c r="OM39" s="109">
        <v>131565</v>
      </c>
      <c r="ON39" s="109">
        <v>648002</v>
      </c>
      <c r="OO39" s="109">
        <v>376691</v>
      </c>
      <c r="OP39" s="109">
        <v>0</v>
      </c>
      <c r="OQ39" s="109">
        <v>294245</v>
      </c>
      <c r="OR39" s="110">
        <v>1450503</v>
      </c>
      <c r="OS39" s="130">
        <v>1450503</v>
      </c>
    </row>
    <row r="40" spans="2:409" ht="21" customHeight="1" x14ac:dyDescent="0.2">
      <c r="B40" s="472" t="s">
        <v>35</v>
      </c>
      <c r="C40" s="100">
        <v>247702</v>
      </c>
      <c r="D40" s="104">
        <v>157190</v>
      </c>
      <c r="E40" s="103">
        <v>404892</v>
      </c>
      <c r="F40" s="99">
        <v>0</v>
      </c>
      <c r="G40" s="104">
        <v>780845</v>
      </c>
      <c r="H40" s="104">
        <v>365504</v>
      </c>
      <c r="I40" s="104">
        <v>1151684</v>
      </c>
      <c r="J40" s="104">
        <v>1295687</v>
      </c>
      <c r="K40" s="104">
        <v>437794</v>
      </c>
      <c r="L40" s="160">
        <v>4031514</v>
      </c>
      <c r="M40" s="106">
        <v>4436406</v>
      </c>
      <c r="N40" s="100">
        <v>83531</v>
      </c>
      <c r="O40" s="104">
        <v>77670</v>
      </c>
      <c r="P40" s="103">
        <v>161201</v>
      </c>
      <c r="Q40" s="100">
        <v>0</v>
      </c>
      <c r="R40" s="104">
        <v>370365</v>
      </c>
      <c r="S40" s="104">
        <v>150423</v>
      </c>
      <c r="T40" s="104">
        <v>251762</v>
      </c>
      <c r="U40" s="104">
        <v>371658</v>
      </c>
      <c r="V40" s="104">
        <v>220115</v>
      </c>
      <c r="W40" s="103">
        <v>1364323</v>
      </c>
      <c r="X40" s="106">
        <v>1525524</v>
      </c>
      <c r="Y40" s="100">
        <v>0</v>
      </c>
      <c r="Z40" s="104">
        <v>0</v>
      </c>
      <c r="AA40" s="103">
        <v>0</v>
      </c>
      <c r="AB40" s="100">
        <v>0</v>
      </c>
      <c r="AC40" s="104">
        <v>164138</v>
      </c>
      <c r="AD40" s="104">
        <v>38479</v>
      </c>
      <c r="AE40" s="104">
        <v>76041</v>
      </c>
      <c r="AF40" s="104">
        <v>100695</v>
      </c>
      <c r="AG40" s="104">
        <v>119035</v>
      </c>
      <c r="AH40" s="103">
        <v>498388</v>
      </c>
      <c r="AI40" s="106">
        <v>498388</v>
      </c>
      <c r="AJ40" s="100">
        <v>0</v>
      </c>
      <c r="AK40" s="104">
        <v>0</v>
      </c>
      <c r="AL40" s="103">
        <v>0</v>
      </c>
      <c r="AM40" s="100">
        <v>0</v>
      </c>
      <c r="AN40" s="104">
        <v>0</v>
      </c>
      <c r="AO40" s="104">
        <v>0</v>
      </c>
      <c r="AP40" s="104">
        <v>0</v>
      </c>
      <c r="AQ40" s="104">
        <v>39802</v>
      </c>
      <c r="AR40" s="104">
        <v>29848</v>
      </c>
      <c r="AS40" s="103">
        <v>69650</v>
      </c>
      <c r="AT40" s="106">
        <v>69650</v>
      </c>
      <c r="AU40" s="100">
        <v>37282</v>
      </c>
      <c r="AV40" s="104">
        <v>30364</v>
      </c>
      <c r="AW40" s="103">
        <v>67646</v>
      </c>
      <c r="AX40" s="100">
        <v>0</v>
      </c>
      <c r="AY40" s="104">
        <v>81046</v>
      </c>
      <c r="AZ40" s="104">
        <v>59031</v>
      </c>
      <c r="BA40" s="104">
        <v>116011</v>
      </c>
      <c r="BB40" s="104">
        <v>111055</v>
      </c>
      <c r="BC40" s="104">
        <v>54138</v>
      </c>
      <c r="BD40" s="103">
        <v>421281</v>
      </c>
      <c r="BE40" s="106">
        <v>488927</v>
      </c>
      <c r="BF40" s="100">
        <v>0</v>
      </c>
      <c r="BG40" s="104">
        <v>26292</v>
      </c>
      <c r="BH40" s="102">
        <v>26292</v>
      </c>
      <c r="BI40" s="101">
        <v>0</v>
      </c>
      <c r="BJ40" s="104">
        <v>104566</v>
      </c>
      <c r="BK40" s="104">
        <v>0</v>
      </c>
      <c r="BL40" s="104">
        <v>0</v>
      </c>
      <c r="BM40" s="104">
        <v>57071</v>
      </c>
      <c r="BN40" s="104">
        <v>0</v>
      </c>
      <c r="BO40" s="103">
        <v>161637</v>
      </c>
      <c r="BP40" s="106">
        <v>187929</v>
      </c>
      <c r="BQ40" s="100">
        <v>46249</v>
      </c>
      <c r="BR40" s="104">
        <v>21014</v>
      </c>
      <c r="BS40" s="103">
        <v>67263</v>
      </c>
      <c r="BT40" s="100">
        <v>0</v>
      </c>
      <c r="BU40" s="104">
        <v>20615</v>
      </c>
      <c r="BV40" s="104">
        <v>52913</v>
      </c>
      <c r="BW40" s="104">
        <v>59710</v>
      </c>
      <c r="BX40" s="104">
        <v>63035</v>
      </c>
      <c r="BY40" s="104">
        <v>17094</v>
      </c>
      <c r="BZ40" s="103">
        <v>213367</v>
      </c>
      <c r="CA40" s="106">
        <v>280630</v>
      </c>
      <c r="CB40" s="100">
        <v>0</v>
      </c>
      <c r="CC40" s="104">
        <v>64988</v>
      </c>
      <c r="CD40" s="103">
        <v>64988</v>
      </c>
      <c r="CE40" s="100">
        <v>0</v>
      </c>
      <c r="CF40" s="104">
        <v>220269</v>
      </c>
      <c r="CG40" s="104">
        <v>112252</v>
      </c>
      <c r="CH40" s="104">
        <v>73787</v>
      </c>
      <c r="CI40" s="104">
        <v>135730</v>
      </c>
      <c r="CJ40" s="104">
        <v>88018</v>
      </c>
      <c r="CK40" s="103">
        <v>630056</v>
      </c>
      <c r="CL40" s="106">
        <v>695044</v>
      </c>
      <c r="CM40" s="100">
        <v>0</v>
      </c>
      <c r="CN40" s="104">
        <v>0</v>
      </c>
      <c r="CO40" s="103">
        <v>0</v>
      </c>
      <c r="CP40" s="101">
        <v>0</v>
      </c>
      <c r="CQ40" s="104">
        <v>175973</v>
      </c>
      <c r="CR40" s="104">
        <v>60333</v>
      </c>
      <c r="CS40" s="104">
        <v>73787</v>
      </c>
      <c r="CT40" s="104">
        <v>29008</v>
      </c>
      <c r="CU40" s="104">
        <v>88018</v>
      </c>
      <c r="CV40" s="103">
        <v>427119</v>
      </c>
      <c r="CW40" s="106">
        <v>427119</v>
      </c>
      <c r="CX40" s="100">
        <v>0</v>
      </c>
      <c r="CY40" s="104">
        <v>64988</v>
      </c>
      <c r="CZ40" s="103">
        <v>64988</v>
      </c>
      <c r="DA40" s="100">
        <v>0</v>
      </c>
      <c r="DB40" s="104">
        <v>44296</v>
      </c>
      <c r="DC40" s="104">
        <v>51919</v>
      </c>
      <c r="DD40" s="104">
        <v>0</v>
      </c>
      <c r="DE40" s="104">
        <v>106722</v>
      </c>
      <c r="DF40" s="104">
        <v>0</v>
      </c>
      <c r="DG40" s="103">
        <v>202937</v>
      </c>
      <c r="DH40" s="106">
        <v>267925</v>
      </c>
      <c r="DI40" s="100">
        <v>0</v>
      </c>
      <c r="DJ40" s="104">
        <v>0</v>
      </c>
      <c r="DK40" s="102">
        <v>0</v>
      </c>
      <c r="DL40" s="101">
        <v>0</v>
      </c>
      <c r="DM40" s="104">
        <v>0</v>
      </c>
      <c r="DN40" s="104">
        <v>0</v>
      </c>
      <c r="DO40" s="104">
        <v>0</v>
      </c>
      <c r="DP40" s="104">
        <v>141155</v>
      </c>
      <c r="DQ40" s="104">
        <v>92519</v>
      </c>
      <c r="DR40" s="103">
        <v>233674</v>
      </c>
      <c r="DS40" s="106">
        <v>233674</v>
      </c>
      <c r="DT40" s="100">
        <v>0</v>
      </c>
      <c r="DU40" s="104">
        <v>0</v>
      </c>
      <c r="DV40" s="103">
        <v>0</v>
      </c>
      <c r="DW40" s="100">
        <v>0</v>
      </c>
      <c r="DX40" s="104">
        <v>0</v>
      </c>
      <c r="DY40" s="104">
        <v>0</v>
      </c>
      <c r="DZ40" s="104">
        <v>0</v>
      </c>
      <c r="EA40" s="104">
        <v>141155</v>
      </c>
      <c r="EB40" s="104">
        <v>92519</v>
      </c>
      <c r="EC40" s="103">
        <v>233674</v>
      </c>
      <c r="ED40" s="106">
        <v>233674</v>
      </c>
      <c r="EE40" s="100">
        <v>0</v>
      </c>
      <c r="EF40" s="102">
        <v>0</v>
      </c>
      <c r="EG40" s="103">
        <v>0</v>
      </c>
      <c r="EH40" s="100">
        <v>0</v>
      </c>
      <c r="EI40" s="104">
        <v>0</v>
      </c>
      <c r="EJ40" s="104">
        <v>0</v>
      </c>
      <c r="EK40" s="104">
        <v>0</v>
      </c>
      <c r="EL40" s="104">
        <v>0</v>
      </c>
      <c r="EM40" s="104">
        <v>0</v>
      </c>
      <c r="EN40" s="102">
        <v>0</v>
      </c>
      <c r="EO40" s="106">
        <v>0</v>
      </c>
      <c r="EP40" s="100">
        <v>0</v>
      </c>
      <c r="EQ40" s="104">
        <v>0</v>
      </c>
      <c r="ER40" s="102">
        <v>0</v>
      </c>
      <c r="ES40" s="101">
        <v>0</v>
      </c>
      <c r="ET40" s="104">
        <v>0</v>
      </c>
      <c r="EU40" s="104">
        <v>0</v>
      </c>
      <c r="EV40" s="104">
        <v>0</v>
      </c>
      <c r="EW40" s="104">
        <v>0</v>
      </c>
      <c r="EX40" s="104">
        <v>0</v>
      </c>
      <c r="EY40" s="103">
        <v>0</v>
      </c>
      <c r="EZ40" s="106">
        <v>0</v>
      </c>
      <c r="FA40" s="100">
        <v>0</v>
      </c>
      <c r="FB40" s="104">
        <v>0</v>
      </c>
      <c r="FC40" s="102">
        <v>0</v>
      </c>
      <c r="FD40" s="324"/>
      <c r="FE40" s="104">
        <v>0</v>
      </c>
      <c r="FF40" s="104">
        <v>0</v>
      </c>
      <c r="FG40" s="104">
        <v>0</v>
      </c>
      <c r="FH40" s="104">
        <v>0</v>
      </c>
      <c r="FI40" s="104">
        <v>0</v>
      </c>
      <c r="FJ40" s="103">
        <v>0</v>
      </c>
      <c r="FK40" s="106">
        <v>0</v>
      </c>
      <c r="FL40" s="100">
        <v>4550</v>
      </c>
      <c r="FM40" s="104">
        <v>14532</v>
      </c>
      <c r="FN40" s="103">
        <v>19082</v>
      </c>
      <c r="FO40" s="100">
        <v>0</v>
      </c>
      <c r="FP40" s="104">
        <v>30660</v>
      </c>
      <c r="FQ40" s="104">
        <v>75320</v>
      </c>
      <c r="FR40" s="104">
        <v>137718</v>
      </c>
      <c r="FS40" s="104">
        <v>112042</v>
      </c>
      <c r="FT40" s="104">
        <v>37142</v>
      </c>
      <c r="FU40" s="103">
        <v>392882</v>
      </c>
      <c r="FV40" s="106">
        <v>411964</v>
      </c>
      <c r="FW40" s="105">
        <v>4550</v>
      </c>
      <c r="FX40" s="104">
        <v>14532</v>
      </c>
      <c r="FY40" s="102">
        <v>19082</v>
      </c>
      <c r="FZ40" s="101">
        <v>0</v>
      </c>
      <c r="GA40" s="104">
        <v>30660</v>
      </c>
      <c r="GB40" s="104">
        <v>75320</v>
      </c>
      <c r="GC40" s="104">
        <v>103068</v>
      </c>
      <c r="GD40" s="104">
        <v>78400</v>
      </c>
      <c r="GE40" s="104">
        <v>37142</v>
      </c>
      <c r="GF40" s="103">
        <v>324590</v>
      </c>
      <c r="GG40" s="296">
        <v>343672</v>
      </c>
      <c r="GH40" s="105">
        <v>0</v>
      </c>
      <c r="GI40" s="104">
        <v>0</v>
      </c>
      <c r="GJ40" s="102">
        <v>0</v>
      </c>
      <c r="GK40" s="101">
        <v>0</v>
      </c>
      <c r="GL40" s="104">
        <v>0</v>
      </c>
      <c r="GM40" s="104">
        <v>0</v>
      </c>
      <c r="GN40" s="104">
        <v>34650</v>
      </c>
      <c r="GO40" s="104">
        <v>33642</v>
      </c>
      <c r="GP40" s="104">
        <v>0</v>
      </c>
      <c r="GQ40" s="103">
        <v>68292</v>
      </c>
      <c r="GR40" s="106">
        <v>68292</v>
      </c>
      <c r="GS40" s="100">
        <v>0</v>
      </c>
      <c r="GT40" s="104">
        <v>0</v>
      </c>
      <c r="GU40" s="103">
        <v>0</v>
      </c>
      <c r="GV40" s="100">
        <v>0</v>
      </c>
      <c r="GW40" s="104">
        <v>0</v>
      </c>
      <c r="GX40" s="104">
        <v>0</v>
      </c>
      <c r="GY40" s="104">
        <v>0</v>
      </c>
      <c r="GZ40" s="104">
        <v>0</v>
      </c>
      <c r="HA40" s="104">
        <v>0</v>
      </c>
      <c r="HB40" s="102">
        <v>0</v>
      </c>
      <c r="HC40" s="106">
        <v>0</v>
      </c>
      <c r="HD40" s="100">
        <v>159621</v>
      </c>
      <c r="HE40" s="104">
        <v>0</v>
      </c>
      <c r="HF40" s="102">
        <v>159621</v>
      </c>
      <c r="HG40" s="101">
        <v>0</v>
      </c>
      <c r="HH40" s="104">
        <v>159551</v>
      </c>
      <c r="HI40" s="104">
        <v>27509</v>
      </c>
      <c r="HJ40" s="104">
        <v>688417</v>
      </c>
      <c r="HK40" s="104">
        <v>535102</v>
      </c>
      <c r="HL40" s="104">
        <v>0</v>
      </c>
      <c r="HM40" s="103">
        <v>1410579</v>
      </c>
      <c r="HN40" s="99">
        <v>1570200</v>
      </c>
      <c r="HO40" s="306"/>
      <c r="HP40" s="307"/>
      <c r="HQ40" s="308"/>
      <c r="HR40" s="309"/>
      <c r="HS40" s="307"/>
      <c r="HT40" s="307"/>
      <c r="HU40" s="307"/>
      <c r="HV40" s="307"/>
      <c r="HW40" s="307"/>
      <c r="HX40" s="310"/>
      <c r="HY40" s="311"/>
      <c r="HZ40" s="137">
        <v>0</v>
      </c>
      <c r="IA40" s="122">
        <v>0</v>
      </c>
      <c r="IB40" s="137">
        <v>0</v>
      </c>
      <c r="IC40" s="133">
        <v>0</v>
      </c>
      <c r="ID40" s="119">
        <v>114107</v>
      </c>
      <c r="IE40" s="134">
        <v>146853</v>
      </c>
      <c r="IF40" s="120">
        <v>0</v>
      </c>
      <c r="IG40" s="119">
        <v>217742</v>
      </c>
      <c r="IH40" s="120">
        <v>53200</v>
      </c>
      <c r="II40" s="135">
        <v>531902</v>
      </c>
      <c r="IJ40" s="137">
        <v>531902</v>
      </c>
      <c r="IK40" s="219">
        <v>0</v>
      </c>
      <c r="IL40" s="223">
        <v>0</v>
      </c>
      <c r="IM40" s="224">
        <v>0</v>
      </c>
      <c r="IN40" s="127"/>
      <c r="IO40" s="109">
        <v>0</v>
      </c>
      <c r="IP40" s="109">
        <v>0</v>
      </c>
      <c r="IQ40" s="109">
        <v>0</v>
      </c>
      <c r="IR40" s="109">
        <v>0</v>
      </c>
      <c r="IS40" s="109">
        <v>0</v>
      </c>
      <c r="IT40" s="128">
        <v>0</v>
      </c>
      <c r="IU40" s="298">
        <v>0</v>
      </c>
      <c r="IV40" s="129">
        <v>0</v>
      </c>
      <c r="IW40" s="109">
        <v>0</v>
      </c>
      <c r="IX40" s="110">
        <v>0</v>
      </c>
      <c r="IY40" s="131"/>
      <c r="IZ40" s="109">
        <v>0</v>
      </c>
      <c r="JA40" s="109">
        <v>0</v>
      </c>
      <c r="JB40" s="109">
        <v>0</v>
      </c>
      <c r="JC40" s="109">
        <v>0</v>
      </c>
      <c r="JD40" s="109">
        <v>0</v>
      </c>
      <c r="JE40" s="110">
        <v>0</v>
      </c>
      <c r="JF40" s="111">
        <v>0</v>
      </c>
      <c r="JG40" s="129">
        <v>0</v>
      </c>
      <c r="JH40" s="109">
        <v>0</v>
      </c>
      <c r="JI40" s="128">
        <v>0</v>
      </c>
      <c r="JJ40" s="108">
        <v>0</v>
      </c>
      <c r="JK40" s="109">
        <v>0</v>
      </c>
      <c r="JL40" s="109">
        <v>0</v>
      </c>
      <c r="JM40" s="109">
        <v>0</v>
      </c>
      <c r="JN40" s="109">
        <v>0</v>
      </c>
      <c r="JO40" s="109">
        <v>0</v>
      </c>
      <c r="JP40" s="110">
        <v>0</v>
      </c>
      <c r="JQ40" s="298">
        <v>0</v>
      </c>
      <c r="JR40" s="129">
        <v>0</v>
      </c>
      <c r="JS40" s="109">
        <v>0</v>
      </c>
      <c r="JT40" s="128">
        <v>0</v>
      </c>
      <c r="JU40" s="108">
        <v>0</v>
      </c>
      <c r="JV40" s="109">
        <v>0</v>
      </c>
      <c r="JW40" s="109">
        <v>0</v>
      </c>
      <c r="JX40" s="109">
        <v>0</v>
      </c>
      <c r="JY40" s="109">
        <v>0</v>
      </c>
      <c r="JZ40" s="109">
        <v>0</v>
      </c>
      <c r="KA40" s="110">
        <v>0</v>
      </c>
      <c r="KB40" s="298">
        <v>0</v>
      </c>
      <c r="KC40" s="221">
        <v>0</v>
      </c>
      <c r="KD40" s="217">
        <v>0</v>
      </c>
      <c r="KE40" s="110">
        <v>0</v>
      </c>
      <c r="KF40" s="108">
        <v>0</v>
      </c>
      <c r="KG40" s="109">
        <v>0</v>
      </c>
      <c r="KH40" s="109">
        <v>0</v>
      </c>
      <c r="KI40" s="109">
        <v>0</v>
      </c>
      <c r="KJ40" s="109">
        <v>0</v>
      </c>
      <c r="KK40" s="109">
        <v>53200</v>
      </c>
      <c r="KL40" s="110">
        <v>53200</v>
      </c>
      <c r="KM40" s="130">
        <v>53200</v>
      </c>
      <c r="KN40" s="219">
        <v>0</v>
      </c>
      <c r="KO40" s="223">
        <v>0</v>
      </c>
      <c r="KP40" s="224">
        <v>0</v>
      </c>
      <c r="KQ40" s="127"/>
      <c r="KR40" s="109">
        <v>114107</v>
      </c>
      <c r="KS40" s="109">
        <v>146853</v>
      </c>
      <c r="KT40" s="109">
        <v>0</v>
      </c>
      <c r="KU40" s="109">
        <v>217742</v>
      </c>
      <c r="KV40" s="109">
        <v>0</v>
      </c>
      <c r="KW40" s="110">
        <v>478702</v>
      </c>
      <c r="KX40" s="298">
        <v>478702</v>
      </c>
      <c r="KY40" s="129">
        <v>0</v>
      </c>
      <c r="KZ40" s="109">
        <v>0</v>
      </c>
      <c r="LA40" s="110">
        <v>0</v>
      </c>
      <c r="LB40" s="132"/>
      <c r="LC40" s="109">
        <v>0</v>
      </c>
      <c r="LD40" s="109">
        <v>0</v>
      </c>
      <c r="LE40" s="109">
        <v>0</v>
      </c>
      <c r="LF40" s="109">
        <v>0</v>
      </c>
      <c r="LG40" s="109">
        <v>0</v>
      </c>
      <c r="LH40" s="110">
        <v>0</v>
      </c>
      <c r="LI40" s="111">
        <v>0</v>
      </c>
      <c r="LJ40" s="129">
        <v>0</v>
      </c>
      <c r="LK40" s="109">
        <v>0</v>
      </c>
      <c r="LL40" s="110">
        <v>0</v>
      </c>
      <c r="LM40" s="132"/>
      <c r="LN40" s="109">
        <v>0</v>
      </c>
      <c r="LO40" s="109">
        <v>0</v>
      </c>
      <c r="LP40" s="109">
        <v>0</v>
      </c>
      <c r="LQ40" s="109">
        <v>0</v>
      </c>
      <c r="LR40" s="109">
        <v>0</v>
      </c>
      <c r="LS40" s="110">
        <v>0</v>
      </c>
      <c r="LT40" s="298">
        <v>0</v>
      </c>
      <c r="LU40" s="129">
        <v>0</v>
      </c>
      <c r="LV40" s="109">
        <v>0</v>
      </c>
      <c r="LW40" s="110">
        <v>0</v>
      </c>
      <c r="LX40" s="132"/>
      <c r="LY40" s="109">
        <v>0</v>
      </c>
      <c r="LZ40" s="109">
        <v>0</v>
      </c>
      <c r="MA40" s="109">
        <v>0</v>
      </c>
      <c r="MB40" s="109">
        <v>0</v>
      </c>
      <c r="MC40" s="109">
        <v>0</v>
      </c>
      <c r="MD40" s="110">
        <v>0</v>
      </c>
      <c r="ME40" s="111">
        <v>0</v>
      </c>
      <c r="MF40" s="129">
        <v>0</v>
      </c>
      <c r="MG40" s="109">
        <v>0</v>
      </c>
      <c r="MH40" s="110">
        <v>0</v>
      </c>
      <c r="MI40" s="132"/>
      <c r="MJ40" s="109">
        <v>0</v>
      </c>
      <c r="MK40" s="109">
        <v>0</v>
      </c>
      <c r="ML40" s="109">
        <v>0</v>
      </c>
      <c r="MM40" s="109">
        <v>231945</v>
      </c>
      <c r="MN40" s="109">
        <v>0</v>
      </c>
      <c r="MO40" s="110">
        <v>231945</v>
      </c>
      <c r="MP40" s="130">
        <v>231945</v>
      </c>
      <c r="MQ40" s="129">
        <v>0</v>
      </c>
      <c r="MR40" s="109">
        <v>0</v>
      </c>
      <c r="MS40" s="110">
        <v>0</v>
      </c>
      <c r="MT40" s="132"/>
      <c r="MU40" s="109">
        <v>0</v>
      </c>
      <c r="MV40" s="109">
        <v>0</v>
      </c>
      <c r="MW40" s="109">
        <v>0</v>
      </c>
      <c r="MX40" s="109">
        <v>231945</v>
      </c>
      <c r="MY40" s="109">
        <v>0</v>
      </c>
      <c r="MZ40" s="110">
        <v>231945</v>
      </c>
      <c r="NA40" s="130">
        <v>231945</v>
      </c>
      <c r="NB40" s="129">
        <v>0</v>
      </c>
      <c r="NC40" s="109">
        <v>0</v>
      </c>
      <c r="ND40" s="110">
        <v>0</v>
      </c>
      <c r="NE40" s="132"/>
      <c r="NF40" s="109">
        <v>0</v>
      </c>
      <c r="NG40" s="109">
        <v>0</v>
      </c>
      <c r="NH40" s="109">
        <v>0</v>
      </c>
      <c r="NI40" s="109">
        <v>0</v>
      </c>
      <c r="NJ40" s="109">
        <v>0</v>
      </c>
      <c r="NK40" s="110">
        <v>0</v>
      </c>
      <c r="NL40" s="298">
        <v>0</v>
      </c>
      <c r="NM40" s="129">
        <v>0</v>
      </c>
      <c r="NN40" s="109">
        <v>0</v>
      </c>
      <c r="NO40" s="110">
        <v>0</v>
      </c>
      <c r="NP40" s="132"/>
      <c r="NQ40" s="109">
        <v>0</v>
      </c>
      <c r="NR40" s="109">
        <v>0</v>
      </c>
      <c r="NS40" s="109">
        <v>0</v>
      </c>
      <c r="NT40" s="109">
        <v>0</v>
      </c>
      <c r="NU40" s="109">
        <v>0</v>
      </c>
      <c r="NV40" s="110">
        <v>0</v>
      </c>
      <c r="NW40" s="111">
        <v>0</v>
      </c>
      <c r="NX40" s="129">
        <v>0</v>
      </c>
      <c r="NY40" s="109">
        <v>0</v>
      </c>
      <c r="NZ40" s="110">
        <v>0</v>
      </c>
      <c r="OA40" s="132"/>
      <c r="OB40" s="109">
        <v>0</v>
      </c>
      <c r="OC40" s="109">
        <v>0</v>
      </c>
      <c r="OD40" s="109">
        <v>0</v>
      </c>
      <c r="OE40" s="109">
        <v>0</v>
      </c>
      <c r="OF40" s="109">
        <v>0</v>
      </c>
      <c r="OG40" s="110">
        <v>0</v>
      </c>
      <c r="OH40" s="111">
        <v>0</v>
      </c>
      <c r="OI40" s="129">
        <v>247702</v>
      </c>
      <c r="OJ40" s="109">
        <v>157190</v>
      </c>
      <c r="OK40" s="128">
        <v>404892</v>
      </c>
      <c r="OL40" s="108">
        <v>0</v>
      </c>
      <c r="OM40" s="109">
        <v>894952</v>
      </c>
      <c r="ON40" s="109">
        <v>512357</v>
      </c>
      <c r="OO40" s="109">
        <v>1151684</v>
      </c>
      <c r="OP40" s="109">
        <v>1745374</v>
      </c>
      <c r="OQ40" s="109">
        <v>490994</v>
      </c>
      <c r="OR40" s="110">
        <v>4795361</v>
      </c>
      <c r="OS40" s="130">
        <v>5200253</v>
      </c>
    </row>
    <row r="41" spans="2:409" ht="21" customHeight="1" x14ac:dyDescent="0.2">
      <c r="B41" s="472" t="s">
        <v>36</v>
      </c>
      <c r="C41" s="100">
        <v>0</v>
      </c>
      <c r="D41" s="104">
        <v>42023</v>
      </c>
      <c r="E41" s="103">
        <v>42023</v>
      </c>
      <c r="F41" s="99">
        <v>0</v>
      </c>
      <c r="G41" s="104">
        <v>173952</v>
      </c>
      <c r="H41" s="104">
        <v>663878</v>
      </c>
      <c r="I41" s="104">
        <v>183967</v>
      </c>
      <c r="J41" s="104">
        <v>1007241</v>
      </c>
      <c r="K41" s="104">
        <v>364195</v>
      </c>
      <c r="L41" s="160">
        <v>2393233</v>
      </c>
      <c r="M41" s="106">
        <v>2435256</v>
      </c>
      <c r="N41" s="100">
        <v>0</v>
      </c>
      <c r="O41" s="104">
        <v>36073</v>
      </c>
      <c r="P41" s="103">
        <v>36073</v>
      </c>
      <c r="Q41" s="100">
        <v>0</v>
      </c>
      <c r="R41" s="104">
        <v>94223</v>
      </c>
      <c r="S41" s="104">
        <v>101868</v>
      </c>
      <c r="T41" s="104">
        <v>13538</v>
      </c>
      <c r="U41" s="104">
        <v>303908</v>
      </c>
      <c r="V41" s="104">
        <v>286022</v>
      </c>
      <c r="W41" s="103">
        <v>799559</v>
      </c>
      <c r="X41" s="106">
        <v>835632</v>
      </c>
      <c r="Y41" s="100">
        <v>0</v>
      </c>
      <c r="Z41" s="104">
        <v>0</v>
      </c>
      <c r="AA41" s="103">
        <v>0</v>
      </c>
      <c r="AB41" s="100">
        <v>0</v>
      </c>
      <c r="AC41" s="104">
        <v>47973</v>
      </c>
      <c r="AD41" s="104">
        <v>12967</v>
      </c>
      <c r="AE41" s="104">
        <v>0</v>
      </c>
      <c r="AF41" s="104">
        <v>219958</v>
      </c>
      <c r="AG41" s="104">
        <v>207207</v>
      </c>
      <c r="AH41" s="103">
        <v>488105</v>
      </c>
      <c r="AI41" s="106">
        <v>488105</v>
      </c>
      <c r="AJ41" s="100">
        <v>0</v>
      </c>
      <c r="AK41" s="104">
        <v>0</v>
      </c>
      <c r="AL41" s="103">
        <v>0</v>
      </c>
      <c r="AM41" s="100">
        <v>0</v>
      </c>
      <c r="AN41" s="104">
        <v>0</v>
      </c>
      <c r="AO41" s="104">
        <v>0</v>
      </c>
      <c r="AP41" s="104">
        <v>0</v>
      </c>
      <c r="AQ41" s="104">
        <v>0</v>
      </c>
      <c r="AR41" s="104">
        <v>0</v>
      </c>
      <c r="AS41" s="103">
        <v>0</v>
      </c>
      <c r="AT41" s="106">
        <v>0</v>
      </c>
      <c r="AU41" s="100">
        <v>0</v>
      </c>
      <c r="AV41" s="104">
        <v>36073</v>
      </c>
      <c r="AW41" s="103">
        <v>36073</v>
      </c>
      <c r="AX41" s="100">
        <v>0</v>
      </c>
      <c r="AY41" s="104">
        <v>6009</v>
      </c>
      <c r="AZ41" s="104">
        <v>63085</v>
      </c>
      <c r="BA41" s="104">
        <v>0</v>
      </c>
      <c r="BB41" s="104">
        <v>12140</v>
      </c>
      <c r="BC41" s="104">
        <v>56338</v>
      </c>
      <c r="BD41" s="103">
        <v>137572</v>
      </c>
      <c r="BE41" s="106">
        <v>173645</v>
      </c>
      <c r="BF41" s="100">
        <v>0</v>
      </c>
      <c r="BG41" s="104">
        <v>0</v>
      </c>
      <c r="BH41" s="102">
        <v>0</v>
      </c>
      <c r="BI41" s="101">
        <v>0</v>
      </c>
      <c r="BJ41" s="104">
        <v>36629</v>
      </c>
      <c r="BK41" s="104">
        <v>0</v>
      </c>
      <c r="BL41" s="104">
        <v>0</v>
      </c>
      <c r="BM41" s="104">
        <v>36334</v>
      </c>
      <c r="BN41" s="104">
        <v>0</v>
      </c>
      <c r="BO41" s="103">
        <v>72963</v>
      </c>
      <c r="BP41" s="106">
        <v>72963</v>
      </c>
      <c r="BQ41" s="100">
        <v>0</v>
      </c>
      <c r="BR41" s="104">
        <v>0</v>
      </c>
      <c r="BS41" s="103">
        <v>0</v>
      </c>
      <c r="BT41" s="100">
        <v>0</v>
      </c>
      <c r="BU41" s="104">
        <v>3612</v>
      </c>
      <c r="BV41" s="104">
        <v>25816</v>
      </c>
      <c r="BW41" s="104">
        <v>13538</v>
      </c>
      <c r="BX41" s="104">
        <v>35476</v>
      </c>
      <c r="BY41" s="104">
        <v>22477</v>
      </c>
      <c r="BZ41" s="103">
        <v>100919</v>
      </c>
      <c r="CA41" s="106">
        <v>100919</v>
      </c>
      <c r="CB41" s="100">
        <v>0</v>
      </c>
      <c r="CC41" s="104">
        <v>0</v>
      </c>
      <c r="CD41" s="103">
        <v>0</v>
      </c>
      <c r="CE41" s="100">
        <v>0</v>
      </c>
      <c r="CF41" s="104">
        <v>59429</v>
      </c>
      <c r="CG41" s="104">
        <v>242583</v>
      </c>
      <c r="CH41" s="104">
        <v>0</v>
      </c>
      <c r="CI41" s="104">
        <v>196002</v>
      </c>
      <c r="CJ41" s="104">
        <v>41717</v>
      </c>
      <c r="CK41" s="103">
        <v>539731</v>
      </c>
      <c r="CL41" s="106">
        <v>539731</v>
      </c>
      <c r="CM41" s="100">
        <v>0</v>
      </c>
      <c r="CN41" s="104">
        <v>0</v>
      </c>
      <c r="CO41" s="103">
        <v>0</v>
      </c>
      <c r="CP41" s="101">
        <v>0</v>
      </c>
      <c r="CQ41" s="104">
        <v>42053</v>
      </c>
      <c r="CR41" s="104">
        <v>242583</v>
      </c>
      <c r="CS41" s="104">
        <v>0</v>
      </c>
      <c r="CT41" s="104">
        <v>196002</v>
      </c>
      <c r="CU41" s="104">
        <v>41717</v>
      </c>
      <c r="CV41" s="103">
        <v>522355</v>
      </c>
      <c r="CW41" s="106">
        <v>522355</v>
      </c>
      <c r="CX41" s="100">
        <v>0</v>
      </c>
      <c r="CY41" s="104">
        <v>0</v>
      </c>
      <c r="CZ41" s="103">
        <v>0</v>
      </c>
      <c r="DA41" s="100">
        <v>0</v>
      </c>
      <c r="DB41" s="104">
        <v>17376</v>
      </c>
      <c r="DC41" s="104">
        <v>0</v>
      </c>
      <c r="DD41" s="104">
        <v>0</v>
      </c>
      <c r="DE41" s="104">
        <v>0</v>
      </c>
      <c r="DF41" s="104">
        <v>0</v>
      </c>
      <c r="DG41" s="103">
        <v>17376</v>
      </c>
      <c r="DH41" s="106">
        <v>17376</v>
      </c>
      <c r="DI41" s="100">
        <v>0</v>
      </c>
      <c r="DJ41" s="104">
        <v>0</v>
      </c>
      <c r="DK41" s="102">
        <v>0</v>
      </c>
      <c r="DL41" s="101">
        <v>0</v>
      </c>
      <c r="DM41" s="104">
        <v>0</v>
      </c>
      <c r="DN41" s="104">
        <v>112724</v>
      </c>
      <c r="DO41" s="104">
        <v>0</v>
      </c>
      <c r="DP41" s="104">
        <v>61777</v>
      </c>
      <c r="DQ41" s="104">
        <v>0</v>
      </c>
      <c r="DR41" s="103">
        <v>174501</v>
      </c>
      <c r="DS41" s="106">
        <v>174501</v>
      </c>
      <c r="DT41" s="100">
        <v>0</v>
      </c>
      <c r="DU41" s="104">
        <v>0</v>
      </c>
      <c r="DV41" s="103">
        <v>0</v>
      </c>
      <c r="DW41" s="100">
        <v>0</v>
      </c>
      <c r="DX41" s="104">
        <v>0</v>
      </c>
      <c r="DY41" s="104">
        <v>112724</v>
      </c>
      <c r="DZ41" s="104">
        <v>0</v>
      </c>
      <c r="EA41" s="104">
        <v>61777</v>
      </c>
      <c r="EB41" s="104">
        <v>0</v>
      </c>
      <c r="EC41" s="103">
        <v>174501</v>
      </c>
      <c r="ED41" s="106">
        <v>174501</v>
      </c>
      <c r="EE41" s="100">
        <v>0</v>
      </c>
      <c r="EF41" s="102">
        <v>0</v>
      </c>
      <c r="EG41" s="103">
        <v>0</v>
      </c>
      <c r="EH41" s="100">
        <v>0</v>
      </c>
      <c r="EI41" s="104">
        <v>0</v>
      </c>
      <c r="EJ41" s="104">
        <v>0</v>
      </c>
      <c r="EK41" s="104">
        <v>0</v>
      </c>
      <c r="EL41" s="104">
        <v>0</v>
      </c>
      <c r="EM41" s="104">
        <v>0</v>
      </c>
      <c r="EN41" s="102">
        <v>0</v>
      </c>
      <c r="EO41" s="106">
        <v>0</v>
      </c>
      <c r="EP41" s="100">
        <v>0</v>
      </c>
      <c r="EQ41" s="104">
        <v>0</v>
      </c>
      <c r="ER41" s="102">
        <v>0</v>
      </c>
      <c r="ES41" s="101">
        <v>0</v>
      </c>
      <c r="ET41" s="104">
        <v>0</v>
      </c>
      <c r="EU41" s="104">
        <v>0</v>
      </c>
      <c r="EV41" s="104">
        <v>0</v>
      </c>
      <c r="EW41" s="104">
        <v>0</v>
      </c>
      <c r="EX41" s="104">
        <v>0</v>
      </c>
      <c r="EY41" s="103">
        <v>0</v>
      </c>
      <c r="EZ41" s="106">
        <v>0</v>
      </c>
      <c r="FA41" s="100">
        <v>0</v>
      </c>
      <c r="FB41" s="104">
        <v>0</v>
      </c>
      <c r="FC41" s="102">
        <v>0</v>
      </c>
      <c r="FD41" s="324"/>
      <c r="FE41" s="104">
        <v>0</v>
      </c>
      <c r="FF41" s="104">
        <v>0</v>
      </c>
      <c r="FG41" s="104">
        <v>0</v>
      </c>
      <c r="FH41" s="104">
        <v>0</v>
      </c>
      <c r="FI41" s="104">
        <v>0</v>
      </c>
      <c r="FJ41" s="103">
        <v>0</v>
      </c>
      <c r="FK41" s="106">
        <v>0</v>
      </c>
      <c r="FL41" s="100">
        <v>0</v>
      </c>
      <c r="FM41" s="104">
        <v>5950</v>
      </c>
      <c r="FN41" s="103">
        <v>5950</v>
      </c>
      <c r="FO41" s="100">
        <v>0</v>
      </c>
      <c r="FP41" s="104">
        <v>20300</v>
      </c>
      <c r="FQ41" s="104">
        <v>53585</v>
      </c>
      <c r="FR41" s="104">
        <v>0</v>
      </c>
      <c r="FS41" s="104">
        <v>73080</v>
      </c>
      <c r="FT41" s="104">
        <v>36456</v>
      </c>
      <c r="FU41" s="103">
        <v>183421</v>
      </c>
      <c r="FV41" s="106">
        <v>189371</v>
      </c>
      <c r="FW41" s="105">
        <v>0</v>
      </c>
      <c r="FX41" s="104">
        <v>5950</v>
      </c>
      <c r="FY41" s="102">
        <v>5950</v>
      </c>
      <c r="FZ41" s="101">
        <v>0</v>
      </c>
      <c r="GA41" s="104">
        <v>20300</v>
      </c>
      <c r="GB41" s="104">
        <v>53585</v>
      </c>
      <c r="GC41" s="104">
        <v>0</v>
      </c>
      <c r="GD41" s="104">
        <v>73080</v>
      </c>
      <c r="GE41" s="104">
        <v>36456</v>
      </c>
      <c r="GF41" s="103">
        <v>183421</v>
      </c>
      <c r="GG41" s="296">
        <v>189371</v>
      </c>
      <c r="GH41" s="105">
        <v>0</v>
      </c>
      <c r="GI41" s="104">
        <v>0</v>
      </c>
      <c r="GJ41" s="102">
        <v>0</v>
      </c>
      <c r="GK41" s="101">
        <v>0</v>
      </c>
      <c r="GL41" s="104">
        <v>0</v>
      </c>
      <c r="GM41" s="104">
        <v>0</v>
      </c>
      <c r="GN41" s="104">
        <v>0</v>
      </c>
      <c r="GO41" s="104">
        <v>0</v>
      </c>
      <c r="GP41" s="104">
        <v>0</v>
      </c>
      <c r="GQ41" s="103">
        <v>0</v>
      </c>
      <c r="GR41" s="106">
        <v>0</v>
      </c>
      <c r="GS41" s="100">
        <v>0</v>
      </c>
      <c r="GT41" s="104">
        <v>0</v>
      </c>
      <c r="GU41" s="103">
        <v>0</v>
      </c>
      <c r="GV41" s="100">
        <v>0</v>
      </c>
      <c r="GW41" s="104">
        <v>0</v>
      </c>
      <c r="GX41" s="104">
        <v>0</v>
      </c>
      <c r="GY41" s="104">
        <v>0</v>
      </c>
      <c r="GZ41" s="104">
        <v>0</v>
      </c>
      <c r="HA41" s="104">
        <v>0</v>
      </c>
      <c r="HB41" s="102">
        <v>0</v>
      </c>
      <c r="HC41" s="106">
        <v>0</v>
      </c>
      <c r="HD41" s="100">
        <v>0</v>
      </c>
      <c r="HE41" s="104">
        <v>0</v>
      </c>
      <c r="HF41" s="102">
        <v>0</v>
      </c>
      <c r="HG41" s="101">
        <v>0</v>
      </c>
      <c r="HH41" s="104">
        <v>0</v>
      </c>
      <c r="HI41" s="104">
        <v>153118</v>
      </c>
      <c r="HJ41" s="104">
        <v>170429</v>
      </c>
      <c r="HK41" s="104">
        <v>372474</v>
      </c>
      <c r="HL41" s="104">
        <v>0</v>
      </c>
      <c r="HM41" s="103">
        <v>696021</v>
      </c>
      <c r="HN41" s="99">
        <v>696021</v>
      </c>
      <c r="HO41" s="306"/>
      <c r="HP41" s="307"/>
      <c r="HQ41" s="308"/>
      <c r="HR41" s="309"/>
      <c r="HS41" s="307"/>
      <c r="HT41" s="307"/>
      <c r="HU41" s="307"/>
      <c r="HV41" s="307"/>
      <c r="HW41" s="307"/>
      <c r="HX41" s="310"/>
      <c r="HY41" s="311"/>
      <c r="HZ41" s="118">
        <v>0</v>
      </c>
      <c r="IA41" s="119">
        <v>0</v>
      </c>
      <c r="IB41" s="120">
        <v>0</v>
      </c>
      <c r="IC41" s="133">
        <v>0</v>
      </c>
      <c r="ID41" s="119">
        <v>235197</v>
      </c>
      <c r="IE41" s="134">
        <v>216713</v>
      </c>
      <c r="IF41" s="120">
        <v>0</v>
      </c>
      <c r="IG41" s="119">
        <v>194110</v>
      </c>
      <c r="IH41" s="120">
        <v>231672</v>
      </c>
      <c r="II41" s="135">
        <v>877692</v>
      </c>
      <c r="IJ41" s="126">
        <v>877692</v>
      </c>
      <c r="IK41" s="219">
        <v>0</v>
      </c>
      <c r="IL41" s="223">
        <v>0</v>
      </c>
      <c r="IM41" s="224">
        <v>0</v>
      </c>
      <c r="IN41" s="127"/>
      <c r="IO41" s="109">
        <v>0</v>
      </c>
      <c r="IP41" s="109">
        <v>0</v>
      </c>
      <c r="IQ41" s="109">
        <v>0</v>
      </c>
      <c r="IR41" s="109">
        <v>0</v>
      </c>
      <c r="IS41" s="109">
        <v>0</v>
      </c>
      <c r="IT41" s="128">
        <v>0</v>
      </c>
      <c r="IU41" s="298">
        <v>0</v>
      </c>
      <c r="IV41" s="129">
        <v>0</v>
      </c>
      <c r="IW41" s="109">
        <v>0</v>
      </c>
      <c r="IX41" s="110">
        <v>0</v>
      </c>
      <c r="IY41" s="131"/>
      <c r="IZ41" s="109">
        <v>0</v>
      </c>
      <c r="JA41" s="109">
        <v>0</v>
      </c>
      <c r="JB41" s="109">
        <v>0</v>
      </c>
      <c r="JC41" s="109">
        <v>0</v>
      </c>
      <c r="JD41" s="109">
        <v>0</v>
      </c>
      <c r="JE41" s="110">
        <v>0</v>
      </c>
      <c r="JF41" s="111">
        <v>0</v>
      </c>
      <c r="JG41" s="129">
        <v>0</v>
      </c>
      <c r="JH41" s="109">
        <v>0</v>
      </c>
      <c r="JI41" s="128">
        <v>0</v>
      </c>
      <c r="JJ41" s="108">
        <v>0</v>
      </c>
      <c r="JK41" s="109">
        <v>27664</v>
      </c>
      <c r="JL41" s="109">
        <v>0</v>
      </c>
      <c r="JM41" s="109">
        <v>0</v>
      </c>
      <c r="JN41" s="109">
        <v>194110</v>
      </c>
      <c r="JO41" s="109">
        <v>0</v>
      </c>
      <c r="JP41" s="110">
        <v>221774</v>
      </c>
      <c r="JQ41" s="298">
        <v>221774</v>
      </c>
      <c r="JR41" s="129">
        <v>0</v>
      </c>
      <c r="JS41" s="109">
        <v>0</v>
      </c>
      <c r="JT41" s="128">
        <v>0</v>
      </c>
      <c r="JU41" s="108">
        <v>0</v>
      </c>
      <c r="JV41" s="109">
        <v>0</v>
      </c>
      <c r="JW41" s="109">
        <v>0</v>
      </c>
      <c r="JX41" s="109">
        <v>0</v>
      </c>
      <c r="JY41" s="109">
        <v>0</v>
      </c>
      <c r="JZ41" s="109">
        <v>0</v>
      </c>
      <c r="KA41" s="110">
        <v>0</v>
      </c>
      <c r="KB41" s="298">
        <v>0</v>
      </c>
      <c r="KC41" s="221">
        <v>0</v>
      </c>
      <c r="KD41" s="217">
        <v>0</v>
      </c>
      <c r="KE41" s="110">
        <v>0</v>
      </c>
      <c r="KF41" s="108">
        <v>0</v>
      </c>
      <c r="KG41" s="109">
        <v>0</v>
      </c>
      <c r="KH41" s="109">
        <v>0</v>
      </c>
      <c r="KI41" s="109">
        <v>0</v>
      </c>
      <c r="KJ41" s="109">
        <v>0</v>
      </c>
      <c r="KK41" s="109">
        <v>0</v>
      </c>
      <c r="KL41" s="110">
        <v>0</v>
      </c>
      <c r="KM41" s="130">
        <v>0</v>
      </c>
      <c r="KN41" s="219">
        <v>0</v>
      </c>
      <c r="KO41" s="223">
        <v>0</v>
      </c>
      <c r="KP41" s="224">
        <v>0</v>
      </c>
      <c r="KQ41" s="127"/>
      <c r="KR41" s="109">
        <v>207533</v>
      </c>
      <c r="KS41" s="109">
        <v>216713</v>
      </c>
      <c r="KT41" s="109">
        <v>0</v>
      </c>
      <c r="KU41" s="109">
        <v>0</v>
      </c>
      <c r="KV41" s="109">
        <v>231672</v>
      </c>
      <c r="KW41" s="110">
        <v>655918</v>
      </c>
      <c r="KX41" s="298">
        <v>655918</v>
      </c>
      <c r="KY41" s="129">
        <v>0</v>
      </c>
      <c r="KZ41" s="109">
        <v>0</v>
      </c>
      <c r="LA41" s="110">
        <v>0</v>
      </c>
      <c r="LB41" s="132"/>
      <c r="LC41" s="109">
        <v>0</v>
      </c>
      <c r="LD41" s="109">
        <v>0</v>
      </c>
      <c r="LE41" s="109">
        <v>0</v>
      </c>
      <c r="LF41" s="109">
        <v>0</v>
      </c>
      <c r="LG41" s="109">
        <v>0</v>
      </c>
      <c r="LH41" s="110">
        <v>0</v>
      </c>
      <c r="LI41" s="111">
        <v>0</v>
      </c>
      <c r="LJ41" s="129">
        <v>0</v>
      </c>
      <c r="LK41" s="109">
        <v>0</v>
      </c>
      <c r="LL41" s="110">
        <v>0</v>
      </c>
      <c r="LM41" s="132"/>
      <c r="LN41" s="109">
        <v>0</v>
      </c>
      <c r="LO41" s="109">
        <v>0</v>
      </c>
      <c r="LP41" s="109">
        <v>0</v>
      </c>
      <c r="LQ41" s="109">
        <v>0</v>
      </c>
      <c r="LR41" s="109">
        <v>0</v>
      </c>
      <c r="LS41" s="110">
        <v>0</v>
      </c>
      <c r="LT41" s="298">
        <v>0</v>
      </c>
      <c r="LU41" s="129">
        <v>0</v>
      </c>
      <c r="LV41" s="109">
        <v>0</v>
      </c>
      <c r="LW41" s="110">
        <v>0</v>
      </c>
      <c r="LX41" s="132"/>
      <c r="LY41" s="109">
        <v>0</v>
      </c>
      <c r="LZ41" s="109">
        <v>0</v>
      </c>
      <c r="MA41" s="109">
        <v>0</v>
      </c>
      <c r="MB41" s="109">
        <v>0</v>
      </c>
      <c r="MC41" s="109">
        <v>0</v>
      </c>
      <c r="MD41" s="110">
        <v>0</v>
      </c>
      <c r="ME41" s="111">
        <v>0</v>
      </c>
      <c r="MF41" s="129">
        <v>0</v>
      </c>
      <c r="MG41" s="109">
        <v>0</v>
      </c>
      <c r="MH41" s="110">
        <v>0</v>
      </c>
      <c r="MI41" s="132"/>
      <c r="MJ41" s="109">
        <v>202614</v>
      </c>
      <c r="MK41" s="109">
        <v>0</v>
      </c>
      <c r="ML41" s="109">
        <v>322064</v>
      </c>
      <c r="MM41" s="109">
        <v>791699</v>
      </c>
      <c r="MN41" s="109">
        <v>322757</v>
      </c>
      <c r="MO41" s="110">
        <v>1639134</v>
      </c>
      <c r="MP41" s="130">
        <v>1639134</v>
      </c>
      <c r="MQ41" s="129">
        <v>0</v>
      </c>
      <c r="MR41" s="109">
        <v>0</v>
      </c>
      <c r="MS41" s="110">
        <v>0</v>
      </c>
      <c r="MT41" s="132"/>
      <c r="MU41" s="109">
        <v>0</v>
      </c>
      <c r="MV41" s="109">
        <v>0</v>
      </c>
      <c r="MW41" s="109">
        <v>93683</v>
      </c>
      <c r="MX41" s="109">
        <v>220327</v>
      </c>
      <c r="MY41" s="109">
        <v>322757</v>
      </c>
      <c r="MZ41" s="110">
        <v>636767</v>
      </c>
      <c r="NA41" s="130">
        <v>636767</v>
      </c>
      <c r="NB41" s="129">
        <v>0</v>
      </c>
      <c r="NC41" s="109">
        <v>0</v>
      </c>
      <c r="ND41" s="110">
        <v>0</v>
      </c>
      <c r="NE41" s="132"/>
      <c r="NF41" s="109">
        <v>202614</v>
      </c>
      <c r="NG41" s="109">
        <v>0</v>
      </c>
      <c r="NH41" s="109">
        <v>228381</v>
      </c>
      <c r="NI41" s="109">
        <v>571372</v>
      </c>
      <c r="NJ41" s="109">
        <v>0</v>
      </c>
      <c r="NK41" s="110">
        <v>1002367</v>
      </c>
      <c r="NL41" s="298">
        <v>1002367</v>
      </c>
      <c r="NM41" s="129">
        <v>0</v>
      </c>
      <c r="NN41" s="109">
        <v>0</v>
      </c>
      <c r="NO41" s="110">
        <v>0</v>
      </c>
      <c r="NP41" s="132"/>
      <c r="NQ41" s="109">
        <v>0</v>
      </c>
      <c r="NR41" s="109">
        <v>0</v>
      </c>
      <c r="NS41" s="109">
        <v>0</v>
      </c>
      <c r="NT41" s="109">
        <v>0</v>
      </c>
      <c r="NU41" s="109">
        <v>0</v>
      </c>
      <c r="NV41" s="110">
        <v>0</v>
      </c>
      <c r="NW41" s="111">
        <v>0</v>
      </c>
      <c r="NX41" s="129">
        <v>0</v>
      </c>
      <c r="NY41" s="109">
        <v>0</v>
      </c>
      <c r="NZ41" s="110">
        <v>0</v>
      </c>
      <c r="OA41" s="132"/>
      <c r="OB41" s="109">
        <v>0</v>
      </c>
      <c r="OC41" s="109">
        <v>0</v>
      </c>
      <c r="OD41" s="109">
        <v>0</v>
      </c>
      <c r="OE41" s="109">
        <v>0</v>
      </c>
      <c r="OF41" s="109">
        <v>0</v>
      </c>
      <c r="OG41" s="110">
        <v>0</v>
      </c>
      <c r="OH41" s="111">
        <v>0</v>
      </c>
      <c r="OI41" s="129">
        <v>0</v>
      </c>
      <c r="OJ41" s="109">
        <v>42023</v>
      </c>
      <c r="OK41" s="128">
        <v>42023</v>
      </c>
      <c r="OL41" s="108">
        <v>0</v>
      </c>
      <c r="OM41" s="109">
        <v>611763</v>
      </c>
      <c r="ON41" s="109">
        <v>880591</v>
      </c>
      <c r="OO41" s="109">
        <v>506031</v>
      </c>
      <c r="OP41" s="109">
        <v>1993050</v>
      </c>
      <c r="OQ41" s="109">
        <v>918624</v>
      </c>
      <c r="OR41" s="110">
        <v>4910059</v>
      </c>
      <c r="OS41" s="130">
        <v>4952082</v>
      </c>
    </row>
    <row r="42" spans="2:409" ht="21" customHeight="1" thickBot="1" x14ac:dyDescent="0.25">
      <c r="B42" s="473" t="s">
        <v>37</v>
      </c>
      <c r="C42" s="107">
        <v>16741</v>
      </c>
      <c r="D42" s="165">
        <v>0</v>
      </c>
      <c r="E42" s="166">
        <v>16741</v>
      </c>
      <c r="F42" s="167">
        <v>0</v>
      </c>
      <c r="G42" s="165">
        <v>0</v>
      </c>
      <c r="H42" s="165">
        <v>0</v>
      </c>
      <c r="I42" s="165">
        <v>0</v>
      </c>
      <c r="J42" s="165">
        <v>194465</v>
      </c>
      <c r="K42" s="165">
        <v>160607</v>
      </c>
      <c r="L42" s="167">
        <v>355072</v>
      </c>
      <c r="M42" s="168">
        <v>371813</v>
      </c>
      <c r="N42" s="107">
        <v>0</v>
      </c>
      <c r="O42" s="165">
        <v>0</v>
      </c>
      <c r="P42" s="166">
        <v>0</v>
      </c>
      <c r="Q42" s="107">
        <v>0</v>
      </c>
      <c r="R42" s="165">
        <v>0</v>
      </c>
      <c r="S42" s="165">
        <v>0</v>
      </c>
      <c r="T42" s="165">
        <v>0</v>
      </c>
      <c r="U42" s="165">
        <v>8400</v>
      </c>
      <c r="V42" s="165">
        <v>106653</v>
      </c>
      <c r="W42" s="166">
        <v>115053</v>
      </c>
      <c r="X42" s="168">
        <v>115053</v>
      </c>
      <c r="Y42" s="107">
        <v>0</v>
      </c>
      <c r="Z42" s="165">
        <v>0</v>
      </c>
      <c r="AA42" s="166">
        <v>0</v>
      </c>
      <c r="AB42" s="107">
        <v>0</v>
      </c>
      <c r="AC42" s="165">
        <v>0</v>
      </c>
      <c r="AD42" s="165">
        <v>0</v>
      </c>
      <c r="AE42" s="165">
        <v>0</v>
      </c>
      <c r="AF42" s="165">
        <v>0</v>
      </c>
      <c r="AG42" s="165">
        <v>65878</v>
      </c>
      <c r="AH42" s="166">
        <v>65878</v>
      </c>
      <c r="AI42" s="168">
        <v>65878</v>
      </c>
      <c r="AJ42" s="107">
        <v>0</v>
      </c>
      <c r="AK42" s="165">
        <v>0</v>
      </c>
      <c r="AL42" s="166">
        <v>0</v>
      </c>
      <c r="AM42" s="107">
        <v>0</v>
      </c>
      <c r="AN42" s="165">
        <v>0</v>
      </c>
      <c r="AO42" s="165">
        <v>0</v>
      </c>
      <c r="AP42" s="165">
        <v>0</v>
      </c>
      <c r="AQ42" s="165">
        <v>0</v>
      </c>
      <c r="AR42" s="165">
        <v>0</v>
      </c>
      <c r="AS42" s="166">
        <v>0</v>
      </c>
      <c r="AT42" s="168">
        <v>0</v>
      </c>
      <c r="AU42" s="107">
        <v>0</v>
      </c>
      <c r="AV42" s="165">
        <v>0</v>
      </c>
      <c r="AW42" s="166">
        <v>0</v>
      </c>
      <c r="AX42" s="107">
        <v>0</v>
      </c>
      <c r="AY42" s="165">
        <v>0</v>
      </c>
      <c r="AZ42" s="165">
        <v>0</v>
      </c>
      <c r="BA42" s="165">
        <v>0</v>
      </c>
      <c r="BB42" s="165">
        <v>0</v>
      </c>
      <c r="BC42" s="165">
        <v>29365</v>
      </c>
      <c r="BD42" s="166">
        <v>29365</v>
      </c>
      <c r="BE42" s="168">
        <v>29365</v>
      </c>
      <c r="BF42" s="107">
        <v>0</v>
      </c>
      <c r="BG42" s="165">
        <v>0</v>
      </c>
      <c r="BH42" s="170">
        <v>0</v>
      </c>
      <c r="BI42" s="169">
        <v>0</v>
      </c>
      <c r="BJ42" s="165">
        <v>0</v>
      </c>
      <c r="BK42" s="165">
        <v>0</v>
      </c>
      <c r="BL42" s="165">
        <v>0</v>
      </c>
      <c r="BM42" s="165">
        <v>0</v>
      </c>
      <c r="BN42" s="165">
        <v>0</v>
      </c>
      <c r="BO42" s="166">
        <v>0</v>
      </c>
      <c r="BP42" s="168">
        <v>0</v>
      </c>
      <c r="BQ42" s="107">
        <v>0</v>
      </c>
      <c r="BR42" s="165">
        <v>0</v>
      </c>
      <c r="BS42" s="166">
        <v>0</v>
      </c>
      <c r="BT42" s="107">
        <v>0</v>
      </c>
      <c r="BU42" s="165">
        <v>0</v>
      </c>
      <c r="BV42" s="165">
        <v>0</v>
      </c>
      <c r="BW42" s="165">
        <v>0</v>
      </c>
      <c r="BX42" s="165">
        <v>8400</v>
      </c>
      <c r="BY42" s="165">
        <v>11410</v>
      </c>
      <c r="BZ42" s="166">
        <v>19810</v>
      </c>
      <c r="CA42" s="168">
        <v>19810</v>
      </c>
      <c r="CB42" s="107">
        <v>16741</v>
      </c>
      <c r="CC42" s="165">
        <v>0</v>
      </c>
      <c r="CD42" s="166">
        <v>16741</v>
      </c>
      <c r="CE42" s="107">
        <v>0</v>
      </c>
      <c r="CF42" s="165">
        <v>0</v>
      </c>
      <c r="CG42" s="165">
        <v>0</v>
      </c>
      <c r="CH42" s="165">
        <v>0</v>
      </c>
      <c r="CI42" s="165">
        <v>0</v>
      </c>
      <c r="CJ42" s="165">
        <v>0</v>
      </c>
      <c r="CK42" s="166">
        <v>0</v>
      </c>
      <c r="CL42" s="168">
        <v>16741</v>
      </c>
      <c r="CM42" s="107">
        <v>0</v>
      </c>
      <c r="CN42" s="165">
        <v>0</v>
      </c>
      <c r="CO42" s="166">
        <v>0</v>
      </c>
      <c r="CP42" s="169">
        <v>0</v>
      </c>
      <c r="CQ42" s="165">
        <v>0</v>
      </c>
      <c r="CR42" s="165">
        <v>0</v>
      </c>
      <c r="CS42" s="165">
        <v>0</v>
      </c>
      <c r="CT42" s="165">
        <v>0</v>
      </c>
      <c r="CU42" s="165">
        <v>0</v>
      </c>
      <c r="CV42" s="166">
        <v>0</v>
      </c>
      <c r="CW42" s="168">
        <v>0</v>
      </c>
      <c r="CX42" s="107">
        <v>16741</v>
      </c>
      <c r="CY42" s="165">
        <v>0</v>
      </c>
      <c r="CZ42" s="166">
        <v>16741</v>
      </c>
      <c r="DA42" s="107">
        <v>0</v>
      </c>
      <c r="DB42" s="165">
        <v>0</v>
      </c>
      <c r="DC42" s="165">
        <v>0</v>
      </c>
      <c r="DD42" s="165">
        <v>0</v>
      </c>
      <c r="DE42" s="165">
        <v>0</v>
      </c>
      <c r="DF42" s="165">
        <v>0</v>
      </c>
      <c r="DG42" s="166">
        <v>0</v>
      </c>
      <c r="DH42" s="168">
        <v>16741</v>
      </c>
      <c r="DI42" s="107">
        <v>0</v>
      </c>
      <c r="DJ42" s="165">
        <v>0</v>
      </c>
      <c r="DK42" s="170">
        <v>0</v>
      </c>
      <c r="DL42" s="169">
        <v>0</v>
      </c>
      <c r="DM42" s="165">
        <v>0</v>
      </c>
      <c r="DN42" s="165">
        <v>0</v>
      </c>
      <c r="DO42" s="165">
        <v>0</v>
      </c>
      <c r="DP42" s="165">
        <v>0</v>
      </c>
      <c r="DQ42" s="165">
        <v>19794</v>
      </c>
      <c r="DR42" s="166">
        <v>19794</v>
      </c>
      <c r="DS42" s="168">
        <v>19794</v>
      </c>
      <c r="DT42" s="107">
        <v>0</v>
      </c>
      <c r="DU42" s="165">
        <v>0</v>
      </c>
      <c r="DV42" s="166">
        <v>0</v>
      </c>
      <c r="DW42" s="107">
        <v>0</v>
      </c>
      <c r="DX42" s="165">
        <v>0</v>
      </c>
      <c r="DY42" s="165">
        <v>0</v>
      </c>
      <c r="DZ42" s="165">
        <v>0</v>
      </c>
      <c r="EA42" s="165">
        <v>0</v>
      </c>
      <c r="EB42" s="165">
        <v>0</v>
      </c>
      <c r="EC42" s="166">
        <v>0</v>
      </c>
      <c r="ED42" s="168">
        <v>0</v>
      </c>
      <c r="EE42" s="107">
        <v>0</v>
      </c>
      <c r="EF42" s="170">
        <v>0</v>
      </c>
      <c r="EG42" s="166">
        <v>0</v>
      </c>
      <c r="EH42" s="107">
        <v>0</v>
      </c>
      <c r="EI42" s="165">
        <v>0</v>
      </c>
      <c r="EJ42" s="165">
        <v>0</v>
      </c>
      <c r="EK42" s="165">
        <v>0</v>
      </c>
      <c r="EL42" s="165">
        <v>0</v>
      </c>
      <c r="EM42" s="165">
        <v>19794</v>
      </c>
      <c r="EN42" s="170">
        <v>19794</v>
      </c>
      <c r="EO42" s="168">
        <v>19794</v>
      </c>
      <c r="EP42" s="107">
        <v>0</v>
      </c>
      <c r="EQ42" s="165">
        <v>0</v>
      </c>
      <c r="ER42" s="170">
        <v>0</v>
      </c>
      <c r="ES42" s="169">
        <v>0</v>
      </c>
      <c r="ET42" s="165">
        <v>0</v>
      </c>
      <c r="EU42" s="165">
        <v>0</v>
      </c>
      <c r="EV42" s="165">
        <v>0</v>
      </c>
      <c r="EW42" s="165">
        <v>0</v>
      </c>
      <c r="EX42" s="165">
        <v>0</v>
      </c>
      <c r="EY42" s="166">
        <v>0</v>
      </c>
      <c r="EZ42" s="168">
        <v>0</v>
      </c>
      <c r="FA42" s="107">
        <v>0</v>
      </c>
      <c r="FB42" s="165">
        <v>0</v>
      </c>
      <c r="FC42" s="170">
        <v>0</v>
      </c>
      <c r="FD42" s="325"/>
      <c r="FE42" s="165">
        <v>0</v>
      </c>
      <c r="FF42" s="165">
        <v>0</v>
      </c>
      <c r="FG42" s="165">
        <v>0</v>
      </c>
      <c r="FH42" s="165">
        <v>0</v>
      </c>
      <c r="FI42" s="165">
        <v>0</v>
      </c>
      <c r="FJ42" s="166">
        <v>0</v>
      </c>
      <c r="FK42" s="168">
        <v>0</v>
      </c>
      <c r="FL42" s="107">
        <v>0</v>
      </c>
      <c r="FM42" s="165">
        <v>0</v>
      </c>
      <c r="FN42" s="166">
        <v>0</v>
      </c>
      <c r="FO42" s="107">
        <v>0</v>
      </c>
      <c r="FP42" s="165">
        <v>0</v>
      </c>
      <c r="FQ42" s="165">
        <v>0</v>
      </c>
      <c r="FR42" s="165">
        <v>0</v>
      </c>
      <c r="FS42" s="165">
        <v>0</v>
      </c>
      <c r="FT42" s="165">
        <v>34160</v>
      </c>
      <c r="FU42" s="166">
        <v>34160</v>
      </c>
      <c r="FV42" s="168">
        <v>34160</v>
      </c>
      <c r="FW42" s="171">
        <v>0</v>
      </c>
      <c r="FX42" s="165">
        <v>0</v>
      </c>
      <c r="FY42" s="170">
        <v>0</v>
      </c>
      <c r="FZ42" s="169">
        <v>0</v>
      </c>
      <c r="GA42" s="165">
        <v>0</v>
      </c>
      <c r="GB42" s="165">
        <v>0</v>
      </c>
      <c r="GC42" s="165">
        <v>0</v>
      </c>
      <c r="GD42" s="165">
        <v>0</v>
      </c>
      <c r="GE42" s="165">
        <v>34160</v>
      </c>
      <c r="GF42" s="166">
        <v>34160</v>
      </c>
      <c r="GG42" s="297">
        <v>34160</v>
      </c>
      <c r="GH42" s="171">
        <v>0</v>
      </c>
      <c r="GI42" s="165">
        <v>0</v>
      </c>
      <c r="GJ42" s="170">
        <v>0</v>
      </c>
      <c r="GK42" s="169">
        <v>0</v>
      </c>
      <c r="GL42" s="165">
        <v>0</v>
      </c>
      <c r="GM42" s="165">
        <v>0</v>
      </c>
      <c r="GN42" s="165">
        <v>0</v>
      </c>
      <c r="GO42" s="165">
        <v>0</v>
      </c>
      <c r="GP42" s="165">
        <v>0</v>
      </c>
      <c r="GQ42" s="166">
        <v>0</v>
      </c>
      <c r="GR42" s="168">
        <v>0</v>
      </c>
      <c r="GS42" s="107">
        <v>0</v>
      </c>
      <c r="GT42" s="165">
        <v>0</v>
      </c>
      <c r="GU42" s="166">
        <v>0</v>
      </c>
      <c r="GV42" s="107">
        <v>0</v>
      </c>
      <c r="GW42" s="165">
        <v>0</v>
      </c>
      <c r="GX42" s="165">
        <v>0</v>
      </c>
      <c r="GY42" s="165">
        <v>0</v>
      </c>
      <c r="GZ42" s="165">
        <v>0</v>
      </c>
      <c r="HA42" s="165">
        <v>0</v>
      </c>
      <c r="HB42" s="170">
        <v>0</v>
      </c>
      <c r="HC42" s="168">
        <v>0</v>
      </c>
      <c r="HD42" s="107">
        <v>0</v>
      </c>
      <c r="HE42" s="165">
        <v>0</v>
      </c>
      <c r="HF42" s="170">
        <v>0</v>
      </c>
      <c r="HG42" s="169">
        <v>0</v>
      </c>
      <c r="HH42" s="165">
        <v>0</v>
      </c>
      <c r="HI42" s="165">
        <v>0</v>
      </c>
      <c r="HJ42" s="165">
        <v>0</v>
      </c>
      <c r="HK42" s="165">
        <v>186065</v>
      </c>
      <c r="HL42" s="165">
        <v>0</v>
      </c>
      <c r="HM42" s="166">
        <v>186065</v>
      </c>
      <c r="HN42" s="167">
        <v>186065</v>
      </c>
      <c r="HO42" s="312"/>
      <c r="HP42" s="313"/>
      <c r="HQ42" s="314"/>
      <c r="HR42" s="315"/>
      <c r="HS42" s="313"/>
      <c r="HT42" s="313"/>
      <c r="HU42" s="313"/>
      <c r="HV42" s="313"/>
      <c r="HW42" s="313"/>
      <c r="HX42" s="316"/>
      <c r="HY42" s="317"/>
      <c r="HZ42" s="138">
        <v>0</v>
      </c>
      <c r="IA42" s="139">
        <v>0</v>
      </c>
      <c r="IB42" s="140">
        <v>0</v>
      </c>
      <c r="IC42" s="141">
        <v>0</v>
      </c>
      <c r="ID42" s="142">
        <v>0</v>
      </c>
      <c r="IE42" s="143">
        <v>0</v>
      </c>
      <c r="IF42" s="144">
        <v>0</v>
      </c>
      <c r="IG42" s="142">
        <v>0</v>
      </c>
      <c r="IH42" s="144">
        <v>134843</v>
      </c>
      <c r="II42" s="145">
        <v>134843</v>
      </c>
      <c r="IJ42" s="146">
        <v>134843</v>
      </c>
      <c r="IK42" s="220">
        <v>0</v>
      </c>
      <c r="IL42" s="225">
        <v>0</v>
      </c>
      <c r="IM42" s="226">
        <v>0</v>
      </c>
      <c r="IN42" s="147"/>
      <c r="IO42" s="148">
        <v>0</v>
      </c>
      <c r="IP42" s="148">
        <v>0</v>
      </c>
      <c r="IQ42" s="148">
        <v>0</v>
      </c>
      <c r="IR42" s="148">
        <v>0</v>
      </c>
      <c r="IS42" s="148">
        <v>0</v>
      </c>
      <c r="IT42" s="149">
        <v>0</v>
      </c>
      <c r="IU42" s="299">
        <v>0</v>
      </c>
      <c r="IV42" s="150">
        <v>0</v>
      </c>
      <c r="IW42" s="148">
        <v>0</v>
      </c>
      <c r="IX42" s="152">
        <v>0</v>
      </c>
      <c r="IY42" s="155"/>
      <c r="IZ42" s="148">
        <v>0</v>
      </c>
      <c r="JA42" s="148">
        <v>0</v>
      </c>
      <c r="JB42" s="148">
        <v>0</v>
      </c>
      <c r="JC42" s="148">
        <v>0</v>
      </c>
      <c r="JD42" s="148">
        <v>0</v>
      </c>
      <c r="JE42" s="152">
        <v>0</v>
      </c>
      <c r="JF42" s="153">
        <v>0</v>
      </c>
      <c r="JG42" s="150">
        <v>0</v>
      </c>
      <c r="JH42" s="148">
        <v>0</v>
      </c>
      <c r="JI42" s="149">
        <v>0</v>
      </c>
      <c r="JJ42" s="151">
        <v>0</v>
      </c>
      <c r="JK42" s="148">
        <v>0</v>
      </c>
      <c r="JL42" s="148">
        <v>0</v>
      </c>
      <c r="JM42" s="148">
        <v>0</v>
      </c>
      <c r="JN42" s="148">
        <v>0</v>
      </c>
      <c r="JO42" s="148">
        <v>134843</v>
      </c>
      <c r="JP42" s="152">
        <v>134843</v>
      </c>
      <c r="JQ42" s="299">
        <v>134843</v>
      </c>
      <c r="JR42" s="150">
        <v>0</v>
      </c>
      <c r="JS42" s="148">
        <v>0</v>
      </c>
      <c r="JT42" s="149">
        <v>0</v>
      </c>
      <c r="JU42" s="151">
        <v>0</v>
      </c>
      <c r="JV42" s="148">
        <v>0</v>
      </c>
      <c r="JW42" s="148">
        <v>0</v>
      </c>
      <c r="JX42" s="148">
        <v>0</v>
      </c>
      <c r="JY42" s="148">
        <v>0</v>
      </c>
      <c r="JZ42" s="148">
        <v>0</v>
      </c>
      <c r="KA42" s="152">
        <v>0</v>
      </c>
      <c r="KB42" s="299">
        <v>0</v>
      </c>
      <c r="KC42" s="222">
        <v>0</v>
      </c>
      <c r="KD42" s="218">
        <v>0</v>
      </c>
      <c r="KE42" s="152">
        <v>0</v>
      </c>
      <c r="KF42" s="151">
        <v>0</v>
      </c>
      <c r="KG42" s="148">
        <v>0</v>
      </c>
      <c r="KH42" s="148">
        <v>0</v>
      </c>
      <c r="KI42" s="148">
        <v>0</v>
      </c>
      <c r="KJ42" s="148">
        <v>0</v>
      </c>
      <c r="KK42" s="148">
        <v>0</v>
      </c>
      <c r="KL42" s="152">
        <v>0</v>
      </c>
      <c r="KM42" s="154">
        <v>0</v>
      </c>
      <c r="KN42" s="220">
        <v>0</v>
      </c>
      <c r="KO42" s="225">
        <v>0</v>
      </c>
      <c r="KP42" s="226">
        <v>0</v>
      </c>
      <c r="KQ42" s="147"/>
      <c r="KR42" s="148">
        <v>0</v>
      </c>
      <c r="KS42" s="148">
        <v>0</v>
      </c>
      <c r="KT42" s="148">
        <v>0</v>
      </c>
      <c r="KU42" s="148">
        <v>0</v>
      </c>
      <c r="KV42" s="148">
        <v>0</v>
      </c>
      <c r="KW42" s="152">
        <v>0</v>
      </c>
      <c r="KX42" s="299">
        <v>0</v>
      </c>
      <c r="KY42" s="150">
        <v>0</v>
      </c>
      <c r="KZ42" s="148">
        <v>0</v>
      </c>
      <c r="LA42" s="152">
        <v>0</v>
      </c>
      <c r="LB42" s="156"/>
      <c r="LC42" s="148">
        <v>0</v>
      </c>
      <c r="LD42" s="148">
        <v>0</v>
      </c>
      <c r="LE42" s="148">
        <v>0</v>
      </c>
      <c r="LF42" s="148">
        <v>0</v>
      </c>
      <c r="LG42" s="148">
        <v>0</v>
      </c>
      <c r="LH42" s="152">
        <v>0</v>
      </c>
      <c r="LI42" s="153">
        <v>0</v>
      </c>
      <c r="LJ42" s="150">
        <v>0</v>
      </c>
      <c r="LK42" s="148">
        <v>0</v>
      </c>
      <c r="LL42" s="152">
        <v>0</v>
      </c>
      <c r="LM42" s="156"/>
      <c r="LN42" s="148">
        <v>0</v>
      </c>
      <c r="LO42" s="148">
        <v>0</v>
      </c>
      <c r="LP42" s="148">
        <v>0</v>
      </c>
      <c r="LQ42" s="148">
        <v>0</v>
      </c>
      <c r="LR42" s="148">
        <v>0</v>
      </c>
      <c r="LS42" s="152">
        <v>0</v>
      </c>
      <c r="LT42" s="299">
        <v>0</v>
      </c>
      <c r="LU42" s="150">
        <v>0</v>
      </c>
      <c r="LV42" s="148">
        <v>0</v>
      </c>
      <c r="LW42" s="152">
        <v>0</v>
      </c>
      <c r="LX42" s="156"/>
      <c r="LY42" s="148">
        <v>0</v>
      </c>
      <c r="LZ42" s="148">
        <v>0</v>
      </c>
      <c r="MA42" s="148">
        <v>0</v>
      </c>
      <c r="MB42" s="148">
        <v>0</v>
      </c>
      <c r="MC42" s="148">
        <v>0</v>
      </c>
      <c r="MD42" s="152">
        <v>0</v>
      </c>
      <c r="ME42" s="153">
        <v>0</v>
      </c>
      <c r="MF42" s="150">
        <v>0</v>
      </c>
      <c r="MG42" s="148">
        <v>0</v>
      </c>
      <c r="MH42" s="152">
        <v>0</v>
      </c>
      <c r="MI42" s="156"/>
      <c r="MJ42" s="148">
        <v>0</v>
      </c>
      <c r="MK42" s="148">
        <v>0</v>
      </c>
      <c r="ML42" s="148">
        <v>0</v>
      </c>
      <c r="MM42" s="148">
        <v>0</v>
      </c>
      <c r="MN42" s="148">
        <v>0</v>
      </c>
      <c r="MO42" s="152">
        <v>0</v>
      </c>
      <c r="MP42" s="154">
        <v>0</v>
      </c>
      <c r="MQ42" s="150">
        <v>0</v>
      </c>
      <c r="MR42" s="148">
        <v>0</v>
      </c>
      <c r="MS42" s="152">
        <v>0</v>
      </c>
      <c r="MT42" s="156"/>
      <c r="MU42" s="148">
        <v>0</v>
      </c>
      <c r="MV42" s="148">
        <v>0</v>
      </c>
      <c r="MW42" s="148">
        <v>0</v>
      </c>
      <c r="MX42" s="148">
        <v>0</v>
      </c>
      <c r="MY42" s="148">
        <v>0</v>
      </c>
      <c r="MZ42" s="152">
        <v>0</v>
      </c>
      <c r="NA42" s="154">
        <v>0</v>
      </c>
      <c r="NB42" s="150">
        <v>0</v>
      </c>
      <c r="NC42" s="148">
        <v>0</v>
      </c>
      <c r="ND42" s="152">
        <v>0</v>
      </c>
      <c r="NE42" s="156"/>
      <c r="NF42" s="148">
        <v>0</v>
      </c>
      <c r="NG42" s="148">
        <v>0</v>
      </c>
      <c r="NH42" s="148">
        <v>0</v>
      </c>
      <c r="NI42" s="148">
        <v>0</v>
      </c>
      <c r="NJ42" s="148">
        <v>0</v>
      </c>
      <c r="NK42" s="152">
        <v>0</v>
      </c>
      <c r="NL42" s="299">
        <v>0</v>
      </c>
      <c r="NM42" s="150">
        <v>0</v>
      </c>
      <c r="NN42" s="148">
        <v>0</v>
      </c>
      <c r="NO42" s="152">
        <v>0</v>
      </c>
      <c r="NP42" s="156"/>
      <c r="NQ42" s="148">
        <v>0</v>
      </c>
      <c r="NR42" s="148">
        <v>0</v>
      </c>
      <c r="NS42" s="148">
        <v>0</v>
      </c>
      <c r="NT42" s="148">
        <v>0</v>
      </c>
      <c r="NU42" s="148">
        <v>0</v>
      </c>
      <c r="NV42" s="152">
        <v>0</v>
      </c>
      <c r="NW42" s="153">
        <v>0</v>
      </c>
      <c r="NX42" s="150">
        <v>0</v>
      </c>
      <c r="NY42" s="148">
        <v>0</v>
      </c>
      <c r="NZ42" s="152">
        <v>0</v>
      </c>
      <c r="OA42" s="156"/>
      <c r="OB42" s="148">
        <v>0</v>
      </c>
      <c r="OC42" s="148">
        <v>0</v>
      </c>
      <c r="OD42" s="148">
        <v>0</v>
      </c>
      <c r="OE42" s="148">
        <v>0</v>
      </c>
      <c r="OF42" s="148">
        <v>0</v>
      </c>
      <c r="OG42" s="152">
        <v>0</v>
      </c>
      <c r="OH42" s="153">
        <v>0</v>
      </c>
      <c r="OI42" s="150">
        <v>16741</v>
      </c>
      <c r="OJ42" s="148">
        <v>0</v>
      </c>
      <c r="OK42" s="149">
        <v>16741</v>
      </c>
      <c r="OL42" s="151">
        <v>0</v>
      </c>
      <c r="OM42" s="148">
        <v>0</v>
      </c>
      <c r="ON42" s="148">
        <v>0</v>
      </c>
      <c r="OO42" s="148">
        <v>0</v>
      </c>
      <c r="OP42" s="148">
        <v>194465</v>
      </c>
      <c r="OQ42" s="148">
        <v>295450</v>
      </c>
      <c r="OR42" s="152">
        <v>489915</v>
      </c>
      <c r="OS42" s="154">
        <v>506656</v>
      </c>
    </row>
    <row r="43" spans="2:409" x14ac:dyDescent="0.2">
      <c r="B43" s="39"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59055118110236227" right="0.39370078740157483" top="0.39370078740157483" bottom="0.43307086614173229" header="0.19685039370078741" footer="0.19685039370078741"/>
  <pageSetup paperSize="9" scale="40" orientation="landscape" r:id="rId1"/>
  <headerFooter alignWithMargins="0">
    <oddFooter>&amp;L&amp;20&amp;A&amp;C&amp;P/&amp;N</oddFooter>
  </headerFooter>
  <colBreaks count="9" manualBreakCount="9">
    <brk id="35" max="1048575" man="1"/>
    <brk id="68" max="1048575" man="1"/>
    <brk id="101" max="1048575" man="1"/>
    <brk id="134" max="1048575" man="1"/>
    <brk id="167" max="1048575" man="1"/>
    <brk id="200" max="1048575" man="1"/>
    <brk id="233" max="1048575" man="1"/>
    <brk id="266" max="42" man="1"/>
    <brk id="299"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3.77734375" style="272" customWidth="1"/>
    <col min="2" max="2" width="9.77734375" style="272" customWidth="1"/>
    <col min="3" max="4" width="9.21875" style="272" bestFit="1" customWidth="1"/>
    <col min="5" max="5" width="10.77734375" style="272" bestFit="1" customWidth="1"/>
    <col min="6" max="6" width="7.88671875" style="272" customWidth="1"/>
    <col min="7" max="11" width="10.44140625" style="272" bestFit="1" customWidth="1"/>
    <col min="12" max="13" width="11.6640625" style="272" bestFit="1" customWidth="1"/>
    <col min="14" max="16" width="9.21875" style="272" bestFit="1" customWidth="1"/>
    <col min="17" max="17" width="7.44140625" style="272" customWidth="1"/>
    <col min="18" max="18" width="9.21875" style="272" bestFit="1" customWidth="1"/>
    <col min="19" max="22" width="10.44140625" style="272" bestFit="1" customWidth="1"/>
    <col min="23" max="24" width="11.6640625" style="272" bestFit="1" customWidth="1"/>
    <col min="25" max="27" width="9.109375" style="272" bestFit="1" customWidth="1"/>
    <col min="28" max="28" width="7" style="272" customWidth="1"/>
    <col min="29" max="30" width="9.109375" style="272" bestFit="1" customWidth="1"/>
    <col min="31" max="32" width="9.6640625" style="272" bestFit="1" customWidth="1"/>
    <col min="33" max="33" width="9.109375" style="272" bestFit="1" customWidth="1"/>
    <col min="34" max="35" width="9.6640625" style="272" bestFit="1" customWidth="1"/>
    <col min="36" max="38" width="9.109375" style="272" bestFit="1" customWidth="1"/>
    <col min="39" max="39" width="7.33203125" style="272" customWidth="1"/>
    <col min="40" max="49" width="9.109375" style="272" bestFit="1" customWidth="1"/>
    <col min="50" max="50" width="7.33203125" style="272" customWidth="1"/>
    <col min="51" max="60" width="9.109375" style="272" bestFit="1" customWidth="1"/>
    <col min="61" max="61" width="7.77734375" style="272" customWidth="1"/>
    <col min="62" max="71" width="9.109375" style="272" bestFit="1" customWidth="1"/>
    <col min="72" max="72" width="7.77734375" style="272" customWidth="1"/>
    <col min="73" max="77" width="9.109375" style="272" bestFit="1" customWidth="1"/>
    <col min="78" max="79" width="9.6640625" style="272" bestFit="1" customWidth="1"/>
    <col min="80" max="82" width="9.109375" style="272" bestFit="1" customWidth="1"/>
    <col min="83" max="83" width="7.88671875" style="272" customWidth="1"/>
    <col min="84" max="93" width="9.109375" style="272" bestFit="1" customWidth="1"/>
    <col min="94" max="94" width="8" style="272" customWidth="1"/>
    <col min="95" max="104" width="9.109375" style="272" bestFit="1" customWidth="1"/>
    <col min="105" max="105" width="8" style="272" customWidth="1"/>
    <col min="106" max="115" width="9.109375" style="272" bestFit="1" customWidth="1"/>
    <col min="116" max="116" width="7.6640625" style="272" customWidth="1"/>
    <col min="117" max="117" width="9.109375" style="272" bestFit="1" customWidth="1"/>
    <col min="118" max="121" width="9.6640625" style="272" bestFit="1" customWidth="1"/>
    <col min="122" max="123" width="10.6640625" style="272" bestFit="1" customWidth="1"/>
    <col min="124" max="126" width="9.109375" style="272" bestFit="1" customWidth="1"/>
    <col min="127" max="127" width="7.44140625" style="272" customWidth="1"/>
    <col min="128" max="129" width="9.109375" style="272" bestFit="1" customWidth="1"/>
    <col min="130" max="134" width="9.6640625" style="272" bestFit="1" customWidth="1"/>
    <col min="135" max="137" width="9.109375" style="272" bestFit="1" customWidth="1"/>
    <col min="138" max="138" width="7.6640625" style="272" customWidth="1"/>
    <col min="139" max="148" width="9.109375" style="272" bestFit="1" customWidth="1"/>
    <col min="149" max="149" width="7.77734375" style="272" customWidth="1"/>
    <col min="150" max="159" width="9.109375" style="272" bestFit="1" customWidth="1"/>
    <col min="160" max="160" width="7.77734375" style="272" customWidth="1"/>
    <col min="161" max="170" width="9.109375" style="272" bestFit="1" customWidth="1"/>
    <col min="171" max="171" width="7.33203125" style="272" customWidth="1"/>
    <col min="172" max="181" width="9.109375" style="272" bestFit="1" customWidth="1"/>
    <col min="182" max="182" width="8" style="272" customWidth="1"/>
    <col min="183" max="188" width="9.109375" style="272" bestFit="1" customWidth="1"/>
    <col min="189" max="189" width="9.6640625" style="272" bestFit="1" customWidth="1"/>
    <col min="190" max="192" width="9.109375" style="272" bestFit="1" customWidth="1"/>
    <col min="193" max="193" width="7.44140625" style="272" customWidth="1"/>
    <col min="194" max="203" width="9.109375" style="272" bestFit="1" customWidth="1"/>
    <col min="204" max="204" width="7.88671875" style="272" customWidth="1"/>
    <col min="205" max="214" width="9.109375" style="272" bestFit="1" customWidth="1"/>
    <col min="215" max="215" width="7.88671875" style="272" customWidth="1"/>
    <col min="216" max="225" width="9.109375" style="272" bestFit="1" customWidth="1"/>
    <col min="226" max="226" width="7.6640625" style="272" customWidth="1"/>
    <col min="227" max="229" width="9.6640625" style="272" bestFit="1" customWidth="1"/>
    <col min="230" max="230" width="10.6640625" style="272" bestFit="1" customWidth="1"/>
    <col min="231" max="231" width="9.6640625" style="272" bestFit="1" customWidth="1"/>
    <col min="232" max="233" width="10.6640625" style="272" bestFit="1" customWidth="1"/>
    <col min="234" max="16384" width="9" style="272"/>
  </cols>
  <sheetData>
    <row r="1" spans="2:233" s="1" customFormat="1" ht="24" customHeight="1" x14ac:dyDescent="0.2">
      <c r="B1" s="15" t="s">
        <v>0</v>
      </c>
      <c r="C1" s="34"/>
      <c r="D1" s="34"/>
      <c r="E1" s="468">
        <f>第１表!F2</f>
        <v>5</v>
      </c>
      <c r="F1" s="469">
        <f>第１表!G2</f>
        <v>9</v>
      </c>
      <c r="G1" s="583">
        <f>IF(F1&lt;3,F1-2+12,F1-2)</f>
        <v>7</v>
      </c>
      <c r="H1" s="583"/>
      <c r="L1" s="34"/>
      <c r="CL1" s="34"/>
      <c r="CM1" s="34"/>
      <c r="CN1" s="34"/>
      <c r="CO1" s="34"/>
      <c r="CP1" s="34"/>
      <c r="CQ1" s="34"/>
      <c r="CR1" s="34"/>
      <c r="CS1" s="34"/>
      <c r="CT1" s="34"/>
      <c r="CU1" s="34"/>
      <c r="CV1" s="34"/>
      <c r="CW1" s="34"/>
      <c r="CX1" s="34"/>
      <c r="CY1" s="34"/>
      <c r="CZ1" s="34"/>
      <c r="DA1" s="34"/>
      <c r="DB1" s="34"/>
      <c r="DC1" s="34"/>
      <c r="DD1" s="34"/>
      <c r="DE1" s="34"/>
      <c r="DF1" s="34"/>
      <c r="DG1" s="34"/>
      <c r="DH1" s="34"/>
      <c r="DI1" s="34"/>
      <c r="DJ1" s="34"/>
      <c r="DK1" s="34"/>
      <c r="DL1" s="34"/>
      <c r="DM1" s="34"/>
      <c r="DN1" s="34"/>
      <c r="DO1" s="34"/>
      <c r="DP1" s="34"/>
      <c r="DQ1" s="34"/>
      <c r="DR1" s="34"/>
      <c r="DS1" s="34"/>
      <c r="DT1" s="34"/>
      <c r="DU1" s="34"/>
      <c r="DV1" s="34"/>
      <c r="DW1" s="34"/>
      <c r="DX1" s="34"/>
      <c r="DY1" s="34"/>
      <c r="DZ1" s="34"/>
      <c r="EA1" s="34"/>
      <c r="EB1" s="34"/>
      <c r="EC1" s="34"/>
    </row>
    <row r="2" spans="2:233" ht="24" customHeight="1" thickBot="1" x14ac:dyDescent="0.25">
      <c r="B2" s="15" t="s">
        <v>120</v>
      </c>
    </row>
    <row r="3" spans="2:233" ht="21" customHeight="1" thickBot="1" x14ac:dyDescent="0.25">
      <c r="B3" s="728"/>
      <c r="C3" s="706" t="s">
        <v>116</v>
      </c>
      <c r="D3" s="707"/>
      <c r="E3" s="707"/>
      <c r="F3" s="707"/>
      <c r="G3" s="707"/>
      <c r="H3" s="707"/>
      <c r="I3" s="707"/>
      <c r="J3" s="707"/>
      <c r="K3" s="707"/>
      <c r="L3" s="707"/>
      <c r="M3" s="707"/>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4"/>
      <c r="CX3" s="494"/>
      <c r="CY3" s="494"/>
      <c r="CZ3" s="494"/>
      <c r="DA3" s="494"/>
      <c r="DB3" s="494"/>
      <c r="DC3" s="494"/>
      <c r="DD3" s="494"/>
      <c r="DE3" s="494"/>
      <c r="DF3" s="494"/>
      <c r="DG3" s="494"/>
      <c r="DH3" s="495"/>
      <c r="DI3" s="706" t="s">
        <v>118</v>
      </c>
      <c r="DJ3" s="707"/>
      <c r="DK3" s="707"/>
      <c r="DL3" s="707"/>
      <c r="DM3" s="707"/>
      <c r="DN3" s="707"/>
      <c r="DO3" s="707"/>
      <c r="DP3" s="707"/>
      <c r="DQ3" s="707"/>
      <c r="DR3" s="707"/>
      <c r="DS3" s="707"/>
      <c r="DT3" s="707"/>
      <c r="DU3" s="707"/>
      <c r="DV3" s="707"/>
      <c r="DW3" s="707"/>
      <c r="DX3" s="707"/>
      <c r="DY3" s="707"/>
      <c r="DZ3" s="707"/>
      <c r="EA3" s="707"/>
      <c r="EB3" s="707"/>
      <c r="EC3" s="707"/>
      <c r="ED3" s="707"/>
      <c r="EE3" s="707"/>
      <c r="EF3" s="707"/>
      <c r="EG3" s="707"/>
      <c r="EH3" s="707"/>
      <c r="EI3" s="707"/>
      <c r="EJ3" s="707"/>
      <c r="EK3" s="707"/>
      <c r="EL3" s="707"/>
      <c r="EM3" s="707"/>
      <c r="EN3" s="707"/>
      <c r="EO3" s="707"/>
      <c r="EP3" s="707"/>
      <c r="EQ3" s="707"/>
      <c r="ER3" s="707"/>
      <c r="ES3" s="707"/>
      <c r="ET3" s="707"/>
      <c r="EU3" s="707"/>
      <c r="EV3" s="707"/>
      <c r="EW3" s="707"/>
      <c r="EX3" s="707"/>
      <c r="EY3" s="707"/>
      <c r="EZ3" s="707"/>
      <c r="FA3" s="707"/>
      <c r="FB3" s="707"/>
      <c r="FC3" s="707"/>
      <c r="FD3" s="707"/>
      <c r="FE3" s="707"/>
      <c r="FF3" s="707"/>
      <c r="FG3" s="707"/>
      <c r="FH3" s="707"/>
      <c r="FI3" s="707"/>
      <c r="FJ3" s="707"/>
      <c r="FK3" s="707"/>
      <c r="FL3" s="707"/>
      <c r="FM3" s="707"/>
      <c r="FN3" s="707"/>
      <c r="FO3" s="707"/>
      <c r="FP3" s="707"/>
      <c r="FQ3" s="707"/>
      <c r="FR3" s="707"/>
      <c r="FS3" s="707"/>
      <c r="FT3" s="707"/>
      <c r="FU3" s="707"/>
      <c r="FV3" s="707"/>
      <c r="FW3" s="707"/>
      <c r="FX3" s="707"/>
      <c r="FY3" s="707"/>
      <c r="FZ3" s="707"/>
      <c r="GA3" s="707"/>
      <c r="GB3" s="707"/>
      <c r="GC3" s="707"/>
      <c r="GD3" s="707"/>
      <c r="GE3" s="707"/>
      <c r="GF3" s="707"/>
      <c r="GG3" s="707"/>
      <c r="GH3" s="707"/>
      <c r="GI3" s="707"/>
      <c r="GJ3" s="707"/>
      <c r="GK3" s="707"/>
      <c r="GL3" s="707"/>
      <c r="GM3" s="707"/>
      <c r="GN3" s="707"/>
      <c r="GO3" s="707"/>
      <c r="GP3" s="707"/>
      <c r="GQ3" s="707"/>
      <c r="GR3" s="707"/>
      <c r="GS3" s="707"/>
      <c r="GT3" s="707"/>
      <c r="GU3" s="707"/>
      <c r="GV3" s="707"/>
      <c r="GW3" s="707"/>
      <c r="GX3" s="707"/>
      <c r="GY3" s="707"/>
      <c r="GZ3" s="707"/>
      <c r="HA3" s="707"/>
      <c r="HB3" s="707"/>
      <c r="HC3" s="707"/>
      <c r="HD3" s="707"/>
      <c r="HE3" s="707"/>
      <c r="HF3" s="707"/>
      <c r="HG3" s="707"/>
      <c r="HH3" s="707"/>
      <c r="HI3" s="707"/>
      <c r="HJ3" s="707"/>
      <c r="HK3" s="707"/>
      <c r="HL3" s="707"/>
      <c r="HM3" s="707"/>
      <c r="HN3" s="708"/>
      <c r="HO3" s="713" t="s">
        <v>60</v>
      </c>
      <c r="HP3" s="714"/>
      <c r="HQ3" s="714"/>
      <c r="HR3" s="714"/>
      <c r="HS3" s="714"/>
      <c r="HT3" s="714"/>
      <c r="HU3" s="714"/>
      <c r="HV3" s="714"/>
      <c r="HW3" s="714"/>
      <c r="HX3" s="714"/>
      <c r="HY3" s="715"/>
    </row>
    <row r="4" spans="2:233" ht="21" customHeight="1" thickBot="1" x14ac:dyDescent="0.25">
      <c r="B4" s="729"/>
      <c r="C4" s="709"/>
      <c r="D4" s="710"/>
      <c r="E4" s="710"/>
      <c r="F4" s="710"/>
      <c r="G4" s="710"/>
      <c r="H4" s="710"/>
      <c r="I4" s="710"/>
      <c r="J4" s="710"/>
      <c r="K4" s="710"/>
      <c r="L4" s="710"/>
      <c r="M4" s="712"/>
      <c r="N4" s="703" t="s">
        <v>57</v>
      </c>
      <c r="O4" s="704"/>
      <c r="P4" s="704"/>
      <c r="Q4" s="704"/>
      <c r="R4" s="704"/>
      <c r="S4" s="704"/>
      <c r="T4" s="704"/>
      <c r="U4" s="704"/>
      <c r="V4" s="704"/>
      <c r="W4" s="704"/>
      <c r="X4" s="705"/>
      <c r="Y4" s="703" t="s">
        <v>58</v>
      </c>
      <c r="Z4" s="704"/>
      <c r="AA4" s="704"/>
      <c r="AB4" s="704"/>
      <c r="AC4" s="704"/>
      <c r="AD4" s="704"/>
      <c r="AE4" s="704"/>
      <c r="AF4" s="704"/>
      <c r="AG4" s="704"/>
      <c r="AH4" s="704"/>
      <c r="AI4" s="705"/>
      <c r="AJ4" s="703" t="s">
        <v>59</v>
      </c>
      <c r="AK4" s="704"/>
      <c r="AL4" s="704"/>
      <c r="AM4" s="704"/>
      <c r="AN4" s="704"/>
      <c r="AO4" s="704"/>
      <c r="AP4" s="704"/>
      <c r="AQ4" s="704"/>
      <c r="AR4" s="704"/>
      <c r="AS4" s="704"/>
      <c r="AT4" s="705"/>
      <c r="AU4" s="703" t="s">
        <v>150</v>
      </c>
      <c r="AV4" s="704"/>
      <c r="AW4" s="704"/>
      <c r="AX4" s="704"/>
      <c r="AY4" s="704"/>
      <c r="AZ4" s="704"/>
      <c r="BA4" s="704"/>
      <c r="BB4" s="704"/>
      <c r="BC4" s="704"/>
      <c r="BD4" s="704"/>
      <c r="BE4" s="705"/>
      <c r="BF4" s="703" t="s">
        <v>117</v>
      </c>
      <c r="BG4" s="704"/>
      <c r="BH4" s="704"/>
      <c r="BI4" s="704"/>
      <c r="BJ4" s="704"/>
      <c r="BK4" s="704"/>
      <c r="BL4" s="704"/>
      <c r="BM4" s="704"/>
      <c r="BN4" s="704"/>
      <c r="BO4" s="704"/>
      <c r="BP4" s="705"/>
      <c r="BQ4" s="703" t="s">
        <v>77</v>
      </c>
      <c r="BR4" s="704"/>
      <c r="BS4" s="704"/>
      <c r="BT4" s="704"/>
      <c r="BU4" s="704"/>
      <c r="BV4" s="704"/>
      <c r="BW4" s="704"/>
      <c r="BX4" s="704"/>
      <c r="BY4" s="704"/>
      <c r="BZ4" s="704"/>
      <c r="CA4" s="705"/>
      <c r="CB4" s="703" t="s">
        <v>78</v>
      </c>
      <c r="CC4" s="704"/>
      <c r="CD4" s="704"/>
      <c r="CE4" s="704"/>
      <c r="CF4" s="704"/>
      <c r="CG4" s="704"/>
      <c r="CH4" s="704"/>
      <c r="CI4" s="704"/>
      <c r="CJ4" s="704"/>
      <c r="CK4" s="704"/>
      <c r="CL4" s="705"/>
      <c r="CM4" s="703" t="s">
        <v>79</v>
      </c>
      <c r="CN4" s="704"/>
      <c r="CO4" s="704"/>
      <c r="CP4" s="704"/>
      <c r="CQ4" s="704"/>
      <c r="CR4" s="704"/>
      <c r="CS4" s="704"/>
      <c r="CT4" s="704"/>
      <c r="CU4" s="704"/>
      <c r="CV4" s="704"/>
      <c r="CW4" s="705"/>
      <c r="CX4" s="703" t="s">
        <v>151</v>
      </c>
      <c r="CY4" s="704"/>
      <c r="CZ4" s="704"/>
      <c r="DA4" s="704"/>
      <c r="DB4" s="704"/>
      <c r="DC4" s="704"/>
      <c r="DD4" s="704"/>
      <c r="DE4" s="704"/>
      <c r="DF4" s="704"/>
      <c r="DG4" s="704"/>
      <c r="DH4" s="705"/>
      <c r="DI4" s="709"/>
      <c r="DJ4" s="710"/>
      <c r="DK4" s="710"/>
      <c r="DL4" s="710"/>
      <c r="DM4" s="710"/>
      <c r="DN4" s="710"/>
      <c r="DO4" s="710"/>
      <c r="DP4" s="710"/>
      <c r="DQ4" s="710"/>
      <c r="DR4" s="710"/>
      <c r="DS4" s="711"/>
      <c r="DT4" s="703" t="s">
        <v>57</v>
      </c>
      <c r="DU4" s="704"/>
      <c r="DV4" s="704"/>
      <c r="DW4" s="704"/>
      <c r="DX4" s="704"/>
      <c r="DY4" s="704"/>
      <c r="DZ4" s="704"/>
      <c r="EA4" s="704"/>
      <c r="EB4" s="704"/>
      <c r="EC4" s="704"/>
      <c r="ED4" s="705"/>
      <c r="EE4" s="703" t="s">
        <v>58</v>
      </c>
      <c r="EF4" s="704"/>
      <c r="EG4" s="704"/>
      <c r="EH4" s="704"/>
      <c r="EI4" s="704"/>
      <c r="EJ4" s="704"/>
      <c r="EK4" s="704"/>
      <c r="EL4" s="704"/>
      <c r="EM4" s="704"/>
      <c r="EN4" s="704"/>
      <c r="EO4" s="705"/>
      <c r="EP4" s="703" t="s">
        <v>59</v>
      </c>
      <c r="EQ4" s="704"/>
      <c r="ER4" s="704"/>
      <c r="ES4" s="704"/>
      <c r="ET4" s="704"/>
      <c r="EU4" s="704"/>
      <c r="EV4" s="704"/>
      <c r="EW4" s="704"/>
      <c r="EX4" s="704"/>
      <c r="EY4" s="704"/>
      <c r="EZ4" s="705"/>
      <c r="FA4" s="703" t="s">
        <v>150</v>
      </c>
      <c r="FB4" s="704"/>
      <c r="FC4" s="704"/>
      <c r="FD4" s="704"/>
      <c r="FE4" s="704"/>
      <c r="FF4" s="704"/>
      <c r="FG4" s="704"/>
      <c r="FH4" s="704"/>
      <c r="FI4" s="704"/>
      <c r="FJ4" s="704"/>
      <c r="FK4" s="705"/>
      <c r="FL4" s="703" t="s">
        <v>117</v>
      </c>
      <c r="FM4" s="704"/>
      <c r="FN4" s="704"/>
      <c r="FO4" s="704"/>
      <c r="FP4" s="704"/>
      <c r="FQ4" s="704"/>
      <c r="FR4" s="704"/>
      <c r="FS4" s="704"/>
      <c r="FT4" s="704"/>
      <c r="FU4" s="704"/>
      <c r="FV4" s="705"/>
      <c r="FW4" s="703" t="s">
        <v>77</v>
      </c>
      <c r="FX4" s="704"/>
      <c r="FY4" s="704"/>
      <c r="FZ4" s="704"/>
      <c r="GA4" s="704"/>
      <c r="GB4" s="704"/>
      <c r="GC4" s="704"/>
      <c r="GD4" s="704"/>
      <c r="GE4" s="704"/>
      <c r="GF4" s="704"/>
      <c r="GG4" s="705"/>
      <c r="GH4" s="703" t="s">
        <v>78</v>
      </c>
      <c r="GI4" s="704"/>
      <c r="GJ4" s="704"/>
      <c r="GK4" s="704"/>
      <c r="GL4" s="704"/>
      <c r="GM4" s="704"/>
      <c r="GN4" s="704"/>
      <c r="GO4" s="704"/>
      <c r="GP4" s="704"/>
      <c r="GQ4" s="704"/>
      <c r="GR4" s="705"/>
      <c r="GS4" s="703" t="s">
        <v>79</v>
      </c>
      <c r="GT4" s="704"/>
      <c r="GU4" s="704"/>
      <c r="GV4" s="704"/>
      <c r="GW4" s="704"/>
      <c r="GX4" s="704"/>
      <c r="GY4" s="704"/>
      <c r="GZ4" s="704"/>
      <c r="HA4" s="704"/>
      <c r="HB4" s="704"/>
      <c r="HC4" s="705"/>
      <c r="HD4" s="703" t="s">
        <v>151</v>
      </c>
      <c r="HE4" s="704"/>
      <c r="HF4" s="704"/>
      <c r="HG4" s="704"/>
      <c r="HH4" s="704"/>
      <c r="HI4" s="704"/>
      <c r="HJ4" s="704"/>
      <c r="HK4" s="704"/>
      <c r="HL4" s="704"/>
      <c r="HM4" s="704"/>
      <c r="HN4" s="705"/>
      <c r="HO4" s="716"/>
      <c r="HP4" s="717"/>
      <c r="HQ4" s="717"/>
      <c r="HR4" s="717"/>
      <c r="HS4" s="717"/>
      <c r="HT4" s="717"/>
      <c r="HU4" s="717"/>
      <c r="HV4" s="717"/>
      <c r="HW4" s="717"/>
      <c r="HX4" s="717"/>
      <c r="HY4" s="718"/>
    </row>
    <row r="5" spans="2:233" ht="21" customHeight="1" x14ac:dyDescent="0.2">
      <c r="B5" s="729"/>
      <c r="C5" s="719" t="s">
        <v>61</v>
      </c>
      <c r="D5" s="720"/>
      <c r="E5" s="721"/>
      <c r="F5" s="722" t="s">
        <v>62</v>
      </c>
      <c r="G5" s="720"/>
      <c r="H5" s="720"/>
      <c r="I5" s="720"/>
      <c r="J5" s="720"/>
      <c r="K5" s="720"/>
      <c r="L5" s="723"/>
      <c r="M5" s="724" t="s">
        <v>52</v>
      </c>
      <c r="N5" s="709" t="s">
        <v>61</v>
      </c>
      <c r="O5" s="710"/>
      <c r="P5" s="711"/>
      <c r="Q5" s="726" t="s">
        <v>62</v>
      </c>
      <c r="R5" s="710"/>
      <c r="S5" s="710"/>
      <c r="T5" s="710"/>
      <c r="U5" s="710"/>
      <c r="V5" s="710"/>
      <c r="W5" s="727"/>
      <c r="X5" s="644" t="s">
        <v>52</v>
      </c>
      <c r="Y5" s="709" t="s">
        <v>61</v>
      </c>
      <c r="Z5" s="710"/>
      <c r="AA5" s="711"/>
      <c r="AB5" s="726" t="s">
        <v>62</v>
      </c>
      <c r="AC5" s="710"/>
      <c r="AD5" s="710"/>
      <c r="AE5" s="710"/>
      <c r="AF5" s="710"/>
      <c r="AG5" s="710"/>
      <c r="AH5" s="727"/>
      <c r="AI5" s="644" t="s">
        <v>52</v>
      </c>
      <c r="AJ5" s="709" t="s">
        <v>61</v>
      </c>
      <c r="AK5" s="710"/>
      <c r="AL5" s="711"/>
      <c r="AM5" s="726" t="s">
        <v>62</v>
      </c>
      <c r="AN5" s="710"/>
      <c r="AO5" s="710"/>
      <c r="AP5" s="710"/>
      <c r="AQ5" s="710"/>
      <c r="AR5" s="710"/>
      <c r="AS5" s="727"/>
      <c r="AT5" s="644" t="s">
        <v>52</v>
      </c>
      <c r="AU5" s="709" t="s">
        <v>61</v>
      </c>
      <c r="AV5" s="710"/>
      <c r="AW5" s="711"/>
      <c r="AX5" s="726" t="s">
        <v>62</v>
      </c>
      <c r="AY5" s="710"/>
      <c r="AZ5" s="710"/>
      <c r="BA5" s="710"/>
      <c r="BB5" s="710"/>
      <c r="BC5" s="710"/>
      <c r="BD5" s="727"/>
      <c r="BE5" s="644" t="s">
        <v>52</v>
      </c>
      <c r="BF5" s="709" t="s">
        <v>61</v>
      </c>
      <c r="BG5" s="710"/>
      <c r="BH5" s="711"/>
      <c r="BI5" s="726" t="s">
        <v>62</v>
      </c>
      <c r="BJ5" s="710"/>
      <c r="BK5" s="710"/>
      <c r="BL5" s="710"/>
      <c r="BM5" s="710"/>
      <c r="BN5" s="710"/>
      <c r="BO5" s="727"/>
      <c r="BP5" s="644" t="s">
        <v>52</v>
      </c>
      <c r="BQ5" s="709" t="s">
        <v>61</v>
      </c>
      <c r="BR5" s="710"/>
      <c r="BS5" s="711"/>
      <c r="BT5" s="726" t="s">
        <v>62</v>
      </c>
      <c r="BU5" s="710"/>
      <c r="BV5" s="710"/>
      <c r="BW5" s="710"/>
      <c r="BX5" s="710"/>
      <c r="BY5" s="710"/>
      <c r="BZ5" s="727"/>
      <c r="CA5" s="644" t="s">
        <v>52</v>
      </c>
      <c r="CB5" s="709" t="s">
        <v>61</v>
      </c>
      <c r="CC5" s="710"/>
      <c r="CD5" s="711"/>
      <c r="CE5" s="726" t="s">
        <v>62</v>
      </c>
      <c r="CF5" s="710"/>
      <c r="CG5" s="710"/>
      <c r="CH5" s="710"/>
      <c r="CI5" s="710"/>
      <c r="CJ5" s="710"/>
      <c r="CK5" s="727"/>
      <c r="CL5" s="644" t="s">
        <v>52</v>
      </c>
      <c r="CM5" s="709" t="s">
        <v>61</v>
      </c>
      <c r="CN5" s="710"/>
      <c r="CO5" s="711"/>
      <c r="CP5" s="726" t="s">
        <v>62</v>
      </c>
      <c r="CQ5" s="710"/>
      <c r="CR5" s="710"/>
      <c r="CS5" s="710"/>
      <c r="CT5" s="710"/>
      <c r="CU5" s="710"/>
      <c r="CV5" s="727"/>
      <c r="CW5" s="644" t="s">
        <v>52</v>
      </c>
      <c r="CX5" s="709" t="s">
        <v>61</v>
      </c>
      <c r="CY5" s="710"/>
      <c r="CZ5" s="711"/>
      <c r="DA5" s="726" t="s">
        <v>62</v>
      </c>
      <c r="DB5" s="710"/>
      <c r="DC5" s="710"/>
      <c r="DD5" s="710"/>
      <c r="DE5" s="710"/>
      <c r="DF5" s="710"/>
      <c r="DG5" s="727"/>
      <c r="DH5" s="644" t="s">
        <v>52</v>
      </c>
      <c r="DI5" s="719" t="s">
        <v>61</v>
      </c>
      <c r="DJ5" s="720"/>
      <c r="DK5" s="721"/>
      <c r="DL5" s="722" t="s">
        <v>62</v>
      </c>
      <c r="DM5" s="720"/>
      <c r="DN5" s="720"/>
      <c r="DO5" s="720"/>
      <c r="DP5" s="720"/>
      <c r="DQ5" s="720"/>
      <c r="DR5" s="723"/>
      <c r="DS5" s="731" t="s">
        <v>52</v>
      </c>
      <c r="DT5" s="709" t="s">
        <v>61</v>
      </c>
      <c r="DU5" s="710"/>
      <c r="DV5" s="711"/>
      <c r="DW5" s="726" t="s">
        <v>62</v>
      </c>
      <c r="DX5" s="710"/>
      <c r="DY5" s="710"/>
      <c r="DZ5" s="710"/>
      <c r="EA5" s="710"/>
      <c r="EB5" s="710"/>
      <c r="EC5" s="727"/>
      <c r="ED5" s="644" t="s">
        <v>52</v>
      </c>
      <c r="EE5" s="709" t="s">
        <v>61</v>
      </c>
      <c r="EF5" s="710"/>
      <c r="EG5" s="711"/>
      <c r="EH5" s="726" t="s">
        <v>62</v>
      </c>
      <c r="EI5" s="710"/>
      <c r="EJ5" s="710"/>
      <c r="EK5" s="710"/>
      <c r="EL5" s="710"/>
      <c r="EM5" s="710"/>
      <c r="EN5" s="727"/>
      <c r="EO5" s="644" t="s">
        <v>52</v>
      </c>
      <c r="EP5" s="709" t="s">
        <v>61</v>
      </c>
      <c r="EQ5" s="710"/>
      <c r="ER5" s="711"/>
      <c r="ES5" s="726" t="s">
        <v>62</v>
      </c>
      <c r="ET5" s="710"/>
      <c r="EU5" s="710"/>
      <c r="EV5" s="710"/>
      <c r="EW5" s="710"/>
      <c r="EX5" s="710"/>
      <c r="EY5" s="727"/>
      <c r="EZ5" s="644" t="s">
        <v>52</v>
      </c>
      <c r="FA5" s="709" t="s">
        <v>61</v>
      </c>
      <c r="FB5" s="710"/>
      <c r="FC5" s="711"/>
      <c r="FD5" s="726" t="s">
        <v>62</v>
      </c>
      <c r="FE5" s="710"/>
      <c r="FF5" s="710"/>
      <c r="FG5" s="710"/>
      <c r="FH5" s="710"/>
      <c r="FI5" s="710"/>
      <c r="FJ5" s="727"/>
      <c r="FK5" s="644" t="s">
        <v>52</v>
      </c>
      <c r="FL5" s="709" t="s">
        <v>61</v>
      </c>
      <c r="FM5" s="710"/>
      <c r="FN5" s="711"/>
      <c r="FO5" s="726" t="s">
        <v>62</v>
      </c>
      <c r="FP5" s="710"/>
      <c r="FQ5" s="710"/>
      <c r="FR5" s="710"/>
      <c r="FS5" s="710"/>
      <c r="FT5" s="710"/>
      <c r="FU5" s="727"/>
      <c r="FV5" s="644" t="s">
        <v>52</v>
      </c>
      <c r="FW5" s="709" t="s">
        <v>61</v>
      </c>
      <c r="FX5" s="710"/>
      <c r="FY5" s="711"/>
      <c r="FZ5" s="726" t="s">
        <v>62</v>
      </c>
      <c r="GA5" s="710"/>
      <c r="GB5" s="710"/>
      <c r="GC5" s="710"/>
      <c r="GD5" s="710"/>
      <c r="GE5" s="710"/>
      <c r="GF5" s="727"/>
      <c r="GG5" s="644" t="s">
        <v>52</v>
      </c>
      <c r="GH5" s="709" t="s">
        <v>61</v>
      </c>
      <c r="GI5" s="710"/>
      <c r="GJ5" s="711"/>
      <c r="GK5" s="726" t="s">
        <v>62</v>
      </c>
      <c r="GL5" s="710"/>
      <c r="GM5" s="710"/>
      <c r="GN5" s="710"/>
      <c r="GO5" s="710"/>
      <c r="GP5" s="710"/>
      <c r="GQ5" s="727"/>
      <c r="GR5" s="644" t="s">
        <v>52</v>
      </c>
      <c r="GS5" s="709" t="s">
        <v>61</v>
      </c>
      <c r="GT5" s="710"/>
      <c r="GU5" s="711"/>
      <c r="GV5" s="726" t="s">
        <v>62</v>
      </c>
      <c r="GW5" s="710"/>
      <c r="GX5" s="710"/>
      <c r="GY5" s="710"/>
      <c r="GZ5" s="710"/>
      <c r="HA5" s="710"/>
      <c r="HB5" s="727"/>
      <c r="HC5" s="644" t="s">
        <v>52</v>
      </c>
      <c r="HD5" s="709" t="s">
        <v>61</v>
      </c>
      <c r="HE5" s="710"/>
      <c r="HF5" s="711"/>
      <c r="HG5" s="726" t="s">
        <v>62</v>
      </c>
      <c r="HH5" s="710"/>
      <c r="HI5" s="710"/>
      <c r="HJ5" s="710"/>
      <c r="HK5" s="710"/>
      <c r="HL5" s="710"/>
      <c r="HM5" s="727"/>
      <c r="HN5" s="644" t="s">
        <v>52</v>
      </c>
      <c r="HO5" s="709" t="s">
        <v>61</v>
      </c>
      <c r="HP5" s="710"/>
      <c r="HQ5" s="711"/>
      <c r="HR5" s="726" t="s">
        <v>62</v>
      </c>
      <c r="HS5" s="710"/>
      <c r="HT5" s="710"/>
      <c r="HU5" s="710"/>
      <c r="HV5" s="710"/>
      <c r="HW5" s="710"/>
      <c r="HX5" s="727"/>
      <c r="HY5" s="644" t="s">
        <v>52</v>
      </c>
    </row>
    <row r="6" spans="2:233" ht="30" customHeight="1" thickBot="1" x14ac:dyDescent="0.25">
      <c r="B6" s="730"/>
      <c r="C6" s="345" t="s">
        <v>119</v>
      </c>
      <c r="D6" s="346" t="s">
        <v>44</v>
      </c>
      <c r="E6" s="353" t="s">
        <v>45</v>
      </c>
      <c r="F6" s="354" t="s">
        <v>83</v>
      </c>
      <c r="G6" s="346" t="s">
        <v>47</v>
      </c>
      <c r="H6" s="346" t="s">
        <v>48</v>
      </c>
      <c r="I6" s="346" t="s">
        <v>49</v>
      </c>
      <c r="J6" s="346" t="s">
        <v>50</v>
      </c>
      <c r="K6" s="346" t="s">
        <v>51</v>
      </c>
      <c r="L6" s="355" t="s">
        <v>45</v>
      </c>
      <c r="M6" s="725"/>
      <c r="N6" s="345" t="s">
        <v>119</v>
      </c>
      <c r="O6" s="346" t="s">
        <v>44</v>
      </c>
      <c r="P6" s="353" t="s">
        <v>45</v>
      </c>
      <c r="Q6" s="354" t="s">
        <v>83</v>
      </c>
      <c r="R6" s="346" t="s">
        <v>47</v>
      </c>
      <c r="S6" s="346" t="s">
        <v>48</v>
      </c>
      <c r="T6" s="346" t="s">
        <v>49</v>
      </c>
      <c r="U6" s="346" t="s">
        <v>50</v>
      </c>
      <c r="V6" s="346" t="s">
        <v>51</v>
      </c>
      <c r="W6" s="355" t="s">
        <v>45</v>
      </c>
      <c r="X6" s="725"/>
      <c r="Y6" s="345" t="s">
        <v>119</v>
      </c>
      <c r="Z6" s="346" t="s">
        <v>44</v>
      </c>
      <c r="AA6" s="353" t="s">
        <v>45</v>
      </c>
      <c r="AB6" s="354" t="s">
        <v>83</v>
      </c>
      <c r="AC6" s="346" t="s">
        <v>47</v>
      </c>
      <c r="AD6" s="346" t="s">
        <v>48</v>
      </c>
      <c r="AE6" s="346" t="s">
        <v>49</v>
      </c>
      <c r="AF6" s="346" t="s">
        <v>50</v>
      </c>
      <c r="AG6" s="346" t="s">
        <v>51</v>
      </c>
      <c r="AH6" s="355" t="s">
        <v>45</v>
      </c>
      <c r="AI6" s="725"/>
      <c r="AJ6" s="345" t="s">
        <v>119</v>
      </c>
      <c r="AK6" s="346" t="s">
        <v>44</v>
      </c>
      <c r="AL6" s="353" t="s">
        <v>45</v>
      </c>
      <c r="AM6" s="354" t="s">
        <v>83</v>
      </c>
      <c r="AN6" s="346" t="s">
        <v>47</v>
      </c>
      <c r="AO6" s="346" t="s">
        <v>48</v>
      </c>
      <c r="AP6" s="346" t="s">
        <v>49</v>
      </c>
      <c r="AQ6" s="346" t="s">
        <v>50</v>
      </c>
      <c r="AR6" s="346" t="s">
        <v>51</v>
      </c>
      <c r="AS6" s="355" t="s">
        <v>45</v>
      </c>
      <c r="AT6" s="725"/>
      <c r="AU6" s="345" t="s">
        <v>119</v>
      </c>
      <c r="AV6" s="346" t="s">
        <v>44</v>
      </c>
      <c r="AW6" s="353" t="s">
        <v>45</v>
      </c>
      <c r="AX6" s="354" t="s">
        <v>83</v>
      </c>
      <c r="AY6" s="346" t="s">
        <v>47</v>
      </c>
      <c r="AZ6" s="346" t="s">
        <v>48</v>
      </c>
      <c r="BA6" s="346" t="s">
        <v>49</v>
      </c>
      <c r="BB6" s="346" t="s">
        <v>50</v>
      </c>
      <c r="BC6" s="346" t="s">
        <v>51</v>
      </c>
      <c r="BD6" s="355" t="s">
        <v>45</v>
      </c>
      <c r="BE6" s="725"/>
      <c r="BF6" s="345" t="s">
        <v>119</v>
      </c>
      <c r="BG6" s="346" t="s">
        <v>44</v>
      </c>
      <c r="BH6" s="353" t="s">
        <v>45</v>
      </c>
      <c r="BI6" s="354" t="s">
        <v>83</v>
      </c>
      <c r="BJ6" s="346" t="s">
        <v>47</v>
      </c>
      <c r="BK6" s="346" t="s">
        <v>48</v>
      </c>
      <c r="BL6" s="346" t="s">
        <v>49</v>
      </c>
      <c r="BM6" s="346" t="s">
        <v>50</v>
      </c>
      <c r="BN6" s="346" t="s">
        <v>51</v>
      </c>
      <c r="BO6" s="355" t="s">
        <v>45</v>
      </c>
      <c r="BP6" s="725"/>
      <c r="BQ6" s="345" t="s">
        <v>119</v>
      </c>
      <c r="BR6" s="346" t="s">
        <v>44</v>
      </c>
      <c r="BS6" s="353" t="s">
        <v>45</v>
      </c>
      <c r="BT6" s="354" t="s">
        <v>83</v>
      </c>
      <c r="BU6" s="346" t="s">
        <v>47</v>
      </c>
      <c r="BV6" s="346" t="s">
        <v>48</v>
      </c>
      <c r="BW6" s="346" t="s">
        <v>49</v>
      </c>
      <c r="BX6" s="346" t="s">
        <v>50</v>
      </c>
      <c r="BY6" s="346" t="s">
        <v>51</v>
      </c>
      <c r="BZ6" s="355" t="s">
        <v>45</v>
      </c>
      <c r="CA6" s="725"/>
      <c r="CB6" s="345" t="s">
        <v>119</v>
      </c>
      <c r="CC6" s="346" t="s">
        <v>44</v>
      </c>
      <c r="CD6" s="353" t="s">
        <v>45</v>
      </c>
      <c r="CE6" s="354" t="s">
        <v>83</v>
      </c>
      <c r="CF6" s="346" t="s">
        <v>47</v>
      </c>
      <c r="CG6" s="346" t="s">
        <v>48</v>
      </c>
      <c r="CH6" s="346" t="s">
        <v>49</v>
      </c>
      <c r="CI6" s="346" t="s">
        <v>50</v>
      </c>
      <c r="CJ6" s="346" t="s">
        <v>51</v>
      </c>
      <c r="CK6" s="355" t="s">
        <v>45</v>
      </c>
      <c r="CL6" s="725"/>
      <c r="CM6" s="345" t="s">
        <v>119</v>
      </c>
      <c r="CN6" s="346" t="s">
        <v>44</v>
      </c>
      <c r="CO6" s="353" t="s">
        <v>45</v>
      </c>
      <c r="CP6" s="354" t="s">
        <v>83</v>
      </c>
      <c r="CQ6" s="346" t="s">
        <v>47</v>
      </c>
      <c r="CR6" s="346" t="s">
        <v>48</v>
      </c>
      <c r="CS6" s="346" t="s">
        <v>49</v>
      </c>
      <c r="CT6" s="346" t="s">
        <v>50</v>
      </c>
      <c r="CU6" s="346" t="s">
        <v>51</v>
      </c>
      <c r="CV6" s="355" t="s">
        <v>45</v>
      </c>
      <c r="CW6" s="725"/>
      <c r="CX6" s="345" t="s">
        <v>119</v>
      </c>
      <c r="CY6" s="346" t="s">
        <v>44</v>
      </c>
      <c r="CZ6" s="353" t="s">
        <v>45</v>
      </c>
      <c r="DA6" s="354" t="s">
        <v>83</v>
      </c>
      <c r="DB6" s="346" t="s">
        <v>47</v>
      </c>
      <c r="DC6" s="346" t="s">
        <v>48</v>
      </c>
      <c r="DD6" s="346" t="s">
        <v>49</v>
      </c>
      <c r="DE6" s="346" t="s">
        <v>50</v>
      </c>
      <c r="DF6" s="346" t="s">
        <v>51</v>
      </c>
      <c r="DG6" s="355" t="s">
        <v>45</v>
      </c>
      <c r="DH6" s="725"/>
      <c r="DI6" s="345" t="s">
        <v>119</v>
      </c>
      <c r="DJ6" s="346" t="s">
        <v>44</v>
      </c>
      <c r="DK6" s="353" t="s">
        <v>45</v>
      </c>
      <c r="DL6" s="354" t="s">
        <v>83</v>
      </c>
      <c r="DM6" s="346" t="s">
        <v>47</v>
      </c>
      <c r="DN6" s="346" t="s">
        <v>48</v>
      </c>
      <c r="DO6" s="346" t="s">
        <v>49</v>
      </c>
      <c r="DP6" s="346" t="s">
        <v>50</v>
      </c>
      <c r="DQ6" s="346" t="s">
        <v>51</v>
      </c>
      <c r="DR6" s="355" t="s">
        <v>45</v>
      </c>
      <c r="DS6" s="732"/>
      <c r="DT6" s="345" t="s">
        <v>119</v>
      </c>
      <c r="DU6" s="346" t="s">
        <v>44</v>
      </c>
      <c r="DV6" s="353" t="s">
        <v>45</v>
      </c>
      <c r="DW6" s="354" t="s">
        <v>83</v>
      </c>
      <c r="DX6" s="346" t="s">
        <v>47</v>
      </c>
      <c r="DY6" s="346" t="s">
        <v>48</v>
      </c>
      <c r="DZ6" s="346" t="s">
        <v>49</v>
      </c>
      <c r="EA6" s="346" t="s">
        <v>50</v>
      </c>
      <c r="EB6" s="346" t="s">
        <v>51</v>
      </c>
      <c r="EC6" s="355" t="s">
        <v>45</v>
      </c>
      <c r="ED6" s="725"/>
      <c r="EE6" s="345" t="s">
        <v>119</v>
      </c>
      <c r="EF6" s="346" t="s">
        <v>44</v>
      </c>
      <c r="EG6" s="353" t="s">
        <v>45</v>
      </c>
      <c r="EH6" s="354" t="s">
        <v>83</v>
      </c>
      <c r="EI6" s="346" t="s">
        <v>47</v>
      </c>
      <c r="EJ6" s="346" t="s">
        <v>48</v>
      </c>
      <c r="EK6" s="346" t="s">
        <v>49</v>
      </c>
      <c r="EL6" s="346" t="s">
        <v>50</v>
      </c>
      <c r="EM6" s="346" t="s">
        <v>51</v>
      </c>
      <c r="EN6" s="355" t="s">
        <v>45</v>
      </c>
      <c r="EO6" s="725"/>
      <c r="EP6" s="345" t="s">
        <v>119</v>
      </c>
      <c r="EQ6" s="346" t="s">
        <v>44</v>
      </c>
      <c r="ER6" s="353" t="s">
        <v>45</v>
      </c>
      <c r="ES6" s="354" t="s">
        <v>83</v>
      </c>
      <c r="ET6" s="346" t="s">
        <v>47</v>
      </c>
      <c r="EU6" s="346" t="s">
        <v>48</v>
      </c>
      <c r="EV6" s="346" t="s">
        <v>49</v>
      </c>
      <c r="EW6" s="346" t="s">
        <v>50</v>
      </c>
      <c r="EX6" s="346" t="s">
        <v>51</v>
      </c>
      <c r="EY6" s="355" t="s">
        <v>45</v>
      </c>
      <c r="EZ6" s="725"/>
      <c r="FA6" s="345" t="s">
        <v>119</v>
      </c>
      <c r="FB6" s="346" t="s">
        <v>44</v>
      </c>
      <c r="FC6" s="353" t="s">
        <v>45</v>
      </c>
      <c r="FD6" s="354" t="s">
        <v>83</v>
      </c>
      <c r="FE6" s="346" t="s">
        <v>47</v>
      </c>
      <c r="FF6" s="346" t="s">
        <v>48</v>
      </c>
      <c r="FG6" s="346" t="s">
        <v>49</v>
      </c>
      <c r="FH6" s="346" t="s">
        <v>50</v>
      </c>
      <c r="FI6" s="346" t="s">
        <v>51</v>
      </c>
      <c r="FJ6" s="355" t="s">
        <v>45</v>
      </c>
      <c r="FK6" s="725"/>
      <c r="FL6" s="345" t="s">
        <v>119</v>
      </c>
      <c r="FM6" s="346" t="s">
        <v>44</v>
      </c>
      <c r="FN6" s="353" t="s">
        <v>45</v>
      </c>
      <c r="FO6" s="354" t="s">
        <v>83</v>
      </c>
      <c r="FP6" s="346" t="s">
        <v>47</v>
      </c>
      <c r="FQ6" s="346" t="s">
        <v>48</v>
      </c>
      <c r="FR6" s="346" t="s">
        <v>49</v>
      </c>
      <c r="FS6" s="346" t="s">
        <v>50</v>
      </c>
      <c r="FT6" s="346" t="s">
        <v>51</v>
      </c>
      <c r="FU6" s="355" t="s">
        <v>45</v>
      </c>
      <c r="FV6" s="725"/>
      <c r="FW6" s="345" t="s">
        <v>119</v>
      </c>
      <c r="FX6" s="346" t="s">
        <v>44</v>
      </c>
      <c r="FY6" s="353" t="s">
        <v>45</v>
      </c>
      <c r="FZ6" s="354" t="s">
        <v>83</v>
      </c>
      <c r="GA6" s="346" t="s">
        <v>47</v>
      </c>
      <c r="GB6" s="346" t="s">
        <v>48</v>
      </c>
      <c r="GC6" s="346" t="s">
        <v>49</v>
      </c>
      <c r="GD6" s="346" t="s">
        <v>50</v>
      </c>
      <c r="GE6" s="346" t="s">
        <v>51</v>
      </c>
      <c r="GF6" s="355" t="s">
        <v>45</v>
      </c>
      <c r="GG6" s="725"/>
      <c r="GH6" s="345" t="s">
        <v>119</v>
      </c>
      <c r="GI6" s="346" t="s">
        <v>44</v>
      </c>
      <c r="GJ6" s="353" t="s">
        <v>45</v>
      </c>
      <c r="GK6" s="354" t="s">
        <v>83</v>
      </c>
      <c r="GL6" s="346" t="s">
        <v>47</v>
      </c>
      <c r="GM6" s="346" t="s">
        <v>48</v>
      </c>
      <c r="GN6" s="346" t="s">
        <v>49</v>
      </c>
      <c r="GO6" s="346" t="s">
        <v>50</v>
      </c>
      <c r="GP6" s="346" t="s">
        <v>51</v>
      </c>
      <c r="GQ6" s="355" t="s">
        <v>45</v>
      </c>
      <c r="GR6" s="725"/>
      <c r="GS6" s="345" t="s">
        <v>119</v>
      </c>
      <c r="GT6" s="346" t="s">
        <v>44</v>
      </c>
      <c r="GU6" s="353" t="s">
        <v>45</v>
      </c>
      <c r="GV6" s="354" t="s">
        <v>83</v>
      </c>
      <c r="GW6" s="346" t="s">
        <v>47</v>
      </c>
      <c r="GX6" s="346" t="s">
        <v>48</v>
      </c>
      <c r="GY6" s="346" t="s">
        <v>49</v>
      </c>
      <c r="GZ6" s="346" t="s">
        <v>50</v>
      </c>
      <c r="HA6" s="346" t="s">
        <v>51</v>
      </c>
      <c r="HB6" s="355" t="s">
        <v>45</v>
      </c>
      <c r="HC6" s="725"/>
      <c r="HD6" s="345" t="s">
        <v>119</v>
      </c>
      <c r="HE6" s="346" t="s">
        <v>44</v>
      </c>
      <c r="HF6" s="353" t="s">
        <v>45</v>
      </c>
      <c r="HG6" s="354" t="s">
        <v>83</v>
      </c>
      <c r="HH6" s="346" t="s">
        <v>47</v>
      </c>
      <c r="HI6" s="346" t="s">
        <v>48</v>
      </c>
      <c r="HJ6" s="346" t="s">
        <v>49</v>
      </c>
      <c r="HK6" s="346" t="s">
        <v>50</v>
      </c>
      <c r="HL6" s="346" t="s">
        <v>51</v>
      </c>
      <c r="HM6" s="355" t="s">
        <v>45</v>
      </c>
      <c r="HN6" s="725"/>
      <c r="HO6" s="345" t="s">
        <v>119</v>
      </c>
      <c r="HP6" s="346" t="s">
        <v>44</v>
      </c>
      <c r="HQ6" s="353" t="s">
        <v>45</v>
      </c>
      <c r="HR6" s="354" t="s">
        <v>83</v>
      </c>
      <c r="HS6" s="346" t="s">
        <v>47</v>
      </c>
      <c r="HT6" s="346" t="s">
        <v>48</v>
      </c>
      <c r="HU6" s="346" t="s">
        <v>49</v>
      </c>
      <c r="HV6" s="346" t="s">
        <v>50</v>
      </c>
      <c r="HW6" s="346" t="s">
        <v>51</v>
      </c>
      <c r="HX6" s="355" t="s">
        <v>45</v>
      </c>
      <c r="HY6" s="725"/>
    </row>
    <row r="7" spans="2:233" s="459" customFormat="1" ht="21" customHeight="1" x14ac:dyDescent="0.2">
      <c r="B7" s="470" t="s">
        <v>4</v>
      </c>
      <c r="C7" s="451">
        <v>19635</v>
      </c>
      <c r="D7" s="452">
        <v>97889</v>
      </c>
      <c r="E7" s="453">
        <v>117524</v>
      </c>
      <c r="F7" s="454">
        <v>0</v>
      </c>
      <c r="G7" s="452">
        <v>17601755</v>
      </c>
      <c r="H7" s="452">
        <v>39855818</v>
      </c>
      <c r="I7" s="452">
        <v>119295998</v>
      </c>
      <c r="J7" s="452">
        <v>163419340</v>
      </c>
      <c r="K7" s="452">
        <v>103258772</v>
      </c>
      <c r="L7" s="455">
        <v>443431683</v>
      </c>
      <c r="M7" s="456">
        <v>443549207</v>
      </c>
      <c r="N7" s="451">
        <v>0</v>
      </c>
      <c r="O7" s="452">
        <v>0</v>
      </c>
      <c r="P7" s="453">
        <v>0</v>
      </c>
      <c r="Q7" s="457"/>
      <c r="R7" s="452">
        <v>4699910</v>
      </c>
      <c r="S7" s="452">
        <v>13901126</v>
      </c>
      <c r="T7" s="452">
        <v>81825409</v>
      </c>
      <c r="U7" s="452">
        <v>120531801</v>
      </c>
      <c r="V7" s="452">
        <v>79648357</v>
      </c>
      <c r="W7" s="455">
        <v>300606603</v>
      </c>
      <c r="X7" s="456">
        <v>300606603</v>
      </c>
      <c r="Y7" s="451">
        <v>0</v>
      </c>
      <c r="Z7" s="452">
        <v>0</v>
      </c>
      <c r="AA7" s="453">
        <v>0</v>
      </c>
      <c r="AB7" s="457"/>
      <c r="AC7" s="452">
        <v>10745524</v>
      </c>
      <c r="AD7" s="452">
        <v>21515487</v>
      </c>
      <c r="AE7" s="452">
        <v>27256247</v>
      </c>
      <c r="AF7" s="452">
        <v>31180067</v>
      </c>
      <c r="AG7" s="452">
        <v>14796204</v>
      </c>
      <c r="AH7" s="455">
        <v>105493529</v>
      </c>
      <c r="AI7" s="456">
        <v>105493529</v>
      </c>
      <c r="AJ7" s="451">
        <v>0</v>
      </c>
      <c r="AK7" s="452">
        <v>0</v>
      </c>
      <c r="AL7" s="453">
        <v>0</v>
      </c>
      <c r="AM7" s="457"/>
      <c r="AN7" s="452">
        <v>0</v>
      </c>
      <c r="AO7" s="452">
        <v>0</v>
      </c>
      <c r="AP7" s="452">
        <v>68200</v>
      </c>
      <c r="AQ7" s="452">
        <v>856585</v>
      </c>
      <c r="AR7" s="452">
        <v>665965</v>
      </c>
      <c r="AS7" s="455">
        <v>1590750</v>
      </c>
      <c r="AT7" s="456">
        <v>1590750</v>
      </c>
      <c r="AU7" s="451">
        <v>0</v>
      </c>
      <c r="AV7" s="452">
        <v>0</v>
      </c>
      <c r="AW7" s="453">
        <v>0</v>
      </c>
      <c r="AX7" s="457"/>
      <c r="AY7" s="452">
        <v>209620</v>
      </c>
      <c r="AZ7" s="452">
        <v>188170</v>
      </c>
      <c r="BA7" s="452">
        <v>498235</v>
      </c>
      <c r="BB7" s="452">
        <v>1951569</v>
      </c>
      <c r="BC7" s="452">
        <v>2759785</v>
      </c>
      <c r="BD7" s="455">
        <v>5607379</v>
      </c>
      <c r="BE7" s="456">
        <v>5607379</v>
      </c>
      <c r="BF7" s="451">
        <v>0</v>
      </c>
      <c r="BG7" s="452">
        <v>0</v>
      </c>
      <c r="BH7" s="453">
        <v>0</v>
      </c>
      <c r="BI7" s="457"/>
      <c r="BJ7" s="452">
        <v>97960</v>
      </c>
      <c r="BK7" s="452">
        <v>299925</v>
      </c>
      <c r="BL7" s="452">
        <v>1496315</v>
      </c>
      <c r="BM7" s="452">
        <v>1767340</v>
      </c>
      <c r="BN7" s="452">
        <v>1562105</v>
      </c>
      <c r="BO7" s="455">
        <v>5223645</v>
      </c>
      <c r="BP7" s="456">
        <v>5223645</v>
      </c>
      <c r="BQ7" s="451">
        <v>19635</v>
      </c>
      <c r="BR7" s="452">
        <v>94465</v>
      </c>
      <c r="BS7" s="453">
        <v>114100</v>
      </c>
      <c r="BT7" s="454">
        <v>0</v>
      </c>
      <c r="BU7" s="452">
        <v>1740413</v>
      </c>
      <c r="BV7" s="452">
        <v>3701440</v>
      </c>
      <c r="BW7" s="452">
        <v>7828321</v>
      </c>
      <c r="BX7" s="452">
        <v>6793976</v>
      </c>
      <c r="BY7" s="452">
        <v>3573279</v>
      </c>
      <c r="BZ7" s="455">
        <v>23637429</v>
      </c>
      <c r="CA7" s="456">
        <v>23751529</v>
      </c>
      <c r="CB7" s="451">
        <v>0</v>
      </c>
      <c r="CC7" s="452">
        <v>3424</v>
      </c>
      <c r="CD7" s="453">
        <v>3424</v>
      </c>
      <c r="CE7" s="454">
        <v>0</v>
      </c>
      <c r="CF7" s="452">
        <v>108328</v>
      </c>
      <c r="CG7" s="452">
        <v>249670</v>
      </c>
      <c r="CH7" s="452">
        <v>323271</v>
      </c>
      <c r="CI7" s="452">
        <v>338002</v>
      </c>
      <c r="CJ7" s="452">
        <v>253077</v>
      </c>
      <c r="CK7" s="455">
        <v>1272348</v>
      </c>
      <c r="CL7" s="456">
        <v>1275772</v>
      </c>
      <c r="CM7" s="451">
        <v>0</v>
      </c>
      <c r="CN7" s="452">
        <v>0</v>
      </c>
      <c r="CO7" s="453">
        <v>0</v>
      </c>
      <c r="CP7" s="454">
        <v>0</v>
      </c>
      <c r="CQ7" s="452">
        <v>0</v>
      </c>
      <c r="CR7" s="452">
        <v>0</v>
      </c>
      <c r="CS7" s="452">
        <v>0</v>
      </c>
      <c r="CT7" s="452">
        <v>0</v>
      </c>
      <c r="CU7" s="452">
        <v>0</v>
      </c>
      <c r="CV7" s="455">
        <v>0</v>
      </c>
      <c r="CW7" s="456">
        <v>0</v>
      </c>
      <c r="CX7" s="451">
        <v>0</v>
      </c>
      <c r="CY7" s="452">
        <v>0</v>
      </c>
      <c r="CZ7" s="453">
        <v>0</v>
      </c>
      <c r="DA7" s="457"/>
      <c r="DB7" s="452">
        <v>0</v>
      </c>
      <c r="DC7" s="452">
        <v>0</v>
      </c>
      <c r="DD7" s="452">
        <v>0</v>
      </c>
      <c r="DE7" s="452">
        <v>0</v>
      </c>
      <c r="DF7" s="452">
        <v>0</v>
      </c>
      <c r="DG7" s="455">
        <v>0</v>
      </c>
      <c r="DH7" s="456">
        <v>0</v>
      </c>
      <c r="DI7" s="451">
        <v>32190</v>
      </c>
      <c r="DJ7" s="452">
        <v>168950</v>
      </c>
      <c r="DK7" s="453">
        <v>201140</v>
      </c>
      <c r="DL7" s="454">
        <v>0</v>
      </c>
      <c r="DM7" s="452">
        <v>11487844</v>
      </c>
      <c r="DN7" s="452">
        <v>31747681</v>
      </c>
      <c r="DO7" s="452">
        <v>129270198</v>
      </c>
      <c r="DP7" s="452">
        <v>171615982</v>
      </c>
      <c r="DQ7" s="452">
        <v>108231387</v>
      </c>
      <c r="DR7" s="455">
        <v>452353092</v>
      </c>
      <c r="DS7" s="458">
        <v>452554232</v>
      </c>
      <c r="DT7" s="451">
        <v>0</v>
      </c>
      <c r="DU7" s="452">
        <v>0</v>
      </c>
      <c r="DV7" s="453">
        <v>0</v>
      </c>
      <c r="DW7" s="457"/>
      <c r="DX7" s="452">
        <v>5879232</v>
      </c>
      <c r="DY7" s="452">
        <v>19647727</v>
      </c>
      <c r="DZ7" s="452">
        <v>107845123</v>
      </c>
      <c r="EA7" s="452">
        <v>150342829</v>
      </c>
      <c r="EB7" s="452">
        <v>95451370</v>
      </c>
      <c r="EC7" s="455">
        <v>379166281</v>
      </c>
      <c r="ED7" s="456">
        <v>379166281</v>
      </c>
      <c r="EE7" s="451">
        <v>0</v>
      </c>
      <c r="EF7" s="452">
        <v>0</v>
      </c>
      <c r="EG7" s="453">
        <v>0</v>
      </c>
      <c r="EH7" s="457"/>
      <c r="EI7" s="452">
        <v>2527678</v>
      </c>
      <c r="EJ7" s="452">
        <v>5581192</v>
      </c>
      <c r="EK7" s="452">
        <v>6011370</v>
      </c>
      <c r="EL7" s="452">
        <v>7394559</v>
      </c>
      <c r="EM7" s="452">
        <v>4126892</v>
      </c>
      <c r="EN7" s="455">
        <v>25641691</v>
      </c>
      <c r="EO7" s="456">
        <v>25641691</v>
      </c>
      <c r="EP7" s="451">
        <v>0</v>
      </c>
      <c r="EQ7" s="452">
        <v>0</v>
      </c>
      <c r="ER7" s="453">
        <v>0</v>
      </c>
      <c r="ES7" s="457"/>
      <c r="ET7" s="452">
        <v>0</v>
      </c>
      <c r="EU7" s="452">
        <v>0</v>
      </c>
      <c r="EV7" s="452">
        <v>35061</v>
      </c>
      <c r="EW7" s="452">
        <v>162905</v>
      </c>
      <c r="EX7" s="452">
        <v>116310</v>
      </c>
      <c r="EY7" s="455">
        <v>314276</v>
      </c>
      <c r="EZ7" s="456">
        <v>314276</v>
      </c>
      <c r="FA7" s="451">
        <v>0</v>
      </c>
      <c r="FB7" s="452">
        <v>0</v>
      </c>
      <c r="FC7" s="453">
        <v>0</v>
      </c>
      <c r="FD7" s="457"/>
      <c r="FE7" s="452">
        <v>13710</v>
      </c>
      <c r="FF7" s="452">
        <v>46872</v>
      </c>
      <c r="FG7" s="452">
        <v>115468</v>
      </c>
      <c r="FH7" s="452">
        <v>300383</v>
      </c>
      <c r="FI7" s="452">
        <v>475098</v>
      </c>
      <c r="FJ7" s="455">
        <v>951531</v>
      </c>
      <c r="FK7" s="456">
        <v>951531</v>
      </c>
      <c r="FL7" s="451">
        <v>0</v>
      </c>
      <c r="FM7" s="452">
        <v>0</v>
      </c>
      <c r="FN7" s="453">
        <v>0</v>
      </c>
      <c r="FO7" s="457"/>
      <c r="FP7" s="452">
        <v>159836</v>
      </c>
      <c r="FQ7" s="452">
        <v>406596</v>
      </c>
      <c r="FR7" s="452">
        <v>2612697</v>
      </c>
      <c r="FS7" s="452">
        <v>3271256</v>
      </c>
      <c r="FT7" s="452">
        <v>2505111</v>
      </c>
      <c r="FU7" s="455">
        <v>8955496</v>
      </c>
      <c r="FV7" s="456">
        <v>8955496</v>
      </c>
      <c r="FW7" s="451">
        <v>32190</v>
      </c>
      <c r="FX7" s="452">
        <v>168894</v>
      </c>
      <c r="FY7" s="453">
        <v>201084</v>
      </c>
      <c r="FZ7" s="454">
        <v>0</v>
      </c>
      <c r="GA7" s="452">
        <v>2844701</v>
      </c>
      <c r="GB7" s="452">
        <v>5957654</v>
      </c>
      <c r="GC7" s="452">
        <v>12448016</v>
      </c>
      <c r="GD7" s="452">
        <v>9944401</v>
      </c>
      <c r="GE7" s="452">
        <v>5403564</v>
      </c>
      <c r="GF7" s="455">
        <v>36598336</v>
      </c>
      <c r="GG7" s="456">
        <v>36799420</v>
      </c>
      <c r="GH7" s="451">
        <v>0</v>
      </c>
      <c r="GI7" s="452">
        <v>56</v>
      </c>
      <c r="GJ7" s="453">
        <v>56</v>
      </c>
      <c r="GK7" s="454">
        <v>0</v>
      </c>
      <c r="GL7" s="452">
        <v>62687</v>
      </c>
      <c r="GM7" s="452">
        <v>107640</v>
      </c>
      <c r="GN7" s="452">
        <v>202463</v>
      </c>
      <c r="GO7" s="452">
        <v>199649</v>
      </c>
      <c r="GP7" s="452">
        <v>153042</v>
      </c>
      <c r="GQ7" s="455">
        <v>725481</v>
      </c>
      <c r="GR7" s="456">
        <v>725537</v>
      </c>
      <c r="GS7" s="451">
        <v>0</v>
      </c>
      <c r="GT7" s="452">
        <v>0</v>
      </c>
      <c r="GU7" s="453">
        <v>0</v>
      </c>
      <c r="GV7" s="454">
        <v>0</v>
      </c>
      <c r="GW7" s="452">
        <v>0</v>
      </c>
      <c r="GX7" s="452">
        <v>0</v>
      </c>
      <c r="GY7" s="452">
        <v>0</v>
      </c>
      <c r="GZ7" s="452">
        <v>0</v>
      </c>
      <c r="HA7" s="452">
        <v>0</v>
      </c>
      <c r="HB7" s="455">
        <v>0</v>
      </c>
      <c r="HC7" s="456">
        <v>0</v>
      </c>
      <c r="HD7" s="451">
        <v>0</v>
      </c>
      <c r="HE7" s="452">
        <v>0</v>
      </c>
      <c r="HF7" s="453">
        <v>0</v>
      </c>
      <c r="HG7" s="457"/>
      <c r="HH7" s="452">
        <v>0</v>
      </c>
      <c r="HI7" s="452">
        <v>0</v>
      </c>
      <c r="HJ7" s="452">
        <v>0</v>
      </c>
      <c r="HK7" s="452">
        <v>0</v>
      </c>
      <c r="HL7" s="452">
        <v>0</v>
      </c>
      <c r="HM7" s="455">
        <v>0</v>
      </c>
      <c r="HN7" s="456">
        <v>0</v>
      </c>
      <c r="HO7" s="451">
        <v>51825</v>
      </c>
      <c r="HP7" s="452">
        <v>266839</v>
      </c>
      <c r="HQ7" s="453">
        <v>318664</v>
      </c>
      <c r="HR7" s="454">
        <v>0</v>
      </c>
      <c r="HS7" s="452">
        <v>29089599</v>
      </c>
      <c r="HT7" s="452">
        <v>71603499</v>
      </c>
      <c r="HU7" s="452">
        <v>248566196</v>
      </c>
      <c r="HV7" s="452">
        <v>335035322</v>
      </c>
      <c r="HW7" s="452">
        <v>211490159</v>
      </c>
      <c r="HX7" s="455">
        <v>895784775</v>
      </c>
      <c r="HY7" s="456">
        <v>896103439</v>
      </c>
    </row>
    <row r="8" spans="2:233" s="459" customFormat="1" ht="21" customHeight="1" x14ac:dyDescent="0.2">
      <c r="B8" s="471" t="s">
        <v>5</v>
      </c>
      <c r="C8" s="460">
        <v>650</v>
      </c>
      <c r="D8" s="461">
        <v>22345</v>
      </c>
      <c r="E8" s="462">
        <v>22995</v>
      </c>
      <c r="F8" s="463">
        <v>0</v>
      </c>
      <c r="G8" s="461">
        <v>7116622</v>
      </c>
      <c r="H8" s="461">
        <v>20334108</v>
      </c>
      <c r="I8" s="461">
        <v>50393485</v>
      </c>
      <c r="J8" s="461">
        <v>69875978</v>
      </c>
      <c r="K8" s="461">
        <v>44262080</v>
      </c>
      <c r="L8" s="464">
        <v>191982273</v>
      </c>
      <c r="M8" s="465">
        <v>192005268</v>
      </c>
      <c r="N8" s="460">
        <v>0</v>
      </c>
      <c r="O8" s="461">
        <v>0</v>
      </c>
      <c r="P8" s="462">
        <v>0</v>
      </c>
      <c r="Q8" s="466"/>
      <c r="R8" s="461">
        <v>2738510</v>
      </c>
      <c r="S8" s="461">
        <v>9214138</v>
      </c>
      <c r="T8" s="461">
        <v>35276790</v>
      </c>
      <c r="U8" s="461">
        <v>52593912</v>
      </c>
      <c r="V8" s="461">
        <v>34493225</v>
      </c>
      <c r="W8" s="464">
        <v>134316575</v>
      </c>
      <c r="X8" s="465">
        <v>134316575</v>
      </c>
      <c r="Y8" s="460">
        <v>0</v>
      </c>
      <c r="Z8" s="461">
        <v>0</v>
      </c>
      <c r="AA8" s="462">
        <v>0</v>
      </c>
      <c r="AB8" s="466"/>
      <c r="AC8" s="461">
        <v>3736384</v>
      </c>
      <c r="AD8" s="461">
        <v>9442439</v>
      </c>
      <c r="AE8" s="461">
        <v>11220443</v>
      </c>
      <c r="AF8" s="461">
        <v>13957190</v>
      </c>
      <c r="AG8" s="461">
        <v>7215707</v>
      </c>
      <c r="AH8" s="464">
        <v>45572163</v>
      </c>
      <c r="AI8" s="465">
        <v>45572163</v>
      </c>
      <c r="AJ8" s="460">
        <v>0</v>
      </c>
      <c r="AK8" s="461">
        <v>0</v>
      </c>
      <c r="AL8" s="462">
        <v>0</v>
      </c>
      <c r="AM8" s="466"/>
      <c r="AN8" s="461">
        <v>0</v>
      </c>
      <c r="AO8" s="461">
        <v>0</v>
      </c>
      <c r="AP8" s="461">
        <v>35495</v>
      </c>
      <c r="AQ8" s="461">
        <v>181685</v>
      </c>
      <c r="AR8" s="461">
        <v>87495</v>
      </c>
      <c r="AS8" s="464">
        <v>304675</v>
      </c>
      <c r="AT8" s="465">
        <v>304675</v>
      </c>
      <c r="AU8" s="460">
        <v>0</v>
      </c>
      <c r="AV8" s="461">
        <v>0</v>
      </c>
      <c r="AW8" s="462">
        <v>0</v>
      </c>
      <c r="AX8" s="466"/>
      <c r="AY8" s="461">
        <v>24645</v>
      </c>
      <c r="AZ8" s="461">
        <v>38130</v>
      </c>
      <c r="BA8" s="461">
        <v>40100</v>
      </c>
      <c r="BB8" s="461">
        <v>498310</v>
      </c>
      <c r="BC8" s="461">
        <v>664495</v>
      </c>
      <c r="BD8" s="464">
        <v>1265680</v>
      </c>
      <c r="BE8" s="465">
        <v>1265680</v>
      </c>
      <c r="BF8" s="460">
        <v>0</v>
      </c>
      <c r="BG8" s="461">
        <v>0</v>
      </c>
      <c r="BH8" s="462">
        <v>0</v>
      </c>
      <c r="BI8" s="466"/>
      <c r="BJ8" s="461">
        <v>68045</v>
      </c>
      <c r="BK8" s="461">
        <v>139345</v>
      </c>
      <c r="BL8" s="461">
        <v>259885</v>
      </c>
      <c r="BM8" s="461">
        <v>144095</v>
      </c>
      <c r="BN8" s="461">
        <v>209515</v>
      </c>
      <c r="BO8" s="464">
        <v>820885</v>
      </c>
      <c r="BP8" s="465">
        <v>820885</v>
      </c>
      <c r="BQ8" s="460">
        <v>650</v>
      </c>
      <c r="BR8" s="461">
        <v>22047</v>
      </c>
      <c r="BS8" s="462">
        <v>22697</v>
      </c>
      <c r="BT8" s="463">
        <v>0</v>
      </c>
      <c r="BU8" s="461">
        <v>494809</v>
      </c>
      <c r="BV8" s="461">
        <v>1371522</v>
      </c>
      <c r="BW8" s="461">
        <v>3346453</v>
      </c>
      <c r="BX8" s="461">
        <v>2343716</v>
      </c>
      <c r="BY8" s="461">
        <v>1455277</v>
      </c>
      <c r="BZ8" s="464">
        <v>9011777</v>
      </c>
      <c r="CA8" s="465">
        <v>9034474</v>
      </c>
      <c r="CB8" s="460">
        <v>0</v>
      </c>
      <c r="CC8" s="461">
        <v>298</v>
      </c>
      <c r="CD8" s="462">
        <v>298</v>
      </c>
      <c r="CE8" s="463">
        <v>0</v>
      </c>
      <c r="CF8" s="461">
        <v>54229</v>
      </c>
      <c r="CG8" s="461">
        <v>128534</v>
      </c>
      <c r="CH8" s="461">
        <v>214319</v>
      </c>
      <c r="CI8" s="461">
        <v>157070</v>
      </c>
      <c r="CJ8" s="461">
        <v>136366</v>
      </c>
      <c r="CK8" s="464">
        <v>690518</v>
      </c>
      <c r="CL8" s="465">
        <v>690816</v>
      </c>
      <c r="CM8" s="460">
        <v>0</v>
      </c>
      <c r="CN8" s="461">
        <v>0</v>
      </c>
      <c r="CO8" s="462">
        <v>0</v>
      </c>
      <c r="CP8" s="463">
        <v>0</v>
      </c>
      <c r="CQ8" s="461">
        <v>0</v>
      </c>
      <c r="CR8" s="461">
        <v>0</v>
      </c>
      <c r="CS8" s="461">
        <v>0</v>
      </c>
      <c r="CT8" s="461">
        <v>0</v>
      </c>
      <c r="CU8" s="461">
        <v>0</v>
      </c>
      <c r="CV8" s="464">
        <v>0</v>
      </c>
      <c r="CW8" s="465">
        <v>0</v>
      </c>
      <c r="CX8" s="460">
        <v>0</v>
      </c>
      <c r="CY8" s="461">
        <v>0</v>
      </c>
      <c r="CZ8" s="462">
        <v>0</v>
      </c>
      <c r="DA8" s="466"/>
      <c r="DB8" s="461">
        <v>0</v>
      </c>
      <c r="DC8" s="461">
        <v>0</v>
      </c>
      <c r="DD8" s="461">
        <v>0</v>
      </c>
      <c r="DE8" s="461">
        <v>0</v>
      </c>
      <c r="DF8" s="461">
        <v>0</v>
      </c>
      <c r="DG8" s="464">
        <v>0</v>
      </c>
      <c r="DH8" s="465">
        <v>0</v>
      </c>
      <c r="DI8" s="460">
        <v>9036</v>
      </c>
      <c r="DJ8" s="461">
        <v>60913</v>
      </c>
      <c r="DK8" s="462">
        <v>69949</v>
      </c>
      <c r="DL8" s="463">
        <v>0</v>
      </c>
      <c r="DM8" s="461">
        <v>6110185</v>
      </c>
      <c r="DN8" s="461">
        <v>19320402</v>
      </c>
      <c r="DO8" s="461">
        <v>57538828</v>
      </c>
      <c r="DP8" s="461">
        <v>74800284</v>
      </c>
      <c r="DQ8" s="461">
        <v>47524575</v>
      </c>
      <c r="DR8" s="464">
        <v>205294274</v>
      </c>
      <c r="DS8" s="467">
        <v>205364223</v>
      </c>
      <c r="DT8" s="460">
        <v>0</v>
      </c>
      <c r="DU8" s="461">
        <v>0</v>
      </c>
      <c r="DV8" s="462">
        <v>0</v>
      </c>
      <c r="DW8" s="466"/>
      <c r="DX8" s="461">
        <v>3834316</v>
      </c>
      <c r="DY8" s="461">
        <v>13238684</v>
      </c>
      <c r="DZ8" s="461">
        <v>48220147</v>
      </c>
      <c r="EA8" s="461">
        <v>66552910</v>
      </c>
      <c r="EB8" s="461">
        <v>42072456</v>
      </c>
      <c r="EC8" s="464">
        <v>173918513</v>
      </c>
      <c r="ED8" s="465">
        <v>173918513</v>
      </c>
      <c r="EE8" s="460">
        <v>0</v>
      </c>
      <c r="EF8" s="461">
        <v>0</v>
      </c>
      <c r="EG8" s="462">
        <v>0</v>
      </c>
      <c r="EH8" s="466"/>
      <c r="EI8" s="461">
        <v>1222769</v>
      </c>
      <c r="EJ8" s="461">
        <v>3413730</v>
      </c>
      <c r="EK8" s="461">
        <v>3305951</v>
      </c>
      <c r="EL8" s="461">
        <v>4146361</v>
      </c>
      <c r="EM8" s="461">
        <v>2643403</v>
      </c>
      <c r="EN8" s="464">
        <v>14732214</v>
      </c>
      <c r="EO8" s="465">
        <v>14732214</v>
      </c>
      <c r="EP8" s="460">
        <v>0</v>
      </c>
      <c r="EQ8" s="461">
        <v>0</v>
      </c>
      <c r="ER8" s="462">
        <v>0</v>
      </c>
      <c r="ES8" s="466"/>
      <c r="ET8" s="461">
        <v>0</v>
      </c>
      <c r="EU8" s="461">
        <v>0</v>
      </c>
      <c r="EV8" s="461">
        <v>11470</v>
      </c>
      <c r="EW8" s="461">
        <v>36797</v>
      </c>
      <c r="EX8" s="461">
        <v>13059</v>
      </c>
      <c r="EY8" s="464">
        <v>61326</v>
      </c>
      <c r="EZ8" s="465">
        <v>61326</v>
      </c>
      <c r="FA8" s="460">
        <v>0</v>
      </c>
      <c r="FB8" s="461">
        <v>0</v>
      </c>
      <c r="FC8" s="462">
        <v>0</v>
      </c>
      <c r="FD8" s="466"/>
      <c r="FE8" s="461">
        <v>217</v>
      </c>
      <c r="FF8" s="461">
        <v>22785</v>
      </c>
      <c r="FG8" s="461">
        <v>903</v>
      </c>
      <c r="FH8" s="461">
        <v>76143</v>
      </c>
      <c r="FI8" s="461">
        <v>181745</v>
      </c>
      <c r="FJ8" s="464">
        <v>281793</v>
      </c>
      <c r="FK8" s="465">
        <v>281793</v>
      </c>
      <c r="FL8" s="460">
        <v>0</v>
      </c>
      <c r="FM8" s="461">
        <v>0</v>
      </c>
      <c r="FN8" s="462">
        <v>0</v>
      </c>
      <c r="FO8" s="466"/>
      <c r="FP8" s="461">
        <v>95108</v>
      </c>
      <c r="FQ8" s="461">
        <v>138260</v>
      </c>
      <c r="FR8" s="461">
        <v>413510</v>
      </c>
      <c r="FS8" s="461">
        <v>310746</v>
      </c>
      <c r="FT8" s="461">
        <v>335090</v>
      </c>
      <c r="FU8" s="464">
        <v>1292714</v>
      </c>
      <c r="FV8" s="465">
        <v>1292714</v>
      </c>
      <c r="FW8" s="460">
        <v>9036</v>
      </c>
      <c r="FX8" s="461">
        <v>60885</v>
      </c>
      <c r="FY8" s="462">
        <v>69921</v>
      </c>
      <c r="FZ8" s="463">
        <v>0</v>
      </c>
      <c r="GA8" s="461">
        <v>910053</v>
      </c>
      <c r="GB8" s="461">
        <v>2448777</v>
      </c>
      <c r="GC8" s="461">
        <v>5424141</v>
      </c>
      <c r="GD8" s="461">
        <v>3594691</v>
      </c>
      <c r="GE8" s="461">
        <v>2191309</v>
      </c>
      <c r="GF8" s="464">
        <v>14568971</v>
      </c>
      <c r="GG8" s="465">
        <v>14638892</v>
      </c>
      <c r="GH8" s="460">
        <v>0</v>
      </c>
      <c r="GI8" s="461">
        <v>28</v>
      </c>
      <c r="GJ8" s="462">
        <v>28</v>
      </c>
      <c r="GK8" s="463">
        <v>0</v>
      </c>
      <c r="GL8" s="461">
        <v>47722</v>
      </c>
      <c r="GM8" s="461">
        <v>58166</v>
      </c>
      <c r="GN8" s="461">
        <v>162706</v>
      </c>
      <c r="GO8" s="461">
        <v>82636</v>
      </c>
      <c r="GP8" s="461">
        <v>87513</v>
      </c>
      <c r="GQ8" s="464">
        <v>438743</v>
      </c>
      <c r="GR8" s="465">
        <v>438771</v>
      </c>
      <c r="GS8" s="460">
        <v>0</v>
      </c>
      <c r="GT8" s="461">
        <v>0</v>
      </c>
      <c r="GU8" s="462">
        <v>0</v>
      </c>
      <c r="GV8" s="463">
        <v>0</v>
      </c>
      <c r="GW8" s="461">
        <v>0</v>
      </c>
      <c r="GX8" s="461">
        <v>0</v>
      </c>
      <c r="GY8" s="461">
        <v>0</v>
      </c>
      <c r="GZ8" s="461">
        <v>0</v>
      </c>
      <c r="HA8" s="461">
        <v>0</v>
      </c>
      <c r="HB8" s="464">
        <v>0</v>
      </c>
      <c r="HC8" s="465">
        <v>0</v>
      </c>
      <c r="HD8" s="460">
        <v>0</v>
      </c>
      <c r="HE8" s="461">
        <v>0</v>
      </c>
      <c r="HF8" s="462">
        <v>0</v>
      </c>
      <c r="HG8" s="466"/>
      <c r="HH8" s="461">
        <v>0</v>
      </c>
      <c r="HI8" s="461">
        <v>0</v>
      </c>
      <c r="HJ8" s="461">
        <v>0</v>
      </c>
      <c r="HK8" s="461">
        <v>0</v>
      </c>
      <c r="HL8" s="461">
        <v>0</v>
      </c>
      <c r="HM8" s="464">
        <v>0</v>
      </c>
      <c r="HN8" s="465">
        <v>0</v>
      </c>
      <c r="HO8" s="460">
        <v>9686</v>
      </c>
      <c r="HP8" s="461">
        <v>83258</v>
      </c>
      <c r="HQ8" s="462">
        <v>92944</v>
      </c>
      <c r="HR8" s="463">
        <v>0</v>
      </c>
      <c r="HS8" s="461">
        <v>13226807</v>
      </c>
      <c r="HT8" s="461">
        <v>39654510</v>
      </c>
      <c r="HU8" s="461">
        <v>107932313</v>
      </c>
      <c r="HV8" s="461">
        <v>144676262</v>
      </c>
      <c r="HW8" s="461">
        <v>91786655</v>
      </c>
      <c r="HX8" s="464">
        <v>397276547</v>
      </c>
      <c r="HY8" s="465">
        <v>397369491</v>
      </c>
    </row>
    <row r="9" spans="2:233" ht="21" customHeight="1" x14ac:dyDescent="0.2">
      <c r="B9" s="472" t="s">
        <v>6</v>
      </c>
      <c r="C9" s="273">
        <v>0</v>
      </c>
      <c r="D9" s="274">
        <v>21028</v>
      </c>
      <c r="E9" s="275">
        <v>21028</v>
      </c>
      <c r="F9" s="276">
        <v>0</v>
      </c>
      <c r="G9" s="274">
        <v>2486017</v>
      </c>
      <c r="H9" s="274">
        <v>4383887</v>
      </c>
      <c r="I9" s="274">
        <v>15893792</v>
      </c>
      <c r="J9" s="274">
        <v>23269526</v>
      </c>
      <c r="K9" s="274">
        <v>14430204</v>
      </c>
      <c r="L9" s="277">
        <v>60463426</v>
      </c>
      <c r="M9" s="278">
        <v>60484454</v>
      </c>
      <c r="N9" s="273">
        <v>0</v>
      </c>
      <c r="O9" s="274">
        <v>0</v>
      </c>
      <c r="P9" s="275">
        <v>0</v>
      </c>
      <c r="Q9" s="279"/>
      <c r="R9" s="274">
        <v>891995</v>
      </c>
      <c r="S9" s="274">
        <v>1700510</v>
      </c>
      <c r="T9" s="274">
        <v>11397097</v>
      </c>
      <c r="U9" s="274">
        <v>16620366</v>
      </c>
      <c r="V9" s="274">
        <v>11232720</v>
      </c>
      <c r="W9" s="277">
        <v>41842688</v>
      </c>
      <c r="X9" s="278">
        <v>41842688</v>
      </c>
      <c r="Y9" s="273">
        <v>0</v>
      </c>
      <c r="Z9" s="274">
        <v>0</v>
      </c>
      <c r="AA9" s="275">
        <v>0</v>
      </c>
      <c r="AB9" s="279"/>
      <c r="AC9" s="274">
        <v>1325900</v>
      </c>
      <c r="AD9" s="274">
        <v>2169345</v>
      </c>
      <c r="AE9" s="274">
        <v>3040775</v>
      </c>
      <c r="AF9" s="274">
        <v>4558542</v>
      </c>
      <c r="AG9" s="274">
        <v>1796155</v>
      </c>
      <c r="AH9" s="277">
        <v>12890717</v>
      </c>
      <c r="AI9" s="278">
        <v>12890717</v>
      </c>
      <c r="AJ9" s="273">
        <v>0</v>
      </c>
      <c r="AK9" s="274">
        <v>0</v>
      </c>
      <c r="AL9" s="275">
        <v>0</v>
      </c>
      <c r="AM9" s="279"/>
      <c r="AN9" s="274">
        <v>0</v>
      </c>
      <c r="AO9" s="274">
        <v>0</v>
      </c>
      <c r="AP9" s="274">
        <v>0</v>
      </c>
      <c r="AQ9" s="274">
        <v>473445</v>
      </c>
      <c r="AR9" s="274">
        <v>276110</v>
      </c>
      <c r="AS9" s="277">
        <v>749555</v>
      </c>
      <c r="AT9" s="278">
        <v>749555</v>
      </c>
      <c r="AU9" s="273">
        <v>0</v>
      </c>
      <c r="AV9" s="274">
        <v>0</v>
      </c>
      <c r="AW9" s="275">
        <v>0</v>
      </c>
      <c r="AX9" s="279"/>
      <c r="AY9" s="274">
        <v>2635</v>
      </c>
      <c r="AZ9" s="274">
        <v>0</v>
      </c>
      <c r="BA9" s="274">
        <v>7735</v>
      </c>
      <c r="BB9" s="274">
        <v>255970</v>
      </c>
      <c r="BC9" s="274">
        <v>270535</v>
      </c>
      <c r="BD9" s="277">
        <v>536875</v>
      </c>
      <c r="BE9" s="278">
        <v>536875</v>
      </c>
      <c r="BF9" s="273">
        <v>0</v>
      </c>
      <c r="BG9" s="274">
        <v>0</v>
      </c>
      <c r="BH9" s="275">
        <v>0</v>
      </c>
      <c r="BI9" s="279"/>
      <c r="BJ9" s="274">
        <v>29915</v>
      </c>
      <c r="BK9" s="274">
        <v>73470</v>
      </c>
      <c r="BL9" s="274">
        <v>394630</v>
      </c>
      <c r="BM9" s="274">
        <v>431040</v>
      </c>
      <c r="BN9" s="274">
        <v>371430</v>
      </c>
      <c r="BO9" s="277">
        <v>1300485</v>
      </c>
      <c r="BP9" s="278">
        <v>1300485</v>
      </c>
      <c r="BQ9" s="273">
        <v>0</v>
      </c>
      <c r="BR9" s="274">
        <v>21028</v>
      </c>
      <c r="BS9" s="275">
        <v>21028</v>
      </c>
      <c r="BT9" s="276">
        <v>0</v>
      </c>
      <c r="BU9" s="274">
        <v>228972</v>
      </c>
      <c r="BV9" s="274">
        <v>416910</v>
      </c>
      <c r="BW9" s="274">
        <v>996714</v>
      </c>
      <c r="BX9" s="274">
        <v>880963</v>
      </c>
      <c r="BY9" s="274">
        <v>440458</v>
      </c>
      <c r="BZ9" s="277">
        <v>2964017</v>
      </c>
      <c r="CA9" s="278">
        <v>2985045</v>
      </c>
      <c r="CB9" s="273">
        <v>0</v>
      </c>
      <c r="CC9" s="274">
        <v>0</v>
      </c>
      <c r="CD9" s="275">
        <v>0</v>
      </c>
      <c r="CE9" s="276">
        <v>0</v>
      </c>
      <c r="CF9" s="274">
        <v>6600</v>
      </c>
      <c r="CG9" s="274">
        <v>23652</v>
      </c>
      <c r="CH9" s="274">
        <v>56841</v>
      </c>
      <c r="CI9" s="274">
        <v>49200</v>
      </c>
      <c r="CJ9" s="274">
        <v>42796</v>
      </c>
      <c r="CK9" s="277">
        <v>179089</v>
      </c>
      <c r="CL9" s="278">
        <v>179089</v>
      </c>
      <c r="CM9" s="273">
        <v>0</v>
      </c>
      <c r="CN9" s="274">
        <v>0</v>
      </c>
      <c r="CO9" s="275">
        <v>0</v>
      </c>
      <c r="CP9" s="276">
        <v>0</v>
      </c>
      <c r="CQ9" s="274">
        <v>0</v>
      </c>
      <c r="CR9" s="274">
        <v>0</v>
      </c>
      <c r="CS9" s="274">
        <v>0</v>
      </c>
      <c r="CT9" s="274">
        <v>0</v>
      </c>
      <c r="CU9" s="274">
        <v>0</v>
      </c>
      <c r="CV9" s="277">
        <v>0</v>
      </c>
      <c r="CW9" s="278">
        <v>0</v>
      </c>
      <c r="CX9" s="273">
        <v>0</v>
      </c>
      <c r="CY9" s="274">
        <v>0</v>
      </c>
      <c r="CZ9" s="275">
        <v>0</v>
      </c>
      <c r="DA9" s="279"/>
      <c r="DB9" s="274">
        <v>0</v>
      </c>
      <c r="DC9" s="274">
        <v>0</v>
      </c>
      <c r="DD9" s="274">
        <v>0</v>
      </c>
      <c r="DE9" s="274">
        <v>0</v>
      </c>
      <c r="DF9" s="274">
        <v>0</v>
      </c>
      <c r="DG9" s="277">
        <v>0</v>
      </c>
      <c r="DH9" s="278">
        <v>0</v>
      </c>
      <c r="DI9" s="273">
        <v>0</v>
      </c>
      <c r="DJ9" s="274">
        <v>24627</v>
      </c>
      <c r="DK9" s="275">
        <v>24627</v>
      </c>
      <c r="DL9" s="276">
        <v>0</v>
      </c>
      <c r="DM9" s="274">
        <v>1336662</v>
      </c>
      <c r="DN9" s="274">
        <v>3037610</v>
      </c>
      <c r="DO9" s="274">
        <v>15124304</v>
      </c>
      <c r="DP9" s="274">
        <v>20645959</v>
      </c>
      <c r="DQ9" s="274">
        <v>13903993</v>
      </c>
      <c r="DR9" s="277">
        <v>54048528</v>
      </c>
      <c r="DS9" s="280">
        <v>54073155</v>
      </c>
      <c r="DT9" s="273">
        <v>0</v>
      </c>
      <c r="DU9" s="274">
        <v>0</v>
      </c>
      <c r="DV9" s="275">
        <v>0</v>
      </c>
      <c r="DW9" s="279"/>
      <c r="DX9" s="274">
        <v>717941</v>
      </c>
      <c r="DY9" s="274">
        <v>1892658</v>
      </c>
      <c r="DZ9" s="274">
        <v>12382782</v>
      </c>
      <c r="EA9" s="274">
        <v>17347780</v>
      </c>
      <c r="EB9" s="274">
        <v>12041300</v>
      </c>
      <c r="EC9" s="277">
        <v>44382461</v>
      </c>
      <c r="ED9" s="278">
        <v>44382461</v>
      </c>
      <c r="EE9" s="273">
        <v>0</v>
      </c>
      <c r="EF9" s="274">
        <v>0</v>
      </c>
      <c r="EG9" s="275">
        <v>0</v>
      </c>
      <c r="EH9" s="279"/>
      <c r="EI9" s="274">
        <v>212366</v>
      </c>
      <c r="EJ9" s="274">
        <v>413676</v>
      </c>
      <c r="EK9" s="274">
        <v>746918</v>
      </c>
      <c r="EL9" s="274">
        <v>1070257</v>
      </c>
      <c r="EM9" s="274">
        <v>523243</v>
      </c>
      <c r="EN9" s="277">
        <v>2966460</v>
      </c>
      <c r="EO9" s="278">
        <v>2966460</v>
      </c>
      <c r="EP9" s="273">
        <v>0</v>
      </c>
      <c r="EQ9" s="274">
        <v>0</v>
      </c>
      <c r="ER9" s="275">
        <v>0</v>
      </c>
      <c r="ES9" s="279"/>
      <c r="ET9" s="274">
        <v>0</v>
      </c>
      <c r="EU9" s="274">
        <v>0</v>
      </c>
      <c r="EV9" s="274">
        <v>23374</v>
      </c>
      <c r="EW9" s="274">
        <v>99927</v>
      </c>
      <c r="EX9" s="274">
        <v>49779</v>
      </c>
      <c r="EY9" s="277">
        <v>173080</v>
      </c>
      <c r="EZ9" s="278">
        <v>173080</v>
      </c>
      <c r="FA9" s="273">
        <v>0</v>
      </c>
      <c r="FB9" s="274">
        <v>0</v>
      </c>
      <c r="FC9" s="275">
        <v>0</v>
      </c>
      <c r="FD9" s="279"/>
      <c r="FE9" s="274">
        <v>0</v>
      </c>
      <c r="FF9" s="274">
        <v>0</v>
      </c>
      <c r="FG9" s="274">
        <v>434</v>
      </c>
      <c r="FH9" s="274">
        <v>49492</v>
      </c>
      <c r="FI9" s="274">
        <v>31641</v>
      </c>
      <c r="FJ9" s="277">
        <v>81567</v>
      </c>
      <c r="FK9" s="278">
        <v>81567</v>
      </c>
      <c r="FL9" s="273">
        <v>0</v>
      </c>
      <c r="FM9" s="274">
        <v>0</v>
      </c>
      <c r="FN9" s="275">
        <v>0</v>
      </c>
      <c r="FO9" s="279"/>
      <c r="FP9" s="274">
        <v>64728</v>
      </c>
      <c r="FQ9" s="274">
        <v>106423</v>
      </c>
      <c r="FR9" s="274">
        <v>650504</v>
      </c>
      <c r="FS9" s="274">
        <v>849757</v>
      </c>
      <c r="FT9" s="274">
        <v>614153</v>
      </c>
      <c r="FU9" s="277">
        <v>2285565</v>
      </c>
      <c r="FV9" s="278">
        <v>2285565</v>
      </c>
      <c r="FW9" s="273">
        <v>0</v>
      </c>
      <c r="FX9" s="274">
        <v>24627</v>
      </c>
      <c r="FY9" s="275">
        <v>24627</v>
      </c>
      <c r="FZ9" s="276">
        <v>0</v>
      </c>
      <c r="GA9" s="274">
        <v>330771</v>
      </c>
      <c r="GB9" s="274">
        <v>610484</v>
      </c>
      <c r="GC9" s="274">
        <v>1278382</v>
      </c>
      <c r="GD9" s="274">
        <v>1176433</v>
      </c>
      <c r="GE9" s="274">
        <v>606459</v>
      </c>
      <c r="GF9" s="277">
        <v>4002529</v>
      </c>
      <c r="GG9" s="278">
        <v>4027156</v>
      </c>
      <c r="GH9" s="273">
        <v>0</v>
      </c>
      <c r="GI9" s="274">
        <v>0</v>
      </c>
      <c r="GJ9" s="275">
        <v>0</v>
      </c>
      <c r="GK9" s="276">
        <v>0</v>
      </c>
      <c r="GL9" s="274">
        <v>10856</v>
      </c>
      <c r="GM9" s="274">
        <v>14369</v>
      </c>
      <c r="GN9" s="274">
        <v>41910</v>
      </c>
      <c r="GO9" s="274">
        <v>52313</v>
      </c>
      <c r="GP9" s="274">
        <v>37418</v>
      </c>
      <c r="GQ9" s="277">
        <v>156866</v>
      </c>
      <c r="GR9" s="278">
        <v>156866</v>
      </c>
      <c r="GS9" s="273">
        <v>0</v>
      </c>
      <c r="GT9" s="274">
        <v>0</v>
      </c>
      <c r="GU9" s="275">
        <v>0</v>
      </c>
      <c r="GV9" s="276">
        <v>0</v>
      </c>
      <c r="GW9" s="274">
        <v>0</v>
      </c>
      <c r="GX9" s="274">
        <v>0</v>
      </c>
      <c r="GY9" s="274">
        <v>0</v>
      </c>
      <c r="GZ9" s="274">
        <v>0</v>
      </c>
      <c r="HA9" s="274">
        <v>0</v>
      </c>
      <c r="HB9" s="277">
        <v>0</v>
      </c>
      <c r="HC9" s="278">
        <v>0</v>
      </c>
      <c r="HD9" s="273">
        <v>0</v>
      </c>
      <c r="HE9" s="274">
        <v>0</v>
      </c>
      <c r="HF9" s="275">
        <v>0</v>
      </c>
      <c r="HG9" s="279"/>
      <c r="HH9" s="274">
        <v>0</v>
      </c>
      <c r="HI9" s="274">
        <v>0</v>
      </c>
      <c r="HJ9" s="274">
        <v>0</v>
      </c>
      <c r="HK9" s="274">
        <v>0</v>
      </c>
      <c r="HL9" s="274">
        <v>0</v>
      </c>
      <c r="HM9" s="277">
        <v>0</v>
      </c>
      <c r="HN9" s="278">
        <v>0</v>
      </c>
      <c r="HO9" s="273">
        <v>0</v>
      </c>
      <c r="HP9" s="274">
        <v>45655</v>
      </c>
      <c r="HQ9" s="275">
        <v>45655</v>
      </c>
      <c r="HR9" s="276">
        <v>0</v>
      </c>
      <c r="HS9" s="274">
        <v>3822679</v>
      </c>
      <c r="HT9" s="274">
        <v>7421497</v>
      </c>
      <c r="HU9" s="274">
        <v>31018096</v>
      </c>
      <c r="HV9" s="274">
        <v>43915485</v>
      </c>
      <c r="HW9" s="274">
        <v>28334197</v>
      </c>
      <c r="HX9" s="277">
        <v>114511954</v>
      </c>
      <c r="HY9" s="278">
        <v>114557609</v>
      </c>
    </row>
    <row r="10" spans="2:233" ht="21" customHeight="1" x14ac:dyDescent="0.2">
      <c r="B10" s="472" t="s">
        <v>14</v>
      </c>
      <c r="C10" s="273">
        <v>0</v>
      </c>
      <c r="D10" s="274">
        <v>2915</v>
      </c>
      <c r="E10" s="275">
        <v>2915</v>
      </c>
      <c r="F10" s="276">
        <v>0</v>
      </c>
      <c r="G10" s="274">
        <v>809182</v>
      </c>
      <c r="H10" s="274">
        <v>1948486</v>
      </c>
      <c r="I10" s="274">
        <v>8492634</v>
      </c>
      <c r="J10" s="274">
        <v>13661767</v>
      </c>
      <c r="K10" s="274">
        <v>8334717</v>
      </c>
      <c r="L10" s="277">
        <v>33246786</v>
      </c>
      <c r="M10" s="278">
        <v>33249701</v>
      </c>
      <c r="N10" s="273">
        <v>0</v>
      </c>
      <c r="O10" s="274">
        <v>0</v>
      </c>
      <c r="P10" s="275">
        <v>0</v>
      </c>
      <c r="Q10" s="279"/>
      <c r="R10" s="274">
        <v>103850</v>
      </c>
      <c r="S10" s="274">
        <v>361991</v>
      </c>
      <c r="T10" s="274">
        <v>5879010</v>
      </c>
      <c r="U10" s="274">
        <v>10006105</v>
      </c>
      <c r="V10" s="274">
        <v>6143186</v>
      </c>
      <c r="W10" s="277">
        <v>22494142</v>
      </c>
      <c r="X10" s="278">
        <v>22494142</v>
      </c>
      <c r="Y10" s="273">
        <v>0</v>
      </c>
      <c r="Z10" s="274">
        <v>0</v>
      </c>
      <c r="AA10" s="275">
        <v>0</v>
      </c>
      <c r="AB10" s="279"/>
      <c r="AC10" s="274">
        <v>631230</v>
      </c>
      <c r="AD10" s="274">
        <v>1338224</v>
      </c>
      <c r="AE10" s="274">
        <v>1903601</v>
      </c>
      <c r="AF10" s="274">
        <v>2128262</v>
      </c>
      <c r="AG10" s="274">
        <v>950490</v>
      </c>
      <c r="AH10" s="277">
        <v>6951807</v>
      </c>
      <c r="AI10" s="278">
        <v>6951807</v>
      </c>
      <c r="AJ10" s="273">
        <v>0</v>
      </c>
      <c r="AK10" s="274">
        <v>0</v>
      </c>
      <c r="AL10" s="275">
        <v>0</v>
      </c>
      <c r="AM10" s="279"/>
      <c r="AN10" s="274">
        <v>0</v>
      </c>
      <c r="AO10" s="274">
        <v>0</v>
      </c>
      <c r="AP10" s="274">
        <v>32705</v>
      </c>
      <c r="AQ10" s="274">
        <v>166115</v>
      </c>
      <c r="AR10" s="274">
        <v>163935</v>
      </c>
      <c r="AS10" s="277">
        <v>362755</v>
      </c>
      <c r="AT10" s="278">
        <v>362755</v>
      </c>
      <c r="AU10" s="273">
        <v>0</v>
      </c>
      <c r="AV10" s="274">
        <v>0</v>
      </c>
      <c r="AW10" s="275">
        <v>0</v>
      </c>
      <c r="AX10" s="279"/>
      <c r="AY10" s="274">
        <v>1870</v>
      </c>
      <c r="AZ10" s="274">
        <v>0</v>
      </c>
      <c r="BA10" s="274">
        <v>2635</v>
      </c>
      <c r="BB10" s="274">
        <v>558710</v>
      </c>
      <c r="BC10" s="274">
        <v>556260</v>
      </c>
      <c r="BD10" s="277">
        <v>1119475</v>
      </c>
      <c r="BE10" s="278">
        <v>1119475</v>
      </c>
      <c r="BF10" s="273">
        <v>0</v>
      </c>
      <c r="BG10" s="274">
        <v>0</v>
      </c>
      <c r="BH10" s="275">
        <v>0</v>
      </c>
      <c r="BI10" s="279"/>
      <c r="BJ10" s="274">
        <v>0</v>
      </c>
      <c r="BK10" s="274">
        <v>24645</v>
      </c>
      <c r="BL10" s="274">
        <v>42055</v>
      </c>
      <c r="BM10" s="274">
        <v>122450</v>
      </c>
      <c r="BN10" s="274">
        <v>97960</v>
      </c>
      <c r="BO10" s="277">
        <v>287110</v>
      </c>
      <c r="BP10" s="278">
        <v>287110</v>
      </c>
      <c r="BQ10" s="273">
        <v>0</v>
      </c>
      <c r="BR10" s="274">
        <v>2915</v>
      </c>
      <c r="BS10" s="275">
        <v>2915</v>
      </c>
      <c r="BT10" s="276">
        <v>0</v>
      </c>
      <c r="BU10" s="274">
        <v>72232</v>
      </c>
      <c r="BV10" s="274">
        <v>214466</v>
      </c>
      <c r="BW10" s="274">
        <v>663093</v>
      </c>
      <c r="BX10" s="274">
        <v>679400</v>
      </c>
      <c r="BY10" s="274">
        <v>422886</v>
      </c>
      <c r="BZ10" s="277">
        <v>2052077</v>
      </c>
      <c r="CA10" s="278">
        <v>2054992</v>
      </c>
      <c r="CB10" s="273">
        <v>0</v>
      </c>
      <c r="CC10" s="274">
        <v>0</v>
      </c>
      <c r="CD10" s="275">
        <v>0</v>
      </c>
      <c r="CE10" s="276">
        <v>0</v>
      </c>
      <c r="CF10" s="274">
        <v>0</v>
      </c>
      <c r="CG10" s="274">
        <v>9160</v>
      </c>
      <c r="CH10" s="274">
        <v>-30465</v>
      </c>
      <c r="CI10" s="274">
        <v>725</v>
      </c>
      <c r="CJ10" s="274">
        <v>0</v>
      </c>
      <c r="CK10" s="277">
        <v>-20580</v>
      </c>
      <c r="CL10" s="278">
        <v>-20580</v>
      </c>
      <c r="CM10" s="273">
        <v>0</v>
      </c>
      <c r="CN10" s="274">
        <v>0</v>
      </c>
      <c r="CO10" s="275">
        <v>0</v>
      </c>
      <c r="CP10" s="276">
        <v>0</v>
      </c>
      <c r="CQ10" s="274">
        <v>0</v>
      </c>
      <c r="CR10" s="274">
        <v>0</v>
      </c>
      <c r="CS10" s="274">
        <v>0</v>
      </c>
      <c r="CT10" s="274">
        <v>0</v>
      </c>
      <c r="CU10" s="274">
        <v>0</v>
      </c>
      <c r="CV10" s="277">
        <v>0</v>
      </c>
      <c r="CW10" s="278">
        <v>0</v>
      </c>
      <c r="CX10" s="273">
        <v>0</v>
      </c>
      <c r="CY10" s="274">
        <v>0</v>
      </c>
      <c r="CZ10" s="275">
        <v>0</v>
      </c>
      <c r="DA10" s="279"/>
      <c r="DB10" s="274">
        <v>0</v>
      </c>
      <c r="DC10" s="274">
        <v>0</v>
      </c>
      <c r="DD10" s="274">
        <v>0</v>
      </c>
      <c r="DE10" s="274">
        <v>0</v>
      </c>
      <c r="DF10" s="274">
        <v>0</v>
      </c>
      <c r="DG10" s="277">
        <v>0</v>
      </c>
      <c r="DH10" s="278">
        <v>0</v>
      </c>
      <c r="DI10" s="273">
        <v>0</v>
      </c>
      <c r="DJ10" s="274">
        <v>3957</v>
      </c>
      <c r="DK10" s="275">
        <v>3957</v>
      </c>
      <c r="DL10" s="276">
        <v>0</v>
      </c>
      <c r="DM10" s="274">
        <v>333121</v>
      </c>
      <c r="DN10" s="274">
        <v>1185394</v>
      </c>
      <c r="DO10" s="274">
        <v>9863592</v>
      </c>
      <c r="DP10" s="274">
        <v>14601646</v>
      </c>
      <c r="DQ10" s="274">
        <v>8430504</v>
      </c>
      <c r="DR10" s="277">
        <v>34414257</v>
      </c>
      <c r="DS10" s="280">
        <v>34418214</v>
      </c>
      <c r="DT10" s="273">
        <v>0</v>
      </c>
      <c r="DU10" s="274">
        <v>0</v>
      </c>
      <c r="DV10" s="275">
        <v>0</v>
      </c>
      <c r="DW10" s="279"/>
      <c r="DX10" s="274">
        <v>116374</v>
      </c>
      <c r="DY10" s="274">
        <v>584427</v>
      </c>
      <c r="DZ10" s="274">
        <v>8392618</v>
      </c>
      <c r="EA10" s="274">
        <v>13025820</v>
      </c>
      <c r="EB10" s="274">
        <v>7282883</v>
      </c>
      <c r="EC10" s="277">
        <v>29402122</v>
      </c>
      <c r="ED10" s="278">
        <v>29402122</v>
      </c>
      <c r="EE10" s="273">
        <v>0</v>
      </c>
      <c r="EF10" s="274">
        <v>0</v>
      </c>
      <c r="EG10" s="275">
        <v>0</v>
      </c>
      <c r="EH10" s="279"/>
      <c r="EI10" s="274">
        <v>74118</v>
      </c>
      <c r="EJ10" s="274">
        <v>227388</v>
      </c>
      <c r="EK10" s="274">
        <v>294213</v>
      </c>
      <c r="EL10" s="274">
        <v>375833</v>
      </c>
      <c r="EM10" s="274">
        <v>180686</v>
      </c>
      <c r="EN10" s="277">
        <v>1152238</v>
      </c>
      <c r="EO10" s="278">
        <v>1152238</v>
      </c>
      <c r="EP10" s="273">
        <v>0</v>
      </c>
      <c r="EQ10" s="274">
        <v>0</v>
      </c>
      <c r="ER10" s="275">
        <v>0</v>
      </c>
      <c r="ES10" s="279"/>
      <c r="ET10" s="274">
        <v>0</v>
      </c>
      <c r="EU10" s="274">
        <v>0</v>
      </c>
      <c r="EV10" s="274">
        <v>217</v>
      </c>
      <c r="EW10" s="274">
        <v>25964</v>
      </c>
      <c r="EX10" s="274">
        <v>31297</v>
      </c>
      <c r="EY10" s="277">
        <v>57478</v>
      </c>
      <c r="EZ10" s="278">
        <v>57478</v>
      </c>
      <c r="FA10" s="273">
        <v>0</v>
      </c>
      <c r="FB10" s="274">
        <v>0</v>
      </c>
      <c r="FC10" s="275">
        <v>0</v>
      </c>
      <c r="FD10" s="279"/>
      <c r="FE10" s="274">
        <v>154</v>
      </c>
      <c r="FF10" s="274">
        <v>0</v>
      </c>
      <c r="FG10" s="274">
        <v>217</v>
      </c>
      <c r="FH10" s="274">
        <v>98319</v>
      </c>
      <c r="FI10" s="274">
        <v>96780</v>
      </c>
      <c r="FJ10" s="277">
        <v>195470</v>
      </c>
      <c r="FK10" s="278">
        <v>195470</v>
      </c>
      <c r="FL10" s="273">
        <v>0</v>
      </c>
      <c r="FM10" s="274">
        <v>0</v>
      </c>
      <c r="FN10" s="275">
        <v>0</v>
      </c>
      <c r="FO10" s="279"/>
      <c r="FP10" s="274">
        <v>0</v>
      </c>
      <c r="FQ10" s="274">
        <v>21576</v>
      </c>
      <c r="FR10" s="274">
        <v>111657</v>
      </c>
      <c r="FS10" s="274">
        <v>202678</v>
      </c>
      <c r="FT10" s="274">
        <v>159836</v>
      </c>
      <c r="FU10" s="277">
        <v>495747</v>
      </c>
      <c r="FV10" s="278">
        <v>495747</v>
      </c>
      <c r="FW10" s="273">
        <v>0</v>
      </c>
      <c r="FX10" s="274">
        <v>3957</v>
      </c>
      <c r="FY10" s="275">
        <v>3957</v>
      </c>
      <c r="FZ10" s="276">
        <v>0</v>
      </c>
      <c r="GA10" s="274">
        <v>142475</v>
      </c>
      <c r="GB10" s="274">
        <v>352003</v>
      </c>
      <c r="GC10" s="274">
        <v>1093716</v>
      </c>
      <c r="GD10" s="274">
        <v>873032</v>
      </c>
      <c r="GE10" s="274">
        <v>679022</v>
      </c>
      <c r="GF10" s="277">
        <v>3140248</v>
      </c>
      <c r="GG10" s="278">
        <v>3144205</v>
      </c>
      <c r="GH10" s="273">
        <v>0</v>
      </c>
      <c r="GI10" s="274">
        <v>0</v>
      </c>
      <c r="GJ10" s="275">
        <v>0</v>
      </c>
      <c r="GK10" s="276">
        <v>0</v>
      </c>
      <c r="GL10" s="274">
        <v>0</v>
      </c>
      <c r="GM10" s="274">
        <v>0</v>
      </c>
      <c r="GN10" s="274">
        <v>-29046</v>
      </c>
      <c r="GO10" s="274">
        <v>0</v>
      </c>
      <c r="GP10" s="274">
        <v>0</v>
      </c>
      <c r="GQ10" s="277">
        <v>-29046</v>
      </c>
      <c r="GR10" s="278">
        <v>-29046</v>
      </c>
      <c r="GS10" s="273">
        <v>0</v>
      </c>
      <c r="GT10" s="274">
        <v>0</v>
      </c>
      <c r="GU10" s="275">
        <v>0</v>
      </c>
      <c r="GV10" s="276">
        <v>0</v>
      </c>
      <c r="GW10" s="274">
        <v>0</v>
      </c>
      <c r="GX10" s="274">
        <v>0</v>
      </c>
      <c r="GY10" s="274">
        <v>0</v>
      </c>
      <c r="GZ10" s="274">
        <v>0</v>
      </c>
      <c r="HA10" s="274">
        <v>0</v>
      </c>
      <c r="HB10" s="277">
        <v>0</v>
      </c>
      <c r="HC10" s="278">
        <v>0</v>
      </c>
      <c r="HD10" s="273">
        <v>0</v>
      </c>
      <c r="HE10" s="274">
        <v>0</v>
      </c>
      <c r="HF10" s="275">
        <v>0</v>
      </c>
      <c r="HG10" s="279"/>
      <c r="HH10" s="274">
        <v>0</v>
      </c>
      <c r="HI10" s="274">
        <v>0</v>
      </c>
      <c r="HJ10" s="274">
        <v>0</v>
      </c>
      <c r="HK10" s="274">
        <v>0</v>
      </c>
      <c r="HL10" s="274">
        <v>0</v>
      </c>
      <c r="HM10" s="277">
        <v>0</v>
      </c>
      <c r="HN10" s="278">
        <v>0</v>
      </c>
      <c r="HO10" s="273">
        <v>0</v>
      </c>
      <c r="HP10" s="274">
        <v>6872</v>
      </c>
      <c r="HQ10" s="275">
        <v>6872</v>
      </c>
      <c r="HR10" s="276">
        <v>0</v>
      </c>
      <c r="HS10" s="274">
        <v>1142303</v>
      </c>
      <c r="HT10" s="274">
        <v>3133880</v>
      </c>
      <c r="HU10" s="274">
        <v>18356226</v>
      </c>
      <c r="HV10" s="274">
        <v>28263413</v>
      </c>
      <c r="HW10" s="274">
        <v>16765221</v>
      </c>
      <c r="HX10" s="277">
        <v>67661043</v>
      </c>
      <c r="HY10" s="278">
        <v>67667915</v>
      </c>
    </row>
    <row r="11" spans="2:233" ht="21" customHeight="1" x14ac:dyDescent="0.2">
      <c r="B11" s="472" t="s">
        <v>7</v>
      </c>
      <c r="C11" s="273">
        <v>435</v>
      </c>
      <c r="D11" s="274">
        <v>980</v>
      </c>
      <c r="E11" s="275">
        <v>1415</v>
      </c>
      <c r="F11" s="276">
        <v>0</v>
      </c>
      <c r="G11" s="274">
        <v>1678906</v>
      </c>
      <c r="H11" s="274">
        <v>2150134</v>
      </c>
      <c r="I11" s="274">
        <v>7292265</v>
      </c>
      <c r="J11" s="274">
        <v>9336089</v>
      </c>
      <c r="K11" s="274">
        <v>4594391</v>
      </c>
      <c r="L11" s="277">
        <v>25051785</v>
      </c>
      <c r="M11" s="278">
        <v>25053200</v>
      </c>
      <c r="N11" s="273">
        <v>0</v>
      </c>
      <c r="O11" s="274">
        <v>0</v>
      </c>
      <c r="P11" s="275">
        <v>0</v>
      </c>
      <c r="Q11" s="279"/>
      <c r="R11" s="274">
        <v>172050</v>
      </c>
      <c r="S11" s="274">
        <v>434220</v>
      </c>
      <c r="T11" s="274">
        <v>5126610</v>
      </c>
      <c r="U11" s="274">
        <v>7427447</v>
      </c>
      <c r="V11" s="274">
        <v>3908649</v>
      </c>
      <c r="W11" s="277">
        <v>17068976</v>
      </c>
      <c r="X11" s="278">
        <v>17068976</v>
      </c>
      <c r="Y11" s="273">
        <v>0</v>
      </c>
      <c r="Z11" s="274">
        <v>0</v>
      </c>
      <c r="AA11" s="275">
        <v>0</v>
      </c>
      <c r="AB11" s="279"/>
      <c r="AC11" s="274">
        <v>1294310</v>
      </c>
      <c r="AD11" s="274">
        <v>1395044</v>
      </c>
      <c r="AE11" s="274">
        <v>1821481</v>
      </c>
      <c r="AF11" s="274">
        <v>1570759</v>
      </c>
      <c r="AG11" s="274">
        <v>550664</v>
      </c>
      <c r="AH11" s="277">
        <v>6632258</v>
      </c>
      <c r="AI11" s="278">
        <v>6632258</v>
      </c>
      <c r="AJ11" s="273">
        <v>0</v>
      </c>
      <c r="AK11" s="274">
        <v>0</v>
      </c>
      <c r="AL11" s="275">
        <v>0</v>
      </c>
      <c r="AM11" s="279"/>
      <c r="AN11" s="274">
        <v>0</v>
      </c>
      <c r="AO11" s="274">
        <v>0</v>
      </c>
      <c r="AP11" s="274">
        <v>0</v>
      </c>
      <c r="AQ11" s="274">
        <v>0</v>
      </c>
      <c r="AR11" s="274">
        <v>2635</v>
      </c>
      <c r="AS11" s="277">
        <v>2635</v>
      </c>
      <c r="AT11" s="278">
        <v>2635</v>
      </c>
      <c r="AU11" s="273">
        <v>0</v>
      </c>
      <c r="AV11" s="274">
        <v>0</v>
      </c>
      <c r="AW11" s="275">
        <v>0</v>
      </c>
      <c r="AX11" s="279"/>
      <c r="AY11" s="274">
        <v>0</v>
      </c>
      <c r="AZ11" s="274">
        <v>0</v>
      </c>
      <c r="BA11" s="274">
        <v>0</v>
      </c>
      <c r="BB11" s="274">
        <v>32705</v>
      </c>
      <c r="BC11" s="274">
        <v>0</v>
      </c>
      <c r="BD11" s="277">
        <v>32705</v>
      </c>
      <c r="BE11" s="278">
        <v>32705</v>
      </c>
      <c r="BF11" s="273">
        <v>0</v>
      </c>
      <c r="BG11" s="274">
        <v>0</v>
      </c>
      <c r="BH11" s="275">
        <v>0</v>
      </c>
      <c r="BI11" s="279"/>
      <c r="BJ11" s="274">
        <v>0</v>
      </c>
      <c r="BK11" s="274">
        <v>0</v>
      </c>
      <c r="BL11" s="274">
        <v>0</v>
      </c>
      <c r="BM11" s="274">
        <v>0</v>
      </c>
      <c r="BN11" s="274">
        <v>0</v>
      </c>
      <c r="BO11" s="277">
        <v>0</v>
      </c>
      <c r="BP11" s="278">
        <v>0</v>
      </c>
      <c r="BQ11" s="273">
        <v>435</v>
      </c>
      <c r="BR11" s="274">
        <v>980</v>
      </c>
      <c r="BS11" s="275">
        <v>1415</v>
      </c>
      <c r="BT11" s="276">
        <v>0</v>
      </c>
      <c r="BU11" s="274">
        <v>202491</v>
      </c>
      <c r="BV11" s="274">
        <v>301130</v>
      </c>
      <c r="BW11" s="274">
        <v>310758</v>
      </c>
      <c r="BX11" s="274">
        <v>272118</v>
      </c>
      <c r="BY11" s="274">
        <v>131623</v>
      </c>
      <c r="BZ11" s="277">
        <v>1218120</v>
      </c>
      <c r="CA11" s="278">
        <v>1219535</v>
      </c>
      <c r="CB11" s="273">
        <v>0</v>
      </c>
      <c r="CC11" s="274">
        <v>0</v>
      </c>
      <c r="CD11" s="275">
        <v>0</v>
      </c>
      <c r="CE11" s="276">
        <v>0</v>
      </c>
      <c r="CF11" s="274">
        <v>10055</v>
      </c>
      <c r="CG11" s="274">
        <v>19740</v>
      </c>
      <c r="CH11" s="274">
        <v>33416</v>
      </c>
      <c r="CI11" s="274">
        <v>33060</v>
      </c>
      <c r="CJ11" s="274">
        <v>820</v>
      </c>
      <c r="CK11" s="277">
        <v>97091</v>
      </c>
      <c r="CL11" s="278">
        <v>97091</v>
      </c>
      <c r="CM11" s="273">
        <v>0</v>
      </c>
      <c r="CN11" s="274">
        <v>0</v>
      </c>
      <c r="CO11" s="275">
        <v>0</v>
      </c>
      <c r="CP11" s="276">
        <v>0</v>
      </c>
      <c r="CQ11" s="274">
        <v>0</v>
      </c>
      <c r="CR11" s="274">
        <v>0</v>
      </c>
      <c r="CS11" s="274">
        <v>0</v>
      </c>
      <c r="CT11" s="274">
        <v>0</v>
      </c>
      <c r="CU11" s="274">
        <v>0</v>
      </c>
      <c r="CV11" s="277">
        <v>0</v>
      </c>
      <c r="CW11" s="278">
        <v>0</v>
      </c>
      <c r="CX11" s="273">
        <v>0</v>
      </c>
      <c r="CY11" s="274">
        <v>0</v>
      </c>
      <c r="CZ11" s="275">
        <v>0</v>
      </c>
      <c r="DA11" s="279"/>
      <c r="DB11" s="274">
        <v>0</v>
      </c>
      <c r="DC11" s="274">
        <v>0</v>
      </c>
      <c r="DD11" s="274">
        <v>0</v>
      </c>
      <c r="DE11" s="274">
        <v>0</v>
      </c>
      <c r="DF11" s="274">
        <v>0</v>
      </c>
      <c r="DG11" s="277">
        <v>0</v>
      </c>
      <c r="DH11" s="278">
        <v>0</v>
      </c>
      <c r="DI11" s="273">
        <v>3480</v>
      </c>
      <c r="DJ11" s="274">
        <v>4212</v>
      </c>
      <c r="DK11" s="275">
        <v>7692</v>
      </c>
      <c r="DL11" s="276">
        <v>0</v>
      </c>
      <c r="DM11" s="274">
        <v>613127</v>
      </c>
      <c r="DN11" s="274">
        <v>1230667</v>
      </c>
      <c r="DO11" s="274">
        <v>7093821</v>
      </c>
      <c r="DP11" s="274">
        <v>9255567</v>
      </c>
      <c r="DQ11" s="274">
        <v>4943901</v>
      </c>
      <c r="DR11" s="277">
        <v>23137083</v>
      </c>
      <c r="DS11" s="280">
        <v>23144775</v>
      </c>
      <c r="DT11" s="273">
        <v>0</v>
      </c>
      <c r="DU11" s="274">
        <v>0</v>
      </c>
      <c r="DV11" s="275">
        <v>0</v>
      </c>
      <c r="DW11" s="279"/>
      <c r="DX11" s="274">
        <v>179645</v>
      </c>
      <c r="DY11" s="274">
        <v>550285</v>
      </c>
      <c r="DZ11" s="274">
        <v>6322160</v>
      </c>
      <c r="EA11" s="274">
        <v>8528306</v>
      </c>
      <c r="EB11" s="274">
        <v>4671938</v>
      </c>
      <c r="EC11" s="277">
        <v>20252334</v>
      </c>
      <c r="ED11" s="278">
        <v>20252334</v>
      </c>
      <c r="EE11" s="273">
        <v>0</v>
      </c>
      <c r="EF11" s="274">
        <v>0</v>
      </c>
      <c r="EG11" s="275">
        <v>0</v>
      </c>
      <c r="EH11" s="279"/>
      <c r="EI11" s="274">
        <v>138082</v>
      </c>
      <c r="EJ11" s="274">
        <v>190408</v>
      </c>
      <c r="EK11" s="274">
        <v>259738</v>
      </c>
      <c r="EL11" s="274">
        <v>289343</v>
      </c>
      <c r="EM11" s="274">
        <v>80733</v>
      </c>
      <c r="EN11" s="277">
        <v>958304</v>
      </c>
      <c r="EO11" s="278">
        <v>958304</v>
      </c>
      <c r="EP11" s="273">
        <v>0</v>
      </c>
      <c r="EQ11" s="274">
        <v>0</v>
      </c>
      <c r="ER11" s="275">
        <v>0</v>
      </c>
      <c r="ES11" s="279"/>
      <c r="ET11" s="274">
        <v>0</v>
      </c>
      <c r="EU11" s="274">
        <v>0</v>
      </c>
      <c r="EV11" s="274">
        <v>0</v>
      </c>
      <c r="EW11" s="274">
        <v>0</v>
      </c>
      <c r="EX11" s="274">
        <v>217</v>
      </c>
      <c r="EY11" s="277">
        <v>217</v>
      </c>
      <c r="EZ11" s="278">
        <v>217</v>
      </c>
      <c r="FA11" s="273">
        <v>0</v>
      </c>
      <c r="FB11" s="274">
        <v>0</v>
      </c>
      <c r="FC11" s="275">
        <v>0</v>
      </c>
      <c r="FD11" s="279"/>
      <c r="FE11" s="274">
        <v>0</v>
      </c>
      <c r="FF11" s="274">
        <v>0</v>
      </c>
      <c r="FG11" s="274">
        <v>0</v>
      </c>
      <c r="FH11" s="274">
        <v>217</v>
      </c>
      <c r="FI11" s="274">
        <v>0</v>
      </c>
      <c r="FJ11" s="277">
        <v>217</v>
      </c>
      <c r="FK11" s="278">
        <v>217</v>
      </c>
      <c r="FL11" s="273">
        <v>0</v>
      </c>
      <c r="FM11" s="274">
        <v>0</v>
      </c>
      <c r="FN11" s="275">
        <v>0</v>
      </c>
      <c r="FO11" s="279"/>
      <c r="FP11" s="274">
        <v>0</v>
      </c>
      <c r="FQ11" s="274">
        <v>0</v>
      </c>
      <c r="FR11" s="274">
        <v>0</v>
      </c>
      <c r="FS11" s="274">
        <v>0</v>
      </c>
      <c r="FT11" s="274">
        <v>0</v>
      </c>
      <c r="FU11" s="277">
        <v>0</v>
      </c>
      <c r="FV11" s="278">
        <v>0</v>
      </c>
      <c r="FW11" s="273">
        <v>3480</v>
      </c>
      <c r="FX11" s="274">
        <v>4212</v>
      </c>
      <c r="FY11" s="275">
        <v>7692</v>
      </c>
      <c r="FZ11" s="276">
        <v>0</v>
      </c>
      <c r="GA11" s="274">
        <v>295316</v>
      </c>
      <c r="GB11" s="274">
        <v>480249</v>
      </c>
      <c r="GC11" s="274">
        <v>508126</v>
      </c>
      <c r="GD11" s="274">
        <v>411121</v>
      </c>
      <c r="GE11" s="274">
        <v>189911</v>
      </c>
      <c r="GF11" s="277">
        <v>1884723</v>
      </c>
      <c r="GG11" s="278">
        <v>1892415</v>
      </c>
      <c r="GH11" s="273">
        <v>0</v>
      </c>
      <c r="GI11" s="274">
        <v>0</v>
      </c>
      <c r="GJ11" s="275">
        <v>0</v>
      </c>
      <c r="GK11" s="276">
        <v>0</v>
      </c>
      <c r="GL11" s="274">
        <v>84</v>
      </c>
      <c r="GM11" s="274">
        <v>9725</v>
      </c>
      <c r="GN11" s="274">
        <v>3797</v>
      </c>
      <c r="GO11" s="274">
        <v>26580</v>
      </c>
      <c r="GP11" s="274">
        <v>1102</v>
      </c>
      <c r="GQ11" s="277">
        <v>41288</v>
      </c>
      <c r="GR11" s="278">
        <v>41288</v>
      </c>
      <c r="GS11" s="273">
        <v>0</v>
      </c>
      <c r="GT11" s="274">
        <v>0</v>
      </c>
      <c r="GU11" s="275">
        <v>0</v>
      </c>
      <c r="GV11" s="276">
        <v>0</v>
      </c>
      <c r="GW11" s="274">
        <v>0</v>
      </c>
      <c r="GX11" s="274">
        <v>0</v>
      </c>
      <c r="GY11" s="274">
        <v>0</v>
      </c>
      <c r="GZ11" s="274">
        <v>0</v>
      </c>
      <c r="HA11" s="274">
        <v>0</v>
      </c>
      <c r="HB11" s="277">
        <v>0</v>
      </c>
      <c r="HC11" s="278">
        <v>0</v>
      </c>
      <c r="HD11" s="273">
        <v>0</v>
      </c>
      <c r="HE11" s="274">
        <v>0</v>
      </c>
      <c r="HF11" s="275">
        <v>0</v>
      </c>
      <c r="HG11" s="279"/>
      <c r="HH11" s="274">
        <v>0</v>
      </c>
      <c r="HI11" s="274">
        <v>0</v>
      </c>
      <c r="HJ11" s="274">
        <v>0</v>
      </c>
      <c r="HK11" s="274">
        <v>0</v>
      </c>
      <c r="HL11" s="274">
        <v>0</v>
      </c>
      <c r="HM11" s="277">
        <v>0</v>
      </c>
      <c r="HN11" s="278">
        <v>0</v>
      </c>
      <c r="HO11" s="273">
        <v>3915</v>
      </c>
      <c r="HP11" s="274">
        <v>5192</v>
      </c>
      <c r="HQ11" s="275">
        <v>9107</v>
      </c>
      <c r="HR11" s="276">
        <v>0</v>
      </c>
      <c r="HS11" s="274">
        <v>2292033</v>
      </c>
      <c r="HT11" s="274">
        <v>3380801</v>
      </c>
      <c r="HU11" s="274">
        <v>14386086</v>
      </c>
      <c r="HV11" s="274">
        <v>18591656</v>
      </c>
      <c r="HW11" s="274">
        <v>9538292</v>
      </c>
      <c r="HX11" s="277">
        <v>48188868</v>
      </c>
      <c r="HY11" s="278">
        <v>48197975</v>
      </c>
    </row>
    <row r="12" spans="2:233" ht="21" customHeight="1" x14ac:dyDescent="0.2">
      <c r="B12" s="472" t="s">
        <v>8</v>
      </c>
      <c r="C12" s="273">
        <v>0</v>
      </c>
      <c r="D12" s="274">
        <v>1160</v>
      </c>
      <c r="E12" s="275">
        <v>1160</v>
      </c>
      <c r="F12" s="276">
        <v>0</v>
      </c>
      <c r="G12" s="274">
        <v>558582</v>
      </c>
      <c r="H12" s="274">
        <v>1236384</v>
      </c>
      <c r="I12" s="274">
        <v>5047412</v>
      </c>
      <c r="J12" s="274">
        <v>4736401</v>
      </c>
      <c r="K12" s="274">
        <v>2815755</v>
      </c>
      <c r="L12" s="277">
        <v>14394534</v>
      </c>
      <c r="M12" s="278">
        <v>14395694</v>
      </c>
      <c r="N12" s="273">
        <v>0</v>
      </c>
      <c r="O12" s="274">
        <v>0</v>
      </c>
      <c r="P12" s="275">
        <v>0</v>
      </c>
      <c r="Q12" s="279"/>
      <c r="R12" s="274">
        <v>177710</v>
      </c>
      <c r="S12" s="274">
        <v>322850</v>
      </c>
      <c r="T12" s="274">
        <v>3516600</v>
      </c>
      <c r="U12" s="274">
        <v>3478036</v>
      </c>
      <c r="V12" s="274">
        <v>2105611</v>
      </c>
      <c r="W12" s="277">
        <v>9600807</v>
      </c>
      <c r="X12" s="278">
        <v>9600807</v>
      </c>
      <c r="Y12" s="273">
        <v>0</v>
      </c>
      <c r="Z12" s="274">
        <v>0</v>
      </c>
      <c r="AA12" s="275">
        <v>0</v>
      </c>
      <c r="AB12" s="279"/>
      <c r="AC12" s="274">
        <v>275640</v>
      </c>
      <c r="AD12" s="274">
        <v>734090</v>
      </c>
      <c r="AE12" s="274">
        <v>1073814</v>
      </c>
      <c r="AF12" s="274">
        <v>790635</v>
      </c>
      <c r="AG12" s="274">
        <v>453090</v>
      </c>
      <c r="AH12" s="277">
        <v>3327269</v>
      </c>
      <c r="AI12" s="278">
        <v>3327269</v>
      </c>
      <c r="AJ12" s="273">
        <v>0</v>
      </c>
      <c r="AK12" s="274">
        <v>0</v>
      </c>
      <c r="AL12" s="275">
        <v>0</v>
      </c>
      <c r="AM12" s="279"/>
      <c r="AN12" s="274">
        <v>0</v>
      </c>
      <c r="AO12" s="274">
        <v>0</v>
      </c>
      <c r="AP12" s="274">
        <v>0</v>
      </c>
      <c r="AQ12" s="274">
        <v>0</v>
      </c>
      <c r="AR12" s="274">
        <v>0</v>
      </c>
      <c r="AS12" s="277">
        <v>0</v>
      </c>
      <c r="AT12" s="278">
        <v>0</v>
      </c>
      <c r="AU12" s="273">
        <v>0</v>
      </c>
      <c r="AV12" s="274">
        <v>0</v>
      </c>
      <c r="AW12" s="275">
        <v>0</v>
      </c>
      <c r="AX12" s="279"/>
      <c r="AY12" s="274">
        <v>35495</v>
      </c>
      <c r="AZ12" s="274">
        <v>0</v>
      </c>
      <c r="BA12" s="274">
        <v>32705</v>
      </c>
      <c r="BB12" s="274">
        <v>2635</v>
      </c>
      <c r="BC12" s="274">
        <v>69780</v>
      </c>
      <c r="BD12" s="277">
        <v>140615</v>
      </c>
      <c r="BE12" s="278">
        <v>140615</v>
      </c>
      <c r="BF12" s="273">
        <v>0</v>
      </c>
      <c r="BG12" s="274">
        <v>0</v>
      </c>
      <c r="BH12" s="275">
        <v>0</v>
      </c>
      <c r="BI12" s="279"/>
      <c r="BJ12" s="274">
        <v>0</v>
      </c>
      <c r="BK12" s="274">
        <v>2635</v>
      </c>
      <c r="BL12" s="274">
        <v>48515</v>
      </c>
      <c r="BM12" s="274">
        <v>231260</v>
      </c>
      <c r="BN12" s="274">
        <v>75950</v>
      </c>
      <c r="BO12" s="277">
        <v>358360</v>
      </c>
      <c r="BP12" s="278">
        <v>358360</v>
      </c>
      <c r="BQ12" s="273">
        <v>0</v>
      </c>
      <c r="BR12" s="274">
        <v>1160</v>
      </c>
      <c r="BS12" s="275">
        <v>1160</v>
      </c>
      <c r="BT12" s="276">
        <v>0</v>
      </c>
      <c r="BU12" s="274">
        <v>58922</v>
      </c>
      <c r="BV12" s="274">
        <v>162024</v>
      </c>
      <c r="BW12" s="274">
        <v>358351</v>
      </c>
      <c r="BX12" s="274">
        <v>233835</v>
      </c>
      <c r="BY12" s="274">
        <v>111324</v>
      </c>
      <c r="BZ12" s="277">
        <v>924456</v>
      </c>
      <c r="CA12" s="278">
        <v>925616</v>
      </c>
      <c r="CB12" s="273">
        <v>0</v>
      </c>
      <c r="CC12" s="274">
        <v>0</v>
      </c>
      <c r="CD12" s="275">
        <v>0</v>
      </c>
      <c r="CE12" s="276">
        <v>0</v>
      </c>
      <c r="CF12" s="274">
        <v>10815</v>
      </c>
      <c r="CG12" s="274">
        <v>14785</v>
      </c>
      <c r="CH12" s="274">
        <v>17427</v>
      </c>
      <c r="CI12" s="274">
        <v>0</v>
      </c>
      <c r="CJ12" s="274">
        <v>0</v>
      </c>
      <c r="CK12" s="277">
        <v>43027</v>
      </c>
      <c r="CL12" s="278">
        <v>43027</v>
      </c>
      <c r="CM12" s="273">
        <v>0</v>
      </c>
      <c r="CN12" s="274">
        <v>0</v>
      </c>
      <c r="CO12" s="275">
        <v>0</v>
      </c>
      <c r="CP12" s="276">
        <v>0</v>
      </c>
      <c r="CQ12" s="274">
        <v>0</v>
      </c>
      <c r="CR12" s="274">
        <v>0</v>
      </c>
      <c r="CS12" s="274">
        <v>0</v>
      </c>
      <c r="CT12" s="274">
        <v>0</v>
      </c>
      <c r="CU12" s="274">
        <v>0</v>
      </c>
      <c r="CV12" s="277">
        <v>0</v>
      </c>
      <c r="CW12" s="278">
        <v>0</v>
      </c>
      <c r="CX12" s="273">
        <v>0</v>
      </c>
      <c r="CY12" s="274">
        <v>0</v>
      </c>
      <c r="CZ12" s="275">
        <v>0</v>
      </c>
      <c r="DA12" s="279"/>
      <c r="DB12" s="274">
        <v>0</v>
      </c>
      <c r="DC12" s="274">
        <v>0</v>
      </c>
      <c r="DD12" s="274">
        <v>0</v>
      </c>
      <c r="DE12" s="274">
        <v>0</v>
      </c>
      <c r="DF12" s="274">
        <v>0</v>
      </c>
      <c r="DG12" s="277">
        <v>0</v>
      </c>
      <c r="DH12" s="278">
        <v>0</v>
      </c>
      <c r="DI12" s="273">
        <v>0</v>
      </c>
      <c r="DJ12" s="274">
        <v>8352</v>
      </c>
      <c r="DK12" s="275">
        <v>8352</v>
      </c>
      <c r="DL12" s="276">
        <v>0</v>
      </c>
      <c r="DM12" s="274">
        <v>423429</v>
      </c>
      <c r="DN12" s="274">
        <v>1115294</v>
      </c>
      <c r="DO12" s="274">
        <v>5615822</v>
      </c>
      <c r="DP12" s="274">
        <v>5837529</v>
      </c>
      <c r="DQ12" s="274">
        <v>3224747</v>
      </c>
      <c r="DR12" s="277">
        <v>16216821</v>
      </c>
      <c r="DS12" s="280">
        <v>16225173</v>
      </c>
      <c r="DT12" s="273">
        <v>0</v>
      </c>
      <c r="DU12" s="274">
        <v>0</v>
      </c>
      <c r="DV12" s="275">
        <v>0</v>
      </c>
      <c r="DW12" s="279"/>
      <c r="DX12" s="274">
        <v>252138</v>
      </c>
      <c r="DY12" s="274">
        <v>758012</v>
      </c>
      <c r="DZ12" s="274">
        <v>4615077</v>
      </c>
      <c r="EA12" s="274">
        <v>4883382</v>
      </c>
      <c r="EB12" s="274">
        <v>2822684</v>
      </c>
      <c r="EC12" s="277">
        <v>13331293</v>
      </c>
      <c r="ED12" s="278">
        <v>13331293</v>
      </c>
      <c r="EE12" s="273">
        <v>0</v>
      </c>
      <c r="EF12" s="274">
        <v>0</v>
      </c>
      <c r="EG12" s="275">
        <v>0</v>
      </c>
      <c r="EH12" s="279"/>
      <c r="EI12" s="274">
        <v>46598</v>
      </c>
      <c r="EJ12" s="274">
        <v>88507</v>
      </c>
      <c r="EK12" s="274">
        <v>113284</v>
      </c>
      <c r="EL12" s="274">
        <v>178116</v>
      </c>
      <c r="EM12" s="274">
        <v>60035</v>
      </c>
      <c r="EN12" s="277">
        <v>486540</v>
      </c>
      <c r="EO12" s="278">
        <v>486540</v>
      </c>
      <c r="EP12" s="273">
        <v>0</v>
      </c>
      <c r="EQ12" s="274">
        <v>0</v>
      </c>
      <c r="ER12" s="275">
        <v>0</v>
      </c>
      <c r="ES12" s="279"/>
      <c r="ET12" s="274">
        <v>0</v>
      </c>
      <c r="EU12" s="274">
        <v>0</v>
      </c>
      <c r="EV12" s="274">
        <v>0</v>
      </c>
      <c r="EW12" s="274">
        <v>0</v>
      </c>
      <c r="EX12" s="274">
        <v>0</v>
      </c>
      <c r="EY12" s="277">
        <v>0</v>
      </c>
      <c r="EZ12" s="278">
        <v>0</v>
      </c>
      <c r="FA12" s="273">
        <v>0</v>
      </c>
      <c r="FB12" s="274">
        <v>0</v>
      </c>
      <c r="FC12" s="275">
        <v>0</v>
      </c>
      <c r="FD12" s="279"/>
      <c r="FE12" s="274">
        <v>11687</v>
      </c>
      <c r="FF12" s="274">
        <v>0</v>
      </c>
      <c r="FG12" s="274">
        <v>217</v>
      </c>
      <c r="FH12" s="274">
        <v>217</v>
      </c>
      <c r="FI12" s="274">
        <v>12121</v>
      </c>
      <c r="FJ12" s="277">
        <v>24242</v>
      </c>
      <c r="FK12" s="278">
        <v>24242</v>
      </c>
      <c r="FL12" s="273">
        <v>0</v>
      </c>
      <c r="FM12" s="274">
        <v>0</v>
      </c>
      <c r="FN12" s="275">
        <v>0</v>
      </c>
      <c r="FO12" s="279"/>
      <c r="FP12" s="274">
        <v>0</v>
      </c>
      <c r="FQ12" s="274">
        <v>21576</v>
      </c>
      <c r="FR12" s="274">
        <v>166222</v>
      </c>
      <c r="FS12" s="274">
        <v>378014</v>
      </c>
      <c r="FT12" s="274">
        <v>159836</v>
      </c>
      <c r="FU12" s="277">
        <v>725648</v>
      </c>
      <c r="FV12" s="278">
        <v>725648</v>
      </c>
      <c r="FW12" s="273">
        <v>0</v>
      </c>
      <c r="FX12" s="274">
        <v>8352</v>
      </c>
      <c r="FY12" s="275">
        <v>8352</v>
      </c>
      <c r="FZ12" s="276">
        <v>0</v>
      </c>
      <c r="GA12" s="274">
        <v>112908</v>
      </c>
      <c r="GB12" s="274">
        <v>246947</v>
      </c>
      <c r="GC12" s="274">
        <v>713760</v>
      </c>
      <c r="GD12" s="274">
        <v>397800</v>
      </c>
      <c r="GE12" s="274">
        <v>170071</v>
      </c>
      <c r="GF12" s="277">
        <v>1641486</v>
      </c>
      <c r="GG12" s="278">
        <v>1649838</v>
      </c>
      <c r="GH12" s="273">
        <v>0</v>
      </c>
      <c r="GI12" s="274">
        <v>0</v>
      </c>
      <c r="GJ12" s="275">
        <v>0</v>
      </c>
      <c r="GK12" s="276">
        <v>0</v>
      </c>
      <c r="GL12" s="274">
        <v>98</v>
      </c>
      <c r="GM12" s="274">
        <v>252</v>
      </c>
      <c r="GN12" s="274">
        <v>7262</v>
      </c>
      <c r="GO12" s="274">
        <v>0</v>
      </c>
      <c r="GP12" s="274">
        <v>0</v>
      </c>
      <c r="GQ12" s="277">
        <v>7612</v>
      </c>
      <c r="GR12" s="278">
        <v>7612</v>
      </c>
      <c r="GS12" s="273">
        <v>0</v>
      </c>
      <c r="GT12" s="274">
        <v>0</v>
      </c>
      <c r="GU12" s="275">
        <v>0</v>
      </c>
      <c r="GV12" s="276">
        <v>0</v>
      </c>
      <c r="GW12" s="274">
        <v>0</v>
      </c>
      <c r="GX12" s="274">
        <v>0</v>
      </c>
      <c r="GY12" s="274">
        <v>0</v>
      </c>
      <c r="GZ12" s="274">
        <v>0</v>
      </c>
      <c r="HA12" s="274">
        <v>0</v>
      </c>
      <c r="HB12" s="277">
        <v>0</v>
      </c>
      <c r="HC12" s="278">
        <v>0</v>
      </c>
      <c r="HD12" s="273">
        <v>0</v>
      </c>
      <c r="HE12" s="274">
        <v>0</v>
      </c>
      <c r="HF12" s="275">
        <v>0</v>
      </c>
      <c r="HG12" s="279"/>
      <c r="HH12" s="274">
        <v>0</v>
      </c>
      <c r="HI12" s="274">
        <v>0</v>
      </c>
      <c r="HJ12" s="274">
        <v>0</v>
      </c>
      <c r="HK12" s="274">
        <v>0</v>
      </c>
      <c r="HL12" s="274">
        <v>0</v>
      </c>
      <c r="HM12" s="277">
        <v>0</v>
      </c>
      <c r="HN12" s="278">
        <v>0</v>
      </c>
      <c r="HO12" s="273">
        <v>0</v>
      </c>
      <c r="HP12" s="274">
        <v>9512</v>
      </c>
      <c r="HQ12" s="275">
        <v>9512</v>
      </c>
      <c r="HR12" s="276">
        <v>0</v>
      </c>
      <c r="HS12" s="274">
        <v>982011</v>
      </c>
      <c r="HT12" s="274">
        <v>2351678</v>
      </c>
      <c r="HU12" s="274">
        <v>10663234</v>
      </c>
      <c r="HV12" s="274">
        <v>10573930</v>
      </c>
      <c r="HW12" s="274">
        <v>6040502</v>
      </c>
      <c r="HX12" s="277">
        <v>30611355</v>
      </c>
      <c r="HY12" s="278">
        <v>30620867</v>
      </c>
    </row>
    <row r="13" spans="2:233" ht="21" customHeight="1" x14ac:dyDescent="0.2">
      <c r="B13" s="472" t="s">
        <v>9</v>
      </c>
      <c r="C13" s="273">
        <v>0</v>
      </c>
      <c r="D13" s="274">
        <v>3301</v>
      </c>
      <c r="E13" s="275">
        <v>3301</v>
      </c>
      <c r="F13" s="276">
        <v>0</v>
      </c>
      <c r="G13" s="274">
        <v>266624</v>
      </c>
      <c r="H13" s="274">
        <v>298449</v>
      </c>
      <c r="I13" s="274">
        <v>2051419</v>
      </c>
      <c r="J13" s="274">
        <v>2316234</v>
      </c>
      <c r="K13" s="274">
        <v>1478835</v>
      </c>
      <c r="L13" s="277">
        <v>6411561</v>
      </c>
      <c r="M13" s="278">
        <v>6414862</v>
      </c>
      <c r="N13" s="273">
        <v>0</v>
      </c>
      <c r="O13" s="274">
        <v>0</v>
      </c>
      <c r="P13" s="275">
        <v>0</v>
      </c>
      <c r="Q13" s="279"/>
      <c r="R13" s="274">
        <v>80930</v>
      </c>
      <c r="S13" s="274">
        <v>35340</v>
      </c>
      <c r="T13" s="274">
        <v>1504689</v>
      </c>
      <c r="U13" s="274">
        <v>1829651</v>
      </c>
      <c r="V13" s="274">
        <v>1224409</v>
      </c>
      <c r="W13" s="277">
        <v>4675019</v>
      </c>
      <c r="X13" s="278">
        <v>4675019</v>
      </c>
      <c r="Y13" s="273">
        <v>0</v>
      </c>
      <c r="Z13" s="274">
        <v>0</v>
      </c>
      <c r="AA13" s="275">
        <v>0</v>
      </c>
      <c r="AB13" s="279"/>
      <c r="AC13" s="274">
        <v>152024</v>
      </c>
      <c r="AD13" s="274">
        <v>172135</v>
      </c>
      <c r="AE13" s="274">
        <v>351220</v>
      </c>
      <c r="AF13" s="274">
        <v>412375</v>
      </c>
      <c r="AG13" s="274">
        <v>201525</v>
      </c>
      <c r="AH13" s="277">
        <v>1289279</v>
      </c>
      <c r="AI13" s="278">
        <v>1289279</v>
      </c>
      <c r="AJ13" s="273">
        <v>0</v>
      </c>
      <c r="AK13" s="274">
        <v>0</v>
      </c>
      <c r="AL13" s="275">
        <v>0</v>
      </c>
      <c r="AM13" s="279"/>
      <c r="AN13" s="274">
        <v>0</v>
      </c>
      <c r="AO13" s="274">
        <v>0</v>
      </c>
      <c r="AP13" s="274">
        <v>0</v>
      </c>
      <c r="AQ13" s="274">
        <v>0</v>
      </c>
      <c r="AR13" s="274">
        <v>0</v>
      </c>
      <c r="AS13" s="277">
        <v>0</v>
      </c>
      <c r="AT13" s="278">
        <v>0</v>
      </c>
      <c r="AU13" s="273">
        <v>0</v>
      </c>
      <c r="AV13" s="274">
        <v>0</v>
      </c>
      <c r="AW13" s="275">
        <v>0</v>
      </c>
      <c r="AX13" s="279"/>
      <c r="AY13" s="274">
        <v>0</v>
      </c>
      <c r="AZ13" s="274">
        <v>0</v>
      </c>
      <c r="BA13" s="274">
        <v>0</v>
      </c>
      <c r="BB13" s="274">
        <v>2635</v>
      </c>
      <c r="BC13" s="274">
        <v>5270</v>
      </c>
      <c r="BD13" s="277">
        <v>7905</v>
      </c>
      <c r="BE13" s="278">
        <v>7905</v>
      </c>
      <c r="BF13" s="273">
        <v>0</v>
      </c>
      <c r="BG13" s="274">
        <v>0</v>
      </c>
      <c r="BH13" s="275">
        <v>0</v>
      </c>
      <c r="BI13" s="279"/>
      <c r="BJ13" s="274">
        <v>0</v>
      </c>
      <c r="BK13" s="274">
        <v>0</v>
      </c>
      <c r="BL13" s="274">
        <v>0</v>
      </c>
      <c r="BM13" s="274">
        <v>24645</v>
      </c>
      <c r="BN13" s="274">
        <v>0</v>
      </c>
      <c r="BO13" s="277">
        <v>24645</v>
      </c>
      <c r="BP13" s="278">
        <v>24645</v>
      </c>
      <c r="BQ13" s="273">
        <v>0</v>
      </c>
      <c r="BR13" s="274">
        <v>175</v>
      </c>
      <c r="BS13" s="275">
        <v>175</v>
      </c>
      <c r="BT13" s="276">
        <v>0</v>
      </c>
      <c r="BU13" s="274">
        <v>26165</v>
      </c>
      <c r="BV13" s="274">
        <v>90779</v>
      </c>
      <c r="BW13" s="274">
        <v>187627</v>
      </c>
      <c r="BX13" s="274">
        <v>44705</v>
      </c>
      <c r="BY13" s="274">
        <v>44406</v>
      </c>
      <c r="BZ13" s="277">
        <v>393682</v>
      </c>
      <c r="CA13" s="278">
        <v>393857</v>
      </c>
      <c r="CB13" s="273">
        <v>0</v>
      </c>
      <c r="CC13" s="274">
        <v>3126</v>
      </c>
      <c r="CD13" s="275">
        <v>3126</v>
      </c>
      <c r="CE13" s="276">
        <v>0</v>
      </c>
      <c r="CF13" s="274">
        <v>7505</v>
      </c>
      <c r="CG13" s="274">
        <v>195</v>
      </c>
      <c r="CH13" s="274">
        <v>7883</v>
      </c>
      <c r="CI13" s="274">
        <v>2223</v>
      </c>
      <c r="CJ13" s="274">
        <v>3225</v>
      </c>
      <c r="CK13" s="277">
        <v>21031</v>
      </c>
      <c r="CL13" s="278">
        <v>24157</v>
      </c>
      <c r="CM13" s="273">
        <v>0</v>
      </c>
      <c r="CN13" s="274">
        <v>0</v>
      </c>
      <c r="CO13" s="275">
        <v>0</v>
      </c>
      <c r="CP13" s="276">
        <v>0</v>
      </c>
      <c r="CQ13" s="274">
        <v>0</v>
      </c>
      <c r="CR13" s="274">
        <v>0</v>
      </c>
      <c r="CS13" s="274">
        <v>0</v>
      </c>
      <c r="CT13" s="274">
        <v>0</v>
      </c>
      <c r="CU13" s="274">
        <v>0</v>
      </c>
      <c r="CV13" s="277">
        <v>0</v>
      </c>
      <c r="CW13" s="278">
        <v>0</v>
      </c>
      <c r="CX13" s="273">
        <v>0</v>
      </c>
      <c r="CY13" s="274">
        <v>0</v>
      </c>
      <c r="CZ13" s="275">
        <v>0</v>
      </c>
      <c r="DA13" s="279"/>
      <c r="DB13" s="274">
        <v>0</v>
      </c>
      <c r="DC13" s="274">
        <v>0</v>
      </c>
      <c r="DD13" s="274">
        <v>0</v>
      </c>
      <c r="DE13" s="274">
        <v>0</v>
      </c>
      <c r="DF13" s="274">
        <v>0</v>
      </c>
      <c r="DG13" s="277">
        <v>0</v>
      </c>
      <c r="DH13" s="278">
        <v>0</v>
      </c>
      <c r="DI13" s="273">
        <v>0</v>
      </c>
      <c r="DJ13" s="274">
        <v>2116</v>
      </c>
      <c r="DK13" s="275">
        <v>2116</v>
      </c>
      <c r="DL13" s="276">
        <v>0</v>
      </c>
      <c r="DM13" s="274">
        <v>197671</v>
      </c>
      <c r="DN13" s="274">
        <v>233544</v>
      </c>
      <c r="DO13" s="274">
        <v>2372861</v>
      </c>
      <c r="DP13" s="274">
        <v>2798601</v>
      </c>
      <c r="DQ13" s="274">
        <v>2006360</v>
      </c>
      <c r="DR13" s="277">
        <v>7609037</v>
      </c>
      <c r="DS13" s="280">
        <v>7611153</v>
      </c>
      <c r="DT13" s="273">
        <v>0</v>
      </c>
      <c r="DU13" s="274">
        <v>0</v>
      </c>
      <c r="DV13" s="275">
        <v>0</v>
      </c>
      <c r="DW13" s="279"/>
      <c r="DX13" s="274">
        <v>103536</v>
      </c>
      <c r="DY13" s="274">
        <v>58342</v>
      </c>
      <c r="DZ13" s="274">
        <v>2016318</v>
      </c>
      <c r="EA13" s="274">
        <v>2641784</v>
      </c>
      <c r="EB13" s="274">
        <v>1862555</v>
      </c>
      <c r="EC13" s="277">
        <v>6682535</v>
      </c>
      <c r="ED13" s="278">
        <v>6682535</v>
      </c>
      <c r="EE13" s="273">
        <v>0</v>
      </c>
      <c r="EF13" s="274">
        <v>0</v>
      </c>
      <c r="EG13" s="275">
        <v>0</v>
      </c>
      <c r="EH13" s="279"/>
      <c r="EI13" s="274">
        <v>45880</v>
      </c>
      <c r="EJ13" s="274">
        <v>46480</v>
      </c>
      <c r="EK13" s="274">
        <v>53631</v>
      </c>
      <c r="EL13" s="274">
        <v>47096</v>
      </c>
      <c r="EM13" s="274">
        <v>44517</v>
      </c>
      <c r="EN13" s="277">
        <v>237604</v>
      </c>
      <c r="EO13" s="278">
        <v>237604</v>
      </c>
      <c r="EP13" s="273">
        <v>0</v>
      </c>
      <c r="EQ13" s="274">
        <v>0</v>
      </c>
      <c r="ER13" s="275">
        <v>0</v>
      </c>
      <c r="ES13" s="279"/>
      <c r="ET13" s="274">
        <v>0</v>
      </c>
      <c r="EU13" s="274">
        <v>0</v>
      </c>
      <c r="EV13" s="274">
        <v>0</v>
      </c>
      <c r="EW13" s="274">
        <v>0</v>
      </c>
      <c r="EX13" s="274">
        <v>0</v>
      </c>
      <c r="EY13" s="277">
        <v>0</v>
      </c>
      <c r="EZ13" s="278">
        <v>0</v>
      </c>
      <c r="FA13" s="273">
        <v>0</v>
      </c>
      <c r="FB13" s="274">
        <v>0</v>
      </c>
      <c r="FC13" s="275">
        <v>0</v>
      </c>
      <c r="FD13" s="279"/>
      <c r="FE13" s="274">
        <v>0</v>
      </c>
      <c r="FF13" s="274">
        <v>0</v>
      </c>
      <c r="FG13" s="274">
        <v>0</v>
      </c>
      <c r="FH13" s="274">
        <v>217</v>
      </c>
      <c r="FI13" s="274">
        <v>434</v>
      </c>
      <c r="FJ13" s="277">
        <v>651</v>
      </c>
      <c r="FK13" s="278">
        <v>651</v>
      </c>
      <c r="FL13" s="273">
        <v>0</v>
      </c>
      <c r="FM13" s="274">
        <v>0</v>
      </c>
      <c r="FN13" s="275">
        <v>0</v>
      </c>
      <c r="FO13" s="279"/>
      <c r="FP13" s="274">
        <v>0</v>
      </c>
      <c r="FQ13" s="274">
        <v>0</v>
      </c>
      <c r="FR13" s="274">
        <v>0</v>
      </c>
      <c r="FS13" s="274">
        <v>21576</v>
      </c>
      <c r="FT13" s="274">
        <v>0</v>
      </c>
      <c r="FU13" s="277">
        <v>21576</v>
      </c>
      <c r="FV13" s="278">
        <v>21576</v>
      </c>
      <c r="FW13" s="273">
        <v>0</v>
      </c>
      <c r="FX13" s="274">
        <v>2088</v>
      </c>
      <c r="FY13" s="275">
        <v>2088</v>
      </c>
      <c r="FZ13" s="276">
        <v>0</v>
      </c>
      <c r="GA13" s="274">
        <v>48150</v>
      </c>
      <c r="GB13" s="274">
        <v>128701</v>
      </c>
      <c r="GC13" s="274">
        <v>302737</v>
      </c>
      <c r="GD13" s="274">
        <v>87788</v>
      </c>
      <c r="GE13" s="274">
        <v>98826</v>
      </c>
      <c r="GF13" s="277">
        <v>666202</v>
      </c>
      <c r="GG13" s="278">
        <v>668290</v>
      </c>
      <c r="GH13" s="273">
        <v>0</v>
      </c>
      <c r="GI13" s="274">
        <v>28</v>
      </c>
      <c r="GJ13" s="275">
        <v>28</v>
      </c>
      <c r="GK13" s="276">
        <v>0</v>
      </c>
      <c r="GL13" s="274">
        <v>105</v>
      </c>
      <c r="GM13" s="274">
        <v>21</v>
      </c>
      <c r="GN13" s="274">
        <v>175</v>
      </c>
      <c r="GO13" s="274">
        <v>140</v>
      </c>
      <c r="GP13" s="274">
        <v>28</v>
      </c>
      <c r="GQ13" s="277">
        <v>469</v>
      </c>
      <c r="GR13" s="278">
        <v>497</v>
      </c>
      <c r="GS13" s="273">
        <v>0</v>
      </c>
      <c r="GT13" s="274">
        <v>0</v>
      </c>
      <c r="GU13" s="275">
        <v>0</v>
      </c>
      <c r="GV13" s="276">
        <v>0</v>
      </c>
      <c r="GW13" s="274">
        <v>0</v>
      </c>
      <c r="GX13" s="274">
        <v>0</v>
      </c>
      <c r="GY13" s="274">
        <v>0</v>
      </c>
      <c r="GZ13" s="274">
        <v>0</v>
      </c>
      <c r="HA13" s="274">
        <v>0</v>
      </c>
      <c r="HB13" s="277">
        <v>0</v>
      </c>
      <c r="HC13" s="278">
        <v>0</v>
      </c>
      <c r="HD13" s="273">
        <v>0</v>
      </c>
      <c r="HE13" s="274">
        <v>0</v>
      </c>
      <c r="HF13" s="275">
        <v>0</v>
      </c>
      <c r="HG13" s="279"/>
      <c r="HH13" s="274">
        <v>0</v>
      </c>
      <c r="HI13" s="274">
        <v>0</v>
      </c>
      <c r="HJ13" s="274">
        <v>0</v>
      </c>
      <c r="HK13" s="274">
        <v>0</v>
      </c>
      <c r="HL13" s="274">
        <v>0</v>
      </c>
      <c r="HM13" s="277">
        <v>0</v>
      </c>
      <c r="HN13" s="278">
        <v>0</v>
      </c>
      <c r="HO13" s="273">
        <v>0</v>
      </c>
      <c r="HP13" s="274">
        <v>5417</v>
      </c>
      <c r="HQ13" s="275">
        <v>5417</v>
      </c>
      <c r="HR13" s="276">
        <v>0</v>
      </c>
      <c r="HS13" s="274">
        <v>464295</v>
      </c>
      <c r="HT13" s="274">
        <v>531993</v>
      </c>
      <c r="HU13" s="274">
        <v>4424280</v>
      </c>
      <c r="HV13" s="274">
        <v>5114835</v>
      </c>
      <c r="HW13" s="274">
        <v>3485195</v>
      </c>
      <c r="HX13" s="277">
        <v>14020598</v>
      </c>
      <c r="HY13" s="278">
        <v>14026015</v>
      </c>
    </row>
    <row r="14" spans="2:233" ht="21" customHeight="1" x14ac:dyDescent="0.2">
      <c r="B14" s="472" t="s">
        <v>10</v>
      </c>
      <c r="C14" s="273">
        <v>0</v>
      </c>
      <c r="D14" s="274">
        <v>17720</v>
      </c>
      <c r="E14" s="275">
        <v>17720</v>
      </c>
      <c r="F14" s="276">
        <v>0</v>
      </c>
      <c r="G14" s="274">
        <v>765577</v>
      </c>
      <c r="H14" s="274">
        <v>1117750</v>
      </c>
      <c r="I14" s="274">
        <v>3172533</v>
      </c>
      <c r="J14" s="274">
        <v>4472867</v>
      </c>
      <c r="K14" s="274">
        <v>4348299</v>
      </c>
      <c r="L14" s="277">
        <v>13877026</v>
      </c>
      <c r="M14" s="278">
        <v>13894746</v>
      </c>
      <c r="N14" s="273">
        <v>0</v>
      </c>
      <c r="O14" s="274">
        <v>0</v>
      </c>
      <c r="P14" s="275">
        <v>0</v>
      </c>
      <c r="Q14" s="279"/>
      <c r="R14" s="274">
        <v>74505</v>
      </c>
      <c r="S14" s="274">
        <v>276785</v>
      </c>
      <c r="T14" s="274">
        <v>1856767</v>
      </c>
      <c r="U14" s="274">
        <v>3271495</v>
      </c>
      <c r="V14" s="274">
        <v>3397145</v>
      </c>
      <c r="W14" s="277">
        <v>8876697</v>
      </c>
      <c r="X14" s="278">
        <v>8876697</v>
      </c>
      <c r="Y14" s="273">
        <v>0</v>
      </c>
      <c r="Z14" s="274">
        <v>0</v>
      </c>
      <c r="AA14" s="275">
        <v>0</v>
      </c>
      <c r="AB14" s="279"/>
      <c r="AC14" s="274">
        <v>532683</v>
      </c>
      <c r="AD14" s="274">
        <v>643225</v>
      </c>
      <c r="AE14" s="274">
        <v>1102440</v>
      </c>
      <c r="AF14" s="274">
        <v>848176</v>
      </c>
      <c r="AG14" s="274">
        <v>521610</v>
      </c>
      <c r="AH14" s="277">
        <v>3648134</v>
      </c>
      <c r="AI14" s="278">
        <v>3648134</v>
      </c>
      <c r="AJ14" s="273">
        <v>0</v>
      </c>
      <c r="AK14" s="274">
        <v>0</v>
      </c>
      <c r="AL14" s="275">
        <v>0</v>
      </c>
      <c r="AM14" s="279"/>
      <c r="AN14" s="274">
        <v>0</v>
      </c>
      <c r="AO14" s="274">
        <v>0</v>
      </c>
      <c r="AP14" s="274">
        <v>0</v>
      </c>
      <c r="AQ14" s="274">
        <v>0</v>
      </c>
      <c r="AR14" s="274">
        <v>0</v>
      </c>
      <c r="AS14" s="277">
        <v>0</v>
      </c>
      <c r="AT14" s="278">
        <v>0</v>
      </c>
      <c r="AU14" s="273">
        <v>0</v>
      </c>
      <c r="AV14" s="274">
        <v>0</v>
      </c>
      <c r="AW14" s="275">
        <v>0</v>
      </c>
      <c r="AX14" s="279"/>
      <c r="AY14" s="274">
        <v>0</v>
      </c>
      <c r="AZ14" s="274">
        <v>0</v>
      </c>
      <c r="BA14" s="274">
        <v>0</v>
      </c>
      <c r="BB14" s="274">
        <v>59735</v>
      </c>
      <c r="BC14" s="274">
        <v>68045</v>
      </c>
      <c r="BD14" s="277">
        <v>127780</v>
      </c>
      <c r="BE14" s="278">
        <v>127780</v>
      </c>
      <c r="BF14" s="273">
        <v>0</v>
      </c>
      <c r="BG14" s="274">
        <v>0</v>
      </c>
      <c r="BH14" s="275">
        <v>0</v>
      </c>
      <c r="BI14" s="279"/>
      <c r="BJ14" s="274">
        <v>0</v>
      </c>
      <c r="BK14" s="274">
        <v>0</v>
      </c>
      <c r="BL14" s="274">
        <v>0</v>
      </c>
      <c r="BM14" s="274">
        <v>32705</v>
      </c>
      <c r="BN14" s="274">
        <v>158770</v>
      </c>
      <c r="BO14" s="277">
        <v>191475</v>
      </c>
      <c r="BP14" s="278">
        <v>191475</v>
      </c>
      <c r="BQ14" s="273">
        <v>0</v>
      </c>
      <c r="BR14" s="274">
        <v>17720</v>
      </c>
      <c r="BS14" s="275">
        <v>17720</v>
      </c>
      <c r="BT14" s="276">
        <v>0</v>
      </c>
      <c r="BU14" s="274">
        <v>156790</v>
      </c>
      <c r="BV14" s="274">
        <v>190657</v>
      </c>
      <c r="BW14" s="274">
        <v>211468</v>
      </c>
      <c r="BX14" s="274">
        <v>245940</v>
      </c>
      <c r="BY14" s="274">
        <v>169113</v>
      </c>
      <c r="BZ14" s="277">
        <v>973968</v>
      </c>
      <c r="CA14" s="278">
        <v>991688</v>
      </c>
      <c r="CB14" s="273">
        <v>0</v>
      </c>
      <c r="CC14" s="274">
        <v>0</v>
      </c>
      <c r="CD14" s="275">
        <v>0</v>
      </c>
      <c r="CE14" s="276">
        <v>0</v>
      </c>
      <c r="CF14" s="274">
        <v>1599</v>
      </c>
      <c r="CG14" s="274">
        <v>7083</v>
      </c>
      <c r="CH14" s="274">
        <v>1858</v>
      </c>
      <c r="CI14" s="274">
        <v>14816</v>
      </c>
      <c r="CJ14" s="274">
        <v>33616</v>
      </c>
      <c r="CK14" s="277">
        <v>58972</v>
      </c>
      <c r="CL14" s="278">
        <v>58972</v>
      </c>
      <c r="CM14" s="273">
        <v>0</v>
      </c>
      <c r="CN14" s="274">
        <v>0</v>
      </c>
      <c r="CO14" s="275">
        <v>0</v>
      </c>
      <c r="CP14" s="276">
        <v>0</v>
      </c>
      <c r="CQ14" s="274">
        <v>0</v>
      </c>
      <c r="CR14" s="274">
        <v>0</v>
      </c>
      <c r="CS14" s="274">
        <v>0</v>
      </c>
      <c r="CT14" s="274">
        <v>0</v>
      </c>
      <c r="CU14" s="274">
        <v>0</v>
      </c>
      <c r="CV14" s="277">
        <v>0</v>
      </c>
      <c r="CW14" s="278">
        <v>0</v>
      </c>
      <c r="CX14" s="273">
        <v>0</v>
      </c>
      <c r="CY14" s="274">
        <v>0</v>
      </c>
      <c r="CZ14" s="275">
        <v>0</v>
      </c>
      <c r="DA14" s="279"/>
      <c r="DB14" s="274">
        <v>0</v>
      </c>
      <c r="DC14" s="274">
        <v>0</v>
      </c>
      <c r="DD14" s="274">
        <v>0</v>
      </c>
      <c r="DE14" s="274">
        <v>0</v>
      </c>
      <c r="DF14" s="274">
        <v>0</v>
      </c>
      <c r="DG14" s="277">
        <v>0</v>
      </c>
      <c r="DH14" s="278">
        <v>0</v>
      </c>
      <c r="DI14" s="273">
        <v>0</v>
      </c>
      <c r="DJ14" s="274">
        <v>20126</v>
      </c>
      <c r="DK14" s="275">
        <v>20126</v>
      </c>
      <c r="DL14" s="276">
        <v>0</v>
      </c>
      <c r="DM14" s="274">
        <v>489975</v>
      </c>
      <c r="DN14" s="274">
        <v>945195</v>
      </c>
      <c r="DO14" s="274">
        <v>3438854</v>
      </c>
      <c r="DP14" s="274">
        <v>5154839</v>
      </c>
      <c r="DQ14" s="274">
        <v>4794735</v>
      </c>
      <c r="DR14" s="277">
        <v>14823598</v>
      </c>
      <c r="DS14" s="280">
        <v>14843724</v>
      </c>
      <c r="DT14" s="273">
        <v>0</v>
      </c>
      <c r="DU14" s="274">
        <v>0</v>
      </c>
      <c r="DV14" s="275">
        <v>0</v>
      </c>
      <c r="DW14" s="279"/>
      <c r="DX14" s="274">
        <v>173828</v>
      </c>
      <c r="DY14" s="274">
        <v>453003</v>
      </c>
      <c r="DZ14" s="274">
        <v>2873765</v>
      </c>
      <c r="EA14" s="274">
        <v>4526758</v>
      </c>
      <c r="EB14" s="274">
        <v>4219838</v>
      </c>
      <c r="EC14" s="277">
        <v>12247192</v>
      </c>
      <c r="ED14" s="278">
        <v>12247192</v>
      </c>
      <c r="EE14" s="273">
        <v>0</v>
      </c>
      <c r="EF14" s="274">
        <v>0</v>
      </c>
      <c r="EG14" s="275">
        <v>0</v>
      </c>
      <c r="EH14" s="279"/>
      <c r="EI14" s="274">
        <v>109732</v>
      </c>
      <c r="EJ14" s="274">
        <v>145947</v>
      </c>
      <c r="EK14" s="274">
        <v>155693</v>
      </c>
      <c r="EL14" s="274">
        <v>148352</v>
      </c>
      <c r="EM14" s="274">
        <v>75601</v>
      </c>
      <c r="EN14" s="277">
        <v>635325</v>
      </c>
      <c r="EO14" s="278">
        <v>635325</v>
      </c>
      <c r="EP14" s="273">
        <v>0</v>
      </c>
      <c r="EQ14" s="274">
        <v>0</v>
      </c>
      <c r="ER14" s="275">
        <v>0</v>
      </c>
      <c r="ES14" s="279"/>
      <c r="ET14" s="274">
        <v>0</v>
      </c>
      <c r="EU14" s="274">
        <v>0</v>
      </c>
      <c r="EV14" s="274">
        <v>0</v>
      </c>
      <c r="EW14" s="274">
        <v>0</v>
      </c>
      <c r="EX14" s="274">
        <v>0</v>
      </c>
      <c r="EY14" s="277">
        <v>0</v>
      </c>
      <c r="EZ14" s="278">
        <v>0</v>
      </c>
      <c r="FA14" s="273">
        <v>0</v>
      </c>
      <c r="FB14" s="274">
        <v>0</v>
      </c>
      <c r="FC14" s="275">
        <v>0</v>
      </c>
      <c r="FD14" s="279"/>
      <c r="FE14" s="274">
        <v>0</v>
      </c>
      <c r="FF14" s="274">
        <v>0</v>
      </c>
      <c r="FG14" s="274">
        <v>0</v>
      </c>
      <c r="FH14" s="274">
        <v>462</v>
      </c>
      <c r="FI14" s="274">
        <v>651</v>
      </c>
      <c r="FJ14" s="277">
        <v>1113</v>
      </c>
      <c r="FK14" s="278">
        <v>1113</v>
      </c>
      <c r="FL14" s="273">
        <v>0</v>
      </c>
      <c r="FM14" s="274">
        <v>0</v>
      </c>
      <c r="FN14" s="275">
        <v>0</v>
      </c>
      <c r="FO14" s="279"/>
      <c r="FP14" s="274">
        <v>0</v>
      </c>
      <c r="FQ14" s="274">
        <v>0</v>
      </c>
      <c r="FR14" s="274">
        <v>0</v>
      </c>
      <c r="FS14" s="274">
        <v>36766</v>
      </c>
      <c r="FT14" s="274">
        <v>210146</v>
      </c>
      <c r="FU14" s="277">
        <v>246912</v>
      </c>
      <c r="FV14" s="278">
        <v>246912</v>
      </c>
      <c r="FW14" s="273">
        <v>0</v>
      </c>
      <c r="FX14" s="274">
        <v>20126</v>
      </c>
      <c r="FY14" s="275">
        <v>20126</v>
      </c>
      <c r="FZ14" s="276">
        <v>0</v>
      </c>
      <c r="GA14" s="274">
        <v>206317</v>
      </c>
      <c r="GB14" s="274">
        <v>346140</v>
      </c>
      <c r="GC14" s="274">
        <v>409319</v>
      </c>
      <c r="GD14" s="274">
        <v>437963</v>
      </c>
      <c r="GE14" s="274">
        <v>272943</v>
      </c>
      <c r="GF14" s="277">
        <v>1672682</v>
      </c>
      <c r="GG14" s="278">
        <v>1692808</v>
      </c>
      <c r="GH14" s="273">
        <v>0</v>
      </c>
      <c r="GI14" s="274">
        <v>0</v>
      </c>
      <c r="GJ14" s="275">
        <v>0</v>
      </c>
      <c r="GK14" s="276">
        <v>0</v>
      </c>
      <c r="GL14" s="274">
        <v>98</v>
      </c>
      <c r="GM14" s="274">
        <v>105</v>
      </c>
      <c r="GN14" s="274">
        <v>77</v>
      </c>
      <c r="GO14" s="274">
        <v>4538</v>
      </c>
      <c r="GP14" s="274">
        <v>15556</v>
      </c>
      <c r="GQ14" s="277">
        <v>20374</v>
      </c>
      <c r="GR14" s="278">
        <v>20374</v>
      </c>
      <c r="GS14" s="273">
        <v>0</v>
      </c>
      <c r="GT14" s="274">
        <v>0</v>
      </c>
      <c r="GU14" s="275">
        <v>0</v>
      </c>
      <c r="GV14" s="276">
        <v>0</v>
      </c>
      <c r="GW14" s="274">
        <v>0</v>
      </c>
      <c r="GX14" s="274">
        <v>0</v>
      </c>
      <c r="GY14" s="274">
        <v>0</v>
      </c>
      <c r="GZ14" s="274">
        <v>0</v>
      </c>
      <c r="HA14" s="274">
        <v>0</v>
      </c>
      <c r="HB14" s="277">
        <v>0</v>
      </c>
      <c r="HC14" s="278">
        <v>0</v>
      </c>
      <c r="HD14" s="273">
        <v>0</v>
      </c>
      <c r="HE14" s="274">
        <v>0</v>
      </c>
      <c r="HF14" s="275">
        <v>0</v>
      </c>
      <c r="HG14" s="279"/>
      <c r="HH14" s="274">
        <v>0</v>
      </c>
      <c r="HI14" s="274">
        <v>0</v>
      </c>
      <c r="HJ14" s="274">
        <v>0</v>
      </c>
      <c r="HK14" s="274">
        <v>0</v>
      </c>
      <c r="HL14" s="274">
        <v>0</v>
      </c>
      <c r="HM14" s="277">
        <v>0</v>
      </c>
      <c r="HN14" s="278">
        <v>0</v>
      </c>
      <c r="HO14" s="273">
        <v>0</v>
      </c>
      <c r="HP14" s="274">
        <v>37846</v>
      </c>
      <c r="HQ14" s="275">
        <v>37846</v>
      </c>
      <c r="HR14" s="276">
        <v>0</v>
      </c>
      <c r="HS14" s="274">
        <v>1255552</v>
      </c>
      <c r="HT14" s="274">
        <v>2062945</v>
      </c>
      <c r="HU14" s="274">
        <v>6611387</v>
      </c>
      <c r="HV14" s="274">
        <v>9627706</v>
      </c>
      <c r="HW14" s="274">
        <v>9143034</v>
      </c>
      <c r="HX14" s="277">
        <v>28700624</v>
      </c>
      <c r="HY14" s="278">
        <v>28738470</v>
      </c>
    </row>
    <row r="15" spans="2:233" ht="21" customHeight="1" x14ac:dyDescent="0.2">
      <c r="B15" s="472" t="s">
        <v>11</v>
      </c>
      <c r="C15" s="273">
        <v>7190</v>
      </c>
      <c r="D15" s="274">
        <v>5505</v>
      </c>
      <c r="E15" s="275">
        <v>12695</v>
      </c>
      <c r="F15" s="276">
        <v>0</v>
      </c>
      <c r="G15" s="274">
        <v>714725</v>
      </c>
      <c r="H15" s="274">
        <v>966106</v>
      </c>
      <c r="I15" s="274">
        <v>2500086</v>
      </c>
      <c r="J15" s="274">
        <v>4300506</v>
      </c>
      <c r="K15" s="274">
        <v>2156217</v>
      </c>
      <c r="L15" s="277">
        <v>10637640</v>
      </c>
      <c r="M15" s="278">
        <v>10650335</v>
      </c>
      <c r="N15" s="273">
        <v>0</v>
      </c>
      <c r="O15" s="274">
        <v>0</v>
      </c>
      <c r="P15" s="275">
        <v>0</v>
      </c>
      <c r="Q15" s="279"/>
      <c r="R15" s="274">
        <v>0</v>
      </c>
      <c r="S15" s="274">
        <v>128495</v>
      </c>
      <c r="T15" s="274">
        <v>1315665</v>
      </c>
      <c r="U15" s="274">
        <v>2830410</v>
      </c>
      <c r="V15" s="274">
        <v>1387005</v>
      </c>
      <c r="W15" s="277">
        <v>5661575</v>
      </c>
      <c r="X15" s="278">
        <v>5661575</v>
      </c>
      <c r="Y15" s="273">
        <v>0</v>
      </c>
      <c r="Z15" s="274">
        <v>0</v>
      </c>
      <c r="AA15" s="275">
        <v>0</v>
      </c>
      <c r="AB15" s="279"/>
      <c r="AC15" s="274">
        <v>604535</v>
      </c>
      <c r="AD15" s="274">
        <v>573565</v>
      </c>
      <c r="AE15" s="274">
        <v>819205</v>
      </c>
      <c r="AF15" s="274">
        <v>1129052</v>
      </c>
      <c r="AG15" s="274">
        <v>314345</v>
      </c>
      <c r="AH15" s="277">
        <v>3440702</v>
      </c>
      <c r="AI15" s="278">
        <v>3440702</v>
      </c>
      <c r="AJ15" s="273">
        <v>0</v>
      </c>
      <c r="AK15" s="274">
        <v>0</v>
      </c>
      <c r="AL15" s="275">
        <v>0</v>
      </c>
      <c r="AM15" s="279"/>
      <c r="AN15" s="274">
        <v>0</v>
      </c>
      <c r="AO15" s="274">
        <v>0</v>
      </c>
      <c r="AP15" s="274">
        <v>0</v>
      </c>
      <c r="AQ15" s="274">
        <v>0</v>
      </c>
      <c r="AR15" s="274">
        <v>0</v>
      </c>
      <c r="AS15" s="277">
        <v>0</v>
      </c>
      <c r="AT15" s="278">
        <v>0</v>
      </c>
      <c r="AU15" s="273">
        <v>0</v>
      </c>
      <c r="AV15" s="274">
        <v>0</v>
      </c>
      <c r="AW15" s="275">
        <v>0</v>
      </c>
      <c r="AX15" s="279"/>
      <c r="AY15" s="274">
        <v>62620</v>
      </c>
      <c r="AZ15" s="274">
        <v>62620</v>
      </c>
      <c r="BA15" s="274">
        <v>126470</v>
      </c>
      <c r="BB15" s="274">
        <v>79205</v>
      </c>
      <c r="BC15" s="274">
        <v>355135</v>
      </c>
      <c r="BD15" s="277">
        <v>686050</v>
      </c>
      <c r="BE15" s="278">
        <v>686050</v>
      </c>
      <c r="BF15" s="273">
        <v>0</v>
      </c>
      <c r="BG15" s="274">
        <v>0</v>
      </c>
      <c r="BH15" s="275">
        <v>0</v>
      </c>
      <c r="BI15" s="279"/>
      <c r="BJ15" s="274">
        <v>0</v>
      </c>
      <c r="BK15" s="274">
        <v>24645</v>
      </c>
      <c r="BL15" s="274">
        <v>0</v>
      </c>
      <c r="BM15" s="274">
        <v>0</v>
      </c>
      <c r="BN15" s="274">
        <v>0</v>
      </c>
      <c r="BO15" s="277">
        <v>24645</v>
      </c>
      <c r="BP15" s="278">
        <v>24645</v>
      </c>
      <c r="BQ15" s="273">
        <v>7190</v>
      </c>
      <c r="BR15" s="274">
        <v>5505</v>
      </c>
      <c r="BS15" s="275">
        <v>12695</v>
      </c>
      <c r="BT15" s="276">
        <v>0</v>
      </c>
      <c r="BU15" s="274">
        <v>47570</v>
      </c>
      <c r="BV15" s="274">
        <v>151385</v>
      </c>
      <c r="BW15" s="274">
        <v>237876</v>
      </c>
      <c r="BX15" s="274">
        <v>249309</v>
      </c>
      <c r="BY15" s="274">
        <v>97557</v>
      </c>
      <c r="BZ15" s="277">
        <v>783697</v>
      </c>
      <c r="CA15" s="278">
        <v>796392</v>
      </c>
      <c r="CB15" s="273">
        <v>0</v>
      </c>
      <c r="CC15" s="274">
        <v>0</v>
      </c>
      <c r="CD15" s="275">
        <v>0</v>
      </c>
      <c r="CE15" s="276">
        <v>0</v>
      </c>
      <c r="CF15" s="274">
        <v>0</v>
      </c>
      <c r="CG15" s="274">
        <v>25396</v>
      </c>
      <c r="CH15" s="274">
        <v>870</v>
      </c>
      <c r="CI15" s="274">
        <v>12530</v>
      </c>
      <c r="CJ15" s="274">
        <v>2175</v>
      </c>
      <c r="CK15" s="277">
        <v>40971</v>
      </c>
      <c r="CL15" s="278">
        <v>40971</v>
      </c>
      <c r="CM15" s="273">
        <v>0</v>
      </c>
      <c r="CN15" s="274">
        <v>0</v>
      </c>
      <c r="CO15" s="275">
        <v>0</v>
      </c>
      <c r="CP15" s="276">
        <v>0</v>
      </c>
      <c r="CQ15" s="274">
        <v>0</v>
      </c>
      <c r="CR15" s="274">
        <v>0</v>
      </c>
      <c r="CS15" s="274">
        <v>0</v>
      </c>
      <c r="CT15" s="274">
        <v>0</v>
      </c>
      <c r="CU15" s="274">
        <v>0</v>
      </c>
      <c r="CV15" s="277">
        <v>0</v>
      </c>
      <c r="CW15" s="278">
        <v>0</v>
      </c>
      <c r="CX15" s="273">
        <v>0</v>
      </c>
      <c r="CY15" s="274">
        <v>0</v>
      </c>
      <c r="CZ15" s="275">
        <v>0</v>
      </c>
      <c r="DA15" s="279"/>
      <c r="DB15" s="274">
        <v>0</v>
      </c>
      <c r="DC15" s="274">
        <v>0</v>
      </c>
      <c r="DD15" s="274">
        <v>0</v>
      </c>
      <c r="DE15" s="274">
        <v>0</v>
      </c>
      <c r="DF15" s="274">
        <v>0</v>
      </c>
      <c r="DG15" s="277">
        <v>0</v>
      </c>
      <c r="DH15" s="278">
        <v>0</v>
      </c>
      <c r="DI15" s="273">
        <v>9368</v>
      </c>
      <c r="DJ15" s="274">
        <v>4965</v>
      </c>
      <c r="DK15" s="275">
        <v>14333</v>
      </c>
      <c r="DL15" s="276">
        <v>0</v>
      </c>
      <c r="DM15" s="274">
        <v>195656</v>
      </c>
      <c r="DN15" s="274">
        <v>439242</v>
      </c>
      <c r="DO15" s="274">
        <v>2394058</v>
      </c>
      <c r="DP15" s="274">
        <v>3673668</v>
      </c>
      <c r="DQ15" s="274">
        <v>1849831</v>
      </c>
      <c r="DR15" s="277">
        <v>8552455</v>
      </c>
      <c r="DS15" s="280">
        <v>8566788</v>
      </c>
      <c r="DT15" s="273">
        <v>0</v>
      </c>
      <c r="DU15" s="274">
        <v>0</v>
      </c>
      <c r="DV15" s="275">
        <v>0</v>
      </c>
      <c r="DW15" s="279"/>
      <c r="DX15" s="274">
        <v>0</v>
      </c>
      <c r="DY15" s="274">
        <v>118327</v>
      </c>
      <c r="DZ15" s="274">
        <v>1940088</v>
      </c>
      <c r="EA15" s="274">
        <v>3270537</v>
      </c>
      <c r="EB15" s="274">
        <v>1622699</v>
      </c>
      <c r="EC15" s="277">
        <v>6951651</v>
      </c>
      <c r="ED15" s="278">
        <v>6951651</v>
      </c>
      <c r="EE15" s="273">
        <v>0</v>
      </c>
      <c r="EF15" s="274">
        <v>0</v>
      </c>
      <c r="EG15" s="275">
        <v>0</v>
      </c>
      <c r="EH15" s="279"/>
      <c r="EI15" s="274">
        <v>116459</v>
      </c>
      <c r="EJ15" s="274">
        <v>128352</v>
      </c>
      <c r="EK15" s="274">
        <v>143570</v>
      </c>
      <c r="EL15" s="274">
        <v>162839</v>
      </c>
      <c r="EM15" s="274">
        <v>45304</v>
      </c>
      <c r="EN15" s="277">
        <v>596524</v>
      </c>
      <c r="EO15" s="278">
        <v>596524</v>
      </c>
      <c r="EP15" s="273">
        <v>0</v>
      </c>
      <c r="EQ15" s="274">
        <v>0</v>
      </c>
      <c r="ER15" s="275">
        <v>0</v>
      </c>
      <c r="ES15" s="279"/>
      <c r="ET15" s="274">
        <v>0</v>
      </c>
      <c r="EU15" s="274">
        <v>0</v>
      </c>
      <c r="EV15" s="274">
        <v>0</v>
      </c>
      <c r="EW15" s="274">
        <v>0</v>
      </c>
      <c r="EX15" s="274">
        <v>0</v>
      </c>
      <c r="EY15" s="277">
        <v>0</v>
      </c>
      <c r="EZ15" s="278">
        <v>0</v>
      </c>
      <c r="FA15" s="273">
        <v>0</v>
      </c>
      <c r="FB15" s="274">
        <v>0</v>
      </c>
      <c r="FC15" s="275">
        <v>0</v>
      </c>
      <c r="FD15" s="279"/>
      <c r="FE15" s="274">
        <v>868</v>
      </c>
      <c r="FF15" s="274">
        <v>11749</v>
      </c>
      <c r="FG15" s="274">
        <v>53750</v>
      </c>
      <c r="FH15" s="274">
        <v>1085</v>
      </c>
      <c r="FI15" s="274">
        <v>64067</v>
      </c>
      <c r="FJ15" s="277">
        <v>131519</v>
      </c>
      <c r="FK15" s="278">
        <v>131519</v>
      </c>
      <c r="FL15" s="273">
        <v>0</v>
      </c>
      <c r="FM15" s="274">
        <v>0</v>
      </c>
      <c r="FN15" s="275">
        <v>0</v>
      </c>
      <c r="FO15" s="279"/>
      <c r="FP15" s="274">
        <v>0</v>
      </c>
      <c r="FQ15" s="274">
        <v>21576</v>
      </c>
      <c r="FR15" s="274">
        <v>0</v>
      </c>
      <c r="FS15" s="274">
        <v>0</v>
      </c>
      <c r="FT15" s="274">
        <v>0</v>
      </c>
      <c r="FU15" s="277">
        <v>21576</v>
      </c>
      <c r="FV15" s="278">
        <v>21576</v>
      </c>
      <c r="FW15" s="273">
        <v>9368</v>
      </c>
      <c r="FX15" s="274">
        <v>4965</v>
      </c>
      <c r="FY15" s="275">
        <v>14333</v>
      </c>
      <c r="FZ15" s="276">
        <v>0</v>
      </c>
      <c r="GA15" s="274">
        <v>78329</v>
      </c>
      <c r="GB15" s="274">
        <v>158937</v>
      </c>
      <c r="GC15" s="274">
        <v>256608</v>
      </c>
      <c r="GD15" s="274">
        <v>239102</v>
      </c>
      <c r="GE15" s="274">
        <v>117305</v>
      </c>
      <c r="GF15" s="277">
        <v>850281</v>
      </c>
      <c r="GG15" s="278">
        <v>864614</v>
      </c>
      <c r="GH15" s="273">
        <v>0</v>
      </c>
      <c r="GI15" s="274">
        <v>0</v>
      </c>
      <c r="GJ15" s="275">
        <v>0</v>
      </c>
      <c r="GK15" s="276">
        <v>0</v>
      </c>
      <c r="GL15" s="274">
        <v>0</v>
      </c>
      <c r="GM15" s="274">
        <v>301</v>
      </c>
      <c r="GN15" s="274">
        <v>42</v>
      </c>
      <c r="GO15" s="274">
        <v>105</v>
      </c>
      <c r="GP15" s="274">
        <v>456</v>
      </c>
      <c r="GQ15" s="277">
        <v>904</v>
      </c>
      <c r="GR15" s="278">
        <v>904</v>
      </c>
      <c r="GS15" s="273">
        <v>0</v>
      </c>
      <c r="GT15" s="274">
        <v>0</v>
      </c>
      <c r="GU15" s="275">
        <v>0</v>
      </c>
      <c r="GV15" s="276">
        <v>0</v>
      </c>
      <c r="GW15" s="274">
        <v>0</v>
      </c>
      <c r="GX15" s="274">
        <v>0</v>
      </c>
      <c r="GY15" s="274">
        <v>0</v>
      </c>
      <c r="GZ15" s="274">
        <v>0</v>
      </c>
      <c r="HA15" s="274">
        <v>0</v>
      </c>
      <c r="HB15" s="277">
        <v>0</v>
      </c>
      <c r="HC15" s="278">
        <v>0</v>
      </c>
      <c r="HD15" s="273">
        <v>0</v>
      </c>
      <c r="HE15" s="274">
        <v>0</v>
      </c>
      <c r="HF15" s="275">
        <v>0</v>
      </c>
      <c r="HG15" s="279"/>
      <c r="HH15" s="274">
        <v>0</v>
      </c>
      <c r="HI15" s="274">
        <v>0</v>
      </c>
      <c r="HJ15" s="274">
        <v>0</v>
      </c>
      <c r="HK15" s="274">
        <v>0</v>
      </c>
      <c r="HL15" s="274">
        <v>0</v>
      </c>
      <c r="HM15" s="277">
        <v>0</v>
      </c>
      <c r="HN15" s="278">
        <v>0</v>
      </c>
      <c r="HO15" s="273">
        <v>16558</v>
      </c>
      <c r="HP15" s="274">
        <v>10470</v>
      </c>
      <c r="HQ15" s="275">
        <v>27028</v>
      </c>
      <c r="HR15" s="276">
        <v>0</v>
      </c>
      <c r="HS15" s="274">
        <v>910381</v>
      </c>
      <c r="HT15" s="274">
        <v>1405348</v>
      </c>
      <c r="HU15" s="274">
        <v>4894144</v>
      </c>
      <c r="HV15" s="274">
        <v>7974174</v>
      </c>
      <c r="HW15" s="274">
        <v>4006048</v>
      </c>
      <c r="HX15" s="277">
        <v>19190095</v>
      </c>
      <c r="HY15" s="278">
        <v>19217123</v>
      </c>
    </row>
    <row r="16" spans="2:233" ht="21" customHeight="1" x14ac:dyDescent="0.2">
      <c r="B16" s="472" t="s">
        <v>12</v>
      </c>
      <c r="C16" s="273">
        <v>3435</v>
      </c>
      <c r="D16" s="274">
        <v>9220</v>
      </c>
      <c r="E16" s="275">
        <v>12655</v>
      </c>
      <c r="F16" s="276">
        <v>0</v>
      </c>
      <c r="G16" s="274">
        <v>260253</v>
      </c>
      <c r="H16" s="274">
        <v>619114</v>
      </c>
      <c r="I16" s="274">
        <v>2483082</v>
      </c>
      <c r="J16" s="274">
        <v>3451925</v>
      </c>
      <c r="K16" s="274">
        <v>1954911</v>
      </c>
      <c r="L16" s="277">
        <v>8769285</v>
      </c>
      <c r="M16" s="278">
        <v>8781940</v>
      </c>
      <c r="N16" s="273">
        <v>0</v>
      </c>
      <c r="O16" s="274">
        <v>0</v>
      </c>
      <c r="P16" s="275">
        <v>0</v>
      </c>
      <c r="Q16" s="279"/>
      <c r="R16" s="274">
        <v>4165</v>
      </c>
      <c r="S16" s="274">
        <v>88327</v>
      </c>
      <c r="T16" s="274">
        <v>1425525</v>
      </c>
      <c r="U16" s="274">
        <v>2459599</v>
      </c>
      <c r="V16" s="274">
        <v>1431230</v>
      </c>
      <c r="W16" s="277">
        <v>5408846</v>
      </c>
      <c r="X16" s="278">
        <v>5408846</v>
      </c>
      <c r="Y16" s="273">
        <v>0</v>
      </c>
      <c r="Z16" s="274">
        <v>0</v>
      </c>
      <c r="AA16" s="275">
        <v>0</v>
      </c>
      <c r="AB16" s="279"/>
      <c r="AC16" s="274">
        <v>176358</v>
      </c>
      <c r="AD16" s="274">
        <v>447990</v>
      </c>
      <c r="AE16" s="274">
        <v>798480</v>
      </c>
      <c r="AF16" s="274">
        <v>731605</v>
      </c>
      <c r="AG16" s="274">
        <v>334180</v>
      </c>
      <c r="AH16" s="277">
        <v>2488613</v>
      </c>
      <c r="AI16" s="278">
        <v>2488613</v>
      </c>
      <c r="AJ16" s="273">
        <v>0</v>
      </c>
      <c r="AK16" s="274">
        <v>0</v>
      </c>
      <c r="AL16" s="275">
        <v>0</v>
      </c>
      <c r="AM16" s="279"/>
      <c r="AN16" s="274">
        <v>0</v>
      </c>
      <c r="AO16" s="274">
        <v>0</v>
      </c>
      <c r="AP16" s="274">
        <v>0</v>
      </c>
      <c r="AQ16" s="274">
        <v>0</v>
      </c>
      <c r="AR16" s="274">
        <v>2635</v>
      </c>
      <c r="AS16" s="277">
        <v>2635</v>
      </c>
      <c r="AT16" s="278">
        <v>2635</v>
      </c>
      <c r="AU16" s="273">
        <v>0</v>
      </c>
      <c r="AV16" s="274">
        <v>0</v>
      </c>
      <c r="AW16" s="275">
        <v>0</v>
      </c>
      <c r="AX16" s="279"/>
      <c r="AY16" s="274">
        <v>0</v>
      </c>
      <c r="AZ16" s="274">
        <v>0</v>
      </c>
      <c r="BA16" s="274">
        <v>0</v>
      </c>
      <c r="BB16" s="274">
        <v>7905</v>
      </c>
      <c r="BC16" s="274">
        <v>32550</v>
      </c>
      <c r="BD16" s="277">
        <v>40455</v>
      </c>
      <c r="BE16" s="278">
        <v>40455</v>
      </c>
      <c r="BF16" s="273">
        <v>0</v>
      </c>
      <c r="BG16" s="274">
        <v>0</v>
      </c>
      <c r="BH16" s="275">
        <v>0</v>
      </c>
      <c r="BI16" s="279"/>
      <c r="BJ16" s="274">
        <v>0</v>
      </c>
      <c r="BK16" s="274">
        <v>0</v>
      </c>
      <c r="BL16" s="274">
        <v>87390</v>
      </c>
      <c r="BM16" s="274">
        <v>97430</v>
      </c>
      <c r="BN16" s="274">
        <v>37975</v>
      </c>
      <c r="BO16" s="277">
        <v>222795</v>
      </c>
      <c r="BP16" s="278">
        <v>222795</v>
      </c>
      <c r="BQ16" s="273">
        <v>3435</v>
      </c>
      <c r="BR16" s="274">
        <v>9220</v>
      </c>
      <c r="BS16" s="275">
        <v>12655</v>
      </c>
      <c r="BT16" s="276">
        <v>0</v>
      </c>
      <c r="BU16" s="274">
        <v>79730</v>
      </c>
      <c r="BV16" s="274">
        <v>70122</v>
      </c>
      <c r="BW16" s="274">
        <v>171687</v>
      </c>
      <c r="BX16" s="274">
        <v>153791</v>
      </c>
      <c r="BY16" s="274">
        <v>116102</v>
      </c>
      <c r="BZ16" s="277">
        <v>591432</v>
      </c>
      <c r="CA16" s="278">
        <v>604087</v>
      </c>
      <c r="CB16" s="273">
        <v>0</v>
      </c>
      <c r="CC16" s="274">
        <v>0</v>
      </c>
      <c r="CD16" s="275">
        <v>0</v>
      </c>
      <c r="CE16" s="276">
        <v>0</v>
      </c>
      <c r="CF16" s="274">
        <v>0</v>
      </c>
      <c r="CG16" s="274">
        <v>12675</v>
      </c>
      <c r="CH16" s="274">
        <v>0</v>
      </c>
      <c r="CI16" s="274">
        <v>1595</v>
      </c>
      <c r="CJ16" s="274">
        <v>239</v>
      </c>
      <c r="CK16" s="277">
        <v>14509</v>
      </c>
      <c r="CL16" s="278">
        <v>14509</v>
      </c>
      <c r="CM16" s="273">
        <v>0</v>
      </c>
      <c r="CN16" s="274">
        <v>0</v>
      </c>
      <c r="CO16" s="275">
        <v>0</v>
      </c>
      <c r="CP16" s="276">
        <v>0</v>
      </c>
      <c r="CQ16" s="274">
        <v>0</v>
      </c>
      <c r="CR16" s="274">
        <v>0</v>
      </c>
      <c r="CS16" s="274">
        <v>0</v>
      </c>
      <c r="CT16" s="274">
        <v>0</v>
      </c>
      <c r="CU16" s="274">
        <v>0</v>
      </c>
      <c r="CV16" s="277">
        <v>0</v>
      </c>
      <c r="CW16" s="278">
        <v>0</v>
      </c>
      <c r="CX16" s="273">
        <v>0</v>
      </c>
      <c r="CY16" s="274">
        <v>0</v>
      </c>
      <c r="CZ16" s="275">
        <v>0</v>
      </c>
      <c r="DA16" s="279"/>
      <c r="DB16" s="274">
        <v>0</v>
      </c>
      <c r="DC16" s="274">
        <v>0</v>
      </c>
      <c r="DD16" s="274">
        <v>0</v>
      </c>
      <c r="DE16" s="274">
        <v>0</v>
      </c>
      <c r="DF16" s="274">
        <v>0</v>
      </c>
      <c r="DG16" s="277">
        <v>0</v>
      </c>
      <c r="DH16" s="278">
        <v>0</v>
      </c>
      <c r="DI16" s="273">
        <v>2553</v>
      </c>
      <c r="DJ16" s="274">
        <v>16625</v>
      </c>
      <c r="DK16" s="275">
        <v>19178</v>
      </c>
      <c r="DL16" s="276">
        <v>0</v>
      </c>
      <c r="DM16" s="274">
        <v>161521</v>
      </c>
      <c r="DN16" s="274">
        <v>446641</v>
      </c>
      <c r="DO16" s="274">
        <v>2622081</v>
      </c>
      <c r="DP16" s="274">
        <v>3749245</v>
      </c>
      <c r="DQ16" s="274">
        <v>2279172</v>
      </c>
      <c r="DR16" s="277">
        <v>9258660</v>
      </c>
      <c r="DS16" s="280">
        <v>9277838</v>
      </c>
      <c r="DT16" s="273">
        <v>0</v>
      </c>
      <c r="DU16" s="274">
        <v>0</v>
      </c>
      <c r="DV16" s="275">
        <v>0</v>
      </c>
      <c r="DW16" s="279"/>
      <c r="DX16" s="274">
        <v>34800</v>
      </c>
      <c r="DY16" s="274">
        <v>263804</v>
      </c>
      <c r="DZ16" s="274">
        <v>2095164</v>
      </c>
      <c r="EA16" s="274">
        <v>3155177</v>
      </c>
      <c r="EB16" s="274">
        <v>1913280</v>
      </c>
      <c r="EC16" s="277">
        <v>7462225</v>
      </c>
      <c r="ED16" s="278">
        <v>7462225</v>
      </c>
      <c r="EE16" s="273">
        <v>0</v>
      </c>
      <c r="EF16" s="274">
        <v>0</v>
      </c>
      <c r="EG16" s="275">
        <v>0</v>
      </c>
      <c r="EH16" s="279"/>
      <c r="EI16" s="274">
        <v>6300</v>
      </c>
      <c r="EJ16" s="274">
        <v>50056</v>
      </c>
      <c r="EK16" s="274">
        <v>103033</v>
      </c>
      <c r="EL16" s="274">
        <v>137546</v>
      </c>
      <c r="EM16" s="274">
        <v>56405</v>
      </c>
      <c r="EN16" s="277">
        <v>353340</v>
      </c>
      <c r="EO16" s="278">
        <v>353340</v>
      </c>
      <c r="EP16" s="273">
        <v>0</v>
      </c>
      <c r="EQ16" s="274">
        <v>0</v>
      </c>
      <c r="ER16" s="275">
        <v>0</v>
      </c>
      <c r="ES16" s="279"/>
      <c r="ET16" s="274">
        <v>0</v>
      </c>
      <c r="EU16" s="274">
        <v>0</v>
      </c>
      <c r="EV16" s="274">
        <v>0</v>
      </c>
      <c r="EW16" s="274">
        <v>0</v>
      </c>
      <c r="EX16" s="274">
        <v>217</v>
      </c>
      <c r="EY16" s="277">
        <v>217</v>
      </c>
      <c r="EZ16" s="278">
        <v>217</v>
      </c>
      <c r="FA16" s="273">
        <v>0</v>
      </c>
      <c r="FB16" s="274">
        <v>0</v>
      </c>
      <c r="FC16" s="275">
        <v>0</v>
      </c>
      <c r="FD16" s="279"/>
      <c r="FE16" s="274">
        <v>0</v>
      </c>
      <c r="FF16" s="274">
        <v>0</v>
      </c>
      <c r="FG16" s="274">
        <v>0</v>
      </c>
      <c r="FH16" s="274">
        <v>651</v>
      </c>
      <c r="FI16" s="274">
        <v>868</v>
      </c>
      <c r="FJ16" s="277">
        <v>1519</v>
      </c>
      <c r="FK16" s="278">
        <v>1519</v>
      </c>
      <c r="FL16" s="273">
        <v>0</v>
      </c>
      <c r="FM16" s="274">
        <v>0</v>
      </c>
      <c r="FN16" s="275">
        <v>0</v>
      </c>
      <c r="FO16" s="279"/>
      <c r="FP16" s="274">
        <v>0</v>
      </c>
      <c r="FQ16" s="274">
        <v>0</v>
      </c>
      <c r="FR16" s="274">
        <v>170170</v>
      </c>
      <c r="FS16" s="274">
        <v>181412</v>
      </c>
      <c r="FT16" s="274">
        <v>79918</v>
      </c>
      <c r="FU16" s="277">
        <v>431500</v>
      </c>
      <c r="FV16" s="278">
        <v>431500</v>
      </c>
      <c r="FW16" s="273">
        <v>2553</v>
      </c>
      <c r="FX16" s="274">
        <v>16625</v>
      </c>
      <c r="FY16" s="275">
        <v>19178</v>
      </c>
      <c r="FZ16" s="276">
        <v>0</v>
      </c>
      <c r="GA16" s="274">
        <v>120421</v>
      </c>
      <c r="GB16" s="274">
        <v>118981</v>
      </c>
      <c r="GC16" s="274">
        <v>253714</v>
      </c>
      <c r="GD16" s="274">
        <v>274459</v>
      </c>
      <c r="GE16" s="274">
        <v>228463</v>
      </c>
      <c r="GF16" s="277">
        <v>996038</v>
      </c>
      <c r="GG16" s="278">
        <v>1015216</v>
      </c>
      <c r="GH16" s="273">
        <v>0</v>
      </c>
      <c r="GI16" s="274">
        <v>0</v>
      </c>
      <c r="GJ16" s="275">
        <v>0</v>
      </c>
      <c r="GK16" s="276">
        <v>0</v>
      </c>
      <c r="GL16" s="274">
        <v>0</v>
      </c>
      <c r="GM16" s="274">
        <v>13800</v>
      </c>
      <c r="GN16" s="274">
        <v>0</v>
      </c>
      <c r="GO16" s="274">
        <v>0</v>
      </c>
      <c r="GP16" s="274">
        <v>21</v>
      </c>
      <c r="GQ16" s="277">
        <v>13821</v>
      </c>
      <c r="GR16" s="278">
        <v>13821</v>
      </c>
      <c r="GS16" s="273">
        <v>0</v>
      </c>
      <c r="GT16" s="274">
        <v>0</v>
      </c>
      <c r="GU16" s="275">
        <v>0</v>
      </c>
      <c r="GV16" s="276">
        <v>0</v>
      </c>
      <c r="GW16" s="274">
        <v>0</v>
      </c>
      <c r="GX16" s="274">
        <v>0</v>
      </c>
      <c r="GY16" s="274">
        <v>0</v>
      </c>
      <c r="GZ16" s="274">
        <v>0</v>
      </c>
      <c r="HA16" s="274">
        <v>0</v>
      </c>
      <c r="HB16" s="277">
        <v>0</v>
      </c>
      <c r="HC16" s="278">
        <v>0</v>
      </c>
      <c r="HD16" s="273">
        <v>0</v>
      </c>
      <c r="HE16" s="274">
        <v>0</v>
      </c>
      <c r="HF16" s="275">
        <v>0</v>
      </c>
      <c r="HG16" s="279"/>
      <c r="HH16" s="274">
        <v>0</v>
      </c>
      <c r="HI16" s="274">
        <v>0</v>
      </c>
      <c r="HJ16" s="274">
        <v>0</v>
      </c>
      <c r="HK16" s="274">
        <v>0</v>
      </c>
      <c r="HL16" s="274">
        <v>0</v>
      </c>
      <c r="HM16" s="277">
        <v>0</v>
      </c>
      <c r="HN16" s="278">
        <v>0</v>
      </c>
      <c r="HO16" s="273">
        <v>5988</v>
      </c>
      <c r="HP16" s="274">
        <v>25845</v>
      </c>
      <c r="HQ16" s="275">
        <v>31833</v>
      </c>
      <c r="HR16" s="276">
        <v>0</v>
      </c>
      <c r="HS16" s="274">
        <v>421774</v>
      </c>
      <c r="HT16" s="274">
        <v>1065755</v>
      </c>
      <c r="HU16" s="274">
        <v>5105163</v>
      </c>
      <c r="HV16" s="274">
        <v>7201170</v>
      </c>
      <c r="HW16" s="274">
        <v>4234083</v>
      </c>
      <c r="HX16" s="277">
        <v>18027945</v>
      </c>
      <c r="HY16" s="278">
        <v>18059778</v>
      </c>
    </row>
    <row r="17" spans="2:233" ht="21" customHeight="1" x14ac:dyDescent="0.2">
      <c r="B17" s="472" t="s">
        <v>13</v>
      </c>
      <c r="C17" s="273">
        <v>0</v>
      </c>
      <c r="D17" s="274">
        <v>0</v>
      </c>
      <c r="E17" s="275">
        <v>0</v>
      </c>
      <c r="F17" s="276">
        <v>0</v>
      </c>
      <c r="G17" s="274">
        <v>77130</v>
      </c>
      <c r="H17" s="274">
        <v>137665</v>
      </c>
      <c r="I17" s="274">
        <v>506679</v>
      </c>
      <c r="J17" s="274">
        <v>1027989</v>
      </c>
      <c r="K17" s="274">
        <v>675662</v>
      </c>
      <c r="L17" s="277">
        <v>2425125</v>
      </c>
      <c r="M17" s="278">
        <v>2425125</v>
      </c>
      <c r="N17" s="273">
        <v>0</v>
      </c>
      <c r="O17" s="274">
        <v>0</v>
      </c>
      <c r="P17" s="275">
        <v>0</v>
      </c>
      <c r="Q17" s="279"/>
      <c r="R17" s="274">
        <v>2635</v>
      </c>
      <c r="S17" s="274">
        <v>2635</v>
      </c>
      <c r="T17" s="274">
        <v>369830</v>
      </c>
      <c r="U17" s="274">
        <v>904820</v>
      </c>
      <c r="V17" s="274">
        <v>633072</v>
      </c>
      <c r="W17" s="277">
        <v>1912992</v>
      </c>
      <c r="X17" s="278">
        <v>1912992</v>
      </c>
      <c r="Y17" s="273">
        <v>0</v>
      </c>
      <c r="Z17" s="274">
        <v>0</v>
      </c>
      <c r="AA17" s="275">
        <v>0</v>
      </c>
      <c r="AB17" s="279"/>
      <c r="AC17" s="274">
        <v>51925</v>
      </c>
      <c r="AD17" s="274">
        <v>131190</v>
      </c>
      <c r="AE17" s="274">
        <v>86739</v>
      </c>
      <c r="AF17" s="274">
        <v>97950</v>
      </c>
      <c r="AG17" s="274">
        <v>13175</v>
      </c>
      <c r="AH17" s="277">
        <v>380979</v>
      </c>
      <c r="AI17" s="278">
        <v>380979</v>
      </c>
      <c r="AJ17" s="273">
        <v>0</v>
      </c>
      <c r="AK17" s="274">
        <v>0</v>
      </c>
      <c r="AL17" s="275">
        <v>0</v>
      </c>
      <c r="AM17" s="279"/>
      <c r="AN17" s="274">
        <v>0</v>
      </c>
      <c r="AO17" s="274">
        <v>0</v>
      </c>
      <c r="AP17" s="274">
        <v>0</v>
      </c>
      <c r="AQ17" s="274">
        <v>0</v>
      </c>
      <c r="AR17" s="274">
        <v>0</v>
      </c>
      <c r="AS17" s="277">
        <v>0</v>
      </c>
      <c r="AT17" s="278">
        <v>0</v>
      </c>
      <c r="AU17" s="273">
        <v>0</v>
      </c>
      <c r="AV17" s="274">
        <v>0</v>
      </c>
      <c r="AW17" s="275">
        <v>0</v>
      </c>
      <c r="AX17" s="279"/>
      <c r="AY17" s="274">
        <v>0</v>
      </c>
      <c r="AZ17" s="274">
        <v>0</v>
      </c>
      <c r="BA17" s="274">
        <v>0</v>
      </c>
      <c r="BB17" s="274">
        <v>0</v>
      </c>
      <c r="BC17" s="274">
        <v>0</v>
      </c>
      <c r="BD17" s="277">
        <v>0</v>
      </c>
      <c r="BE17" s="278">
        <v>0</v>
      </c>
      <c r="BF17" s="273">
        <v>0</v>
      </c>
      <c r="BG17" s="274">
        <v>0</v>
      </c>
      <c r="BH17" s="275">
        <v>0</v>
      </c>
      <c r="BI17" s="279"/>
      <c r="BJ17" s="274">
        <v>0</v>
      </c>
      <c r="BK17" s="274">
        <v>0</v>
      </c>
      <c r="BL17" s="274">
        <v>0</v>
      </c>
      <c r="BM17" s="274">
        <v>0</v>
      </c>
      <c r="BN17" s="274">
        <v>0</v>
      </c>
      <c r="BO17" s="277">
        <v>0</v>
      </c>
      <c r="BP17" s="278">
        <v>0</v>
      </c>
      <c r="BQ17" s="273">
        <v>0</v>
      </c>
      <c r="BR17" s="274">
        <v>0</v>
      </c>
      <c r="BS17" s="275">
        <v>0</v>
      </c>
      <c r="BT17" s="276">
        <v>0</v>
      </c>
      <c r="BU17" s="274">
        <v>22570</v>
      </c>
      <c r="BV17" s="274">
        <v>3840</v>
      </c>
      <c r="BW17" s="274">
        <v>48175</v>
      </c>
      <c r="BX17" s="274">
        <v>18844</v>
      </c>
      <c r="BY17" s="274">
        <v>26590</v>
      </c>
      <c r="BZ17" s="277">
        <v>120019</v>
      </c>
      <c r="CA17" s="278">
        <v>120019</v>
      </c>
      <c r="CB17" s="273">
        <v>0</v>
      </c>
      <c r="CC17" s="274">
        <v>0</v>
      </c>
      <c r="CD17" s="275">
        <v>0</v>
      </c>
      <c r="CE17" s="276">
        <v>0</v>
      </c>
      <c r="CF17" s="274">
        <v>0</v>
      </c>
      <c r="CG17" s="274">
        <v>0</v>
      </c>
      <c r="CH17" s="274">
        <v>1935</v>
      </c>
      <c r="CI17" s="274">
        <v>6375</v>
      </c>
      <c r="CJ17" s="274">
        <v>2825</v>
      </c>
      <c r="CK17" s="277">
        <v>11135</v>
      </c>
      <c r="CL17" s="278">
        <v>11135</v>
      </c>
      <c r="CM17" s="273">
        <v>0</v>
      </c>
      <c r="CN17" s="274">
        <v>0</v>
      </c>
      <c r="CO17" s="275">
        <v>0</v>
      </c>
      <c r="CP17" s="276">
        <v>0</v>
      </c>
      <c r="CQ17" s="274">
        <v>0</v>
      </c>
      <c r="CR17" s="274">
        <v>0</v>
      </c>
      <c r="CS17" s="274">
        <v>0</v>
      </c>
      <c r="CT17" s="274">
        <v>0</v>
      </c>
      <c r="CU17" s="274">
        <v>0</v>
      </c>
      <c r="CV17" s="277">
        <v>0</v>
      </c>
      <c r="CW17" s="278">
        <v>0</v>
      </c>
      <c r="CX17" s="273">
        <v>0</v>
      </c>
      <c r="CY17" s="274">
        <v>0</v>
      </c>
      <c r="CZ17" s="275">
        <v>0</v>
      </c>
      <c r="DA17" s="279"/>
      <c r="DB17" s="274">
        <v>0</v>
      </c>
      <c r="DC17" s="274">
        <v>0</v>
      </c>
      <c r="DD17" s="274">
        <v>0</v>
      </c>
      <c r="DE17" s="274">
        <v>0</v>
      </c>
      <c r="DF17" s="274">
        <v>0</v>
      </c>
      <c r="DG17" s="277">
        <v>0</v>
      </c>
      <c r="DH17" s="278">
        <v>0</v>
      </c>
      <c r="DI17" s="273">
        <v>0</v>
      </c>
      <c r="DJ17" s="274">
        <v>0</v>
      </c>
      <c r="DK17" s="275">
        <v>0</v>
      </c>
      <c r="DL17" s="276">
        <v>0</v>
      </c>
      <c r="DM17" s="274">
        <v>75830</v>
      </c>
      <c r="DN17" s="274">
        <v>30222</v>
      </c>
      <c r="DO17" s="274">
        <v>612026</v>
      </c>
      <c r="DP17" s="274">
        <v>1048904</v>
      </c>
      <c r="DQ17" s="274">
        <v>762742</v>
      </c>
      <c r="DR17" s="277">
        <v>2529724</v>
      </c>
      <c r="DS17" s="280">
        <v>2529724</v>
      </c>
      <c r="DT17" s="273">
        <v>0</v>
      </c>
      <c r="DU17" s="274">
        <v>0</v>
      </c>
      <c r="DV17" s="275">
        <v>0</v>
      </c>
      <c r="DW17" s="279"/>
      <c r="DX17" s="274">
        <v>21576</v>
      </c>
      <c r="DY17" s="274">
        <v>21576</v>
      </c>
      <c r="DZ17" s="274">
        <v>490048</v>
      </c>
      <c r="EA17" s="274">
        <v>978897</v>
      </c>
      <c r="EB17" s="274">
        <v>721565</v>
      </c>
      <c r="EC17" s="277">
        <v>2233662</v>
      </c>
      <c r="ED17" s="278">
        <v>2233662</v>
      </c>
      <c r="EE17" s="273">
        <v>0</v>
      </c>
      <c r="EF17" s="274">
        <v>0</v>
      </c>
      <c r="EG17" s="275">
        <v>0</v>
      </c>
      <c r="EH17" s="279"/>
      <c r="EI17" s="274">
        <v>11532</v>
      </c>
      <c r="EJ17" s="274">
        <v>2030</v>
      </c>
      <c r="EK17" s="274">
        <v>2149</v>
      </c>
      <c r="EL17" s="274">
        <v>6763</v>
      </c>
      <c r="EM17" s="274">
        <v>22444</v>
      </c>
      <c r="EN17" s="277">
        <v>44918</v>
      </c>
      <c r="EO17" s="278">
        <v>44918</v>
      </c>
      <c r="EP17" s="273">
        <v>0</v>
      </c>
      <c r="EQ17" s="274">
        <v>0</v>
      </c>
      <c r="ER17" s="275">
        <v>0</v>
      </c>
      <c r="ES17" s="279"/>
      <c r="ET17" s="274">
        <v>0</v>
      </c>
      <c r="EU17" s="274">
        <v>0</v>
      </c>
      <c r="EV17" s="274">
        <v>0</v>
      </c>
      <c r="EW17" s="274">
        <v>0</v>
      </c>
      <c r="EX17" s="274">
        <v>0</v>
      </c>
      <c r="EY17" s="277">
        <v>0</v>
      </c>
      <c r="EZ17" s="278">
        <v>0</v>
      </c>
      <c r="FA17" s="273">
        <v>0</v>
      </c>
      <c r="FB17" s="274">
        <v>0</v>
      </c>
      <c r="FC17" s="275">
        <v>0</v>
      </c>
      <c r="FD17" s="279"/>
      <c r="FE17" s="274">
        <v>0</v>
      </c>
      <c r="FF17" s="274">
        <v>0</v>
      </c>
      <c r="FG17" s="274">
        <v>0</v>
      </c>
      <c r="FH17" s="274">
        <v>0</v>
      </c>
      <c r="FI17" s="274">
        <v>0</v>
      </c>
      <c r="FJ17" s="277">
        <v>0</v>
      </c>
      <c r="FK17" s="278">
        <v>0</v>
      </c>
      <c r="FL17" s="273">
        <v>0</v>
      </c>
      <c r="FM17" s="274">
        <v>0</v>
      </c>
      <c r="FN17" s="275">
        <v>0</v>
      </c>
      <c r="FO17" s="279"/>
      <c r="FP17" s="274">
        <v>0</v>
      </c>
      <c r="FQ17" s="274">
        <v>0</v>
      </c>
      <c r="FR17" s="274">
        <v>0</v>
      </c>
      <c r="FS17" s="274">
        <v>0</v>
      </c>
      <c r="FT17" s="274">
        <v>0</v>
      </c>
      <c r="FU17" s="277">
        <v>0</v>
      </c>
      <c r="FV17" s="278">
        <v>0</v>
      </c>
      <c r="FW17" s="273">
        <v>0</v>
      </c>
      <c r="FX17" s="274">
        <v>0</v>
      </c>
      <c r="FY17" s="275">
        <v>0</v>
      </c>
      <c r="FZ17" s="276">
        <v>0</v>
      </c>
      <c r="GA17" s="274">
        <v>42722</v>
      </c>
      <c r="GB17" s="274">
        <v>6616</v>
      </c>
      <c r="GC17" s="274">
        <v>119717</v>
      </c>
      <c r="GD17" s="274">
        <v>63202</v>
      </c>
      <c r="GE17" s="274">
        <v>16922</v>
      </c>
      <c r="GF17" s="277">
        <v>249179</v>
      </c>
      <c r="GG17" s="278">
        <v>249179</v>
      </c>
      <c r="GH17" s="273">
        <v>0</v>
      </c>
      <c r="GI17" s="274">
        <v>0</v>
      </c>
      <c r="GJ17" s="275">
        <v>0</v>
      </c>
      <c r="GK17" s="276">
        <v>0</v>
      </c>
      <c r="GL17" s="274">
        <v>0</v>
      </c>
      <c r="GM17" s="274">
        <v>0</v>
      </c>
      <c r="GN17" s="274">
        <v>112</v>
      </c>
      <c r="GO17" s="274">
        <v>42</v>
      </c>
      <c r="GP17" s="274">
        <v>1811</v>
      </c>
      <c r="GQ17" s="277">
        <v>1965</v>
      </c>
      <c r="GR17" s="278">
        <v>1965</v>
      </c>
      <c r="GS17" s="273">
        <v>0</v>
      </c>
      <c r="GT17" s="274">
        <v>0</v>
      </c>
      <c r="GU17" s="275">
        <v>0</v>
      </c>
      <c r="GV17" s="276">
        <v>0</v>
      </c>
      <c r="GW17" s="274">
        <v>0</v>
      </c>
      <c r="GX17" s="274">
        <v>0</v>
      </c>
      <c r="GY17" s="274">
        <v>0</v>
      </c>
      <c r="GZ17" s="274">
        <v>0</v>
      </c>
      <c r="HA17" s="274">
        <v>0</v>
      </c>
      <c r="HB17" s="277">
        <v>0</v>
      </c>
      <c r="HC17" s="278">
        <v>0</v>
      </c>
      <c r="HD17" s="273">
        <v>0</v>
      </c>
      <c r="HE17" s="274">
        <v>0</v>
      </c>
      <c r="HF17" s="275">
        <v>0</v>
      </c>
      <c r="HG17" s="279"/>
      <c r="HH17" s="274">
        <v>0</v>
      </c>
      <c r="HI17" s="274">
        <v>0</v>
      </c>
      <c r="HJ17" s="274">
        <v>0</v>
      </c>
      <c r="HK17" s="274">
        <v>0</v>
      </c>
      <c r="HL17" s="274">
        <v>0</v>
      </c>
      <c r="HM17" s="277">
        <v>0</v>
      </c>
      <c r="HN17" s="278">
        <v>0</v>
      </c>
      <c r="HO17" s="273">
        <v>0</v>
      </c>
      <c r="HP17" s="274">
        <v>0</v>
      </c>
      <c r="HQ17" s="275">
        <v>0</v>
      </c>
      <c r="HR17" s="276">
        <v>0</v>
      </c>
      <c r="HS17" s="274">
        <v>152960</v>
      </c>
      <c r="HT17" s="274">
        <v>167887</v>
      </c>
      <c r="HU17" s="274">
        <v>1118705</v>
      </c>
      <c r="HV17" s="274">
        <v>2076893</v>
      </c>
      <c r="HW17" s="274">
        <v>1438404</v>
      </c>
      <c r="HX17" s="277">
        <v>4954849</v>
      </c>
      <c r="HY17" s="278">
        <v>4954849</v>
      </c>
    </row>
    <row r="18" spans="2:233" ht="21" customHeight="1" x14ac:dyDescent="0.2">
      <c r="B18" s="472" t="s">
        <v>15</v>
      </c>
      <c r="C18" s="273">
        <v>0</v>
      </c>
      <c r="D18" s="274">
        <v>0</v>
      </c>
      <c r="E18" s="275">
        <v>0</v>
      </c>
      <c r="F18" s="276">
        <v>0</v>
      </c>
      <c r="G18" s="274">
        <v>179635</v>
      </c>
      <c r="H18" s="274">
        <v>402873</v>
      </c>
      <c r="I18" s="274">
        <v>1472275</v>
      </c>
      <c r="J18" s="274">
        <v>2270415</v>
      </c>
      <c r="K18" s="274">
        <v>1583088</v>
      </c>
      <c r="L18" s="277">
        <v>5908286</v>
      </c>
      <c r="M18" s="278">
        <v>5908286</v>
      </c>
      <c r="N18" s="273">
        <v>0</v>
      </c>
      <c r="O18" s="274">
        <v>0</v>
      </c>
      <c r="P18" s="275">
        <v>0</v>
      </c>
      <c r="Q18" s="279"/>
      <c r="R18" s="274">
        <v>2635</v>
      </c>
      <c r="S18" s="274">
        <v>12595</v>
      </c>
      <c r="T18" s="274">
        <v>882115</v>
      </c>
      <c r="U18" s="274">
        <v>1269245</v>
      </c>
      <c r="V18" s="274">
        <v>1102330</v>
      </c>
      <c r="W18" s="277">
        <v>3268920</v>
      </c>
      <c r="X18" s="278">
        <v>3268920</v>
      </c>
      <c r="Y18" s="273">
        <v>0</v>
      </c>
      <c r="Z18" s="274">
        <v>0</v>
      </c>
      <c r="AA18" s="275">
        <v>0</v>
      </c>
      <c r="AB18" s="279"/>
      <c r="AC18" s="274">
        <v>176855</v>
      </c>
      <c r="AD18" s="274">
        <v>329035</v>
      </c>
      <c r="AE18" s="274">
        <v>338205</v>
      </c>
      <c r="AF18" s="274">
        <v>629238</v>
      </c>
      <c r="AG18" s="274">
        <v>149502</v>
      </c>
      <c r="AH18" s="277">
        <v>1622835</v>
      </c>
      <c r="AI18" s="278">
        <v>1622835</v>
      </c>
      <c r="AJ18" s="273">
        <v>0</v>
      </c>
      <c r="AK18" s="274">
        <v>0</v>
      </c>
      <c r="AL18" s="275">
        <v>0</v>
      </c>
      <c r="AM18" s="279"/>
      <c r="AN18" s="274">
        <v>0</v>
      </c>
      <c r="AO18" s="274">
        <v>0</v>
      </c>
      <c r="AP18" s="274">
        <v>0</v>
      </c>
      <c r="AQ18" s="274">
        <v>0</v>
      </c>
      <c r="AR18" s="274">
        <v>0</v>
      </c>
      <c r="AS18" s="277">
        <v>0</v>
      </c>
      <c r="AT18" s="278">
        <v>0</v>
      </c>
      <c r="AU18" s="273">
        <v>0</v>
      </c>
      <c r="AV18" s="274">
        <v>0</v>
      </c>
      <c r="AW18" s="275">
        <v>0</v>
      </c>
      <c r="AX18" s="279"/>
      <c r="AY18" s="274">
        <v>0</v>
      </c>
      <c r="AZ18" s="274">
        <v>0</v>
      </c>
      <c r="BA18" s="274">
        <v>0</v>
      </c>
      <c r="BB18" s="274">
        <v>0</v>
      </c>
      <c r="BC18" s="274">
        <v>0</v>
      </c>
      <c r="BD18" s="277">
        <v>0</v>
      </c>
      <c r="BE18" s="278">
        <v>0</v>
      </c>
      <c r="BF18" s="273">
        <v>0</v>
      </c>
      <c r="BG18" s="274">
        <v>0</v>
      </c>
      <c r="BH18" s="275">
        <v>0</v>
      </c>
      <c r="BI18" s="279"/>
      <c r="BJ18" s="274">
        <v>0</v>
      </c>
      <c r="BK18" s="274">
        <v>0</v>
      </c>
      <c r="BL18" s="274">
        <v>73315</v>
      </c>
      <c r="BM18" s="274">
        <v>111290</v>
      </c>
      <c r="BN18" s="274">
        <v>132400</v>
      </c>
      <c r="BO18" s="277">
        <v>317005</v>
      </c>
      <c r="BP18" s="278">
        <v>317005</v>
      </c>
      <c r="BQ18" s="273">
        <v>0</v>
      </c>
      <c r="BR18" s="274">
        <v>0</v>
      </c>
      <c r="BS18" s="275">
        <v>0</v>
      </c>
      <c r="BT18" s="276">
        <v>0</v>
      </c>
      <c r="BU18" s="274">
        <v>145</v>
      </c>
      <c r="BV18" s="274">
        <v>61243</v>
      </c>
      <c r="BW18" s="274">
        <v>178640</v>
      </c>
      <c r="BX18" s="274">
        <v>244246</v>
      </c>
      <c r="BY18" s="274">
        <v>198856</v>
      </c>
      <c r="BZ18" s="277">
        <v>683130</v>
      </c>
      <c r="CA18" s="278">
        <v>683130</v>
      </c>
      <c r="CB18" s="273">
        <v>0</v>
      </c>
      <c r="CC18" s="274">
        <v>0</v>
      </c>
      <c r="CD18" s="275">
        <v>0</v>
      </c>
      <c r="CE18" s="276">
        <v>0</v>
      </c>
      <c r="CF18" s="274">
        <v>0</v>
      </c>
      <c r="CG18" s="274">
        <v>0</v>
      </c>
      <c r="CH18" s="274">
        <v>0</v>
      </c>
      <c r="CI18" s="274">
        <v>16396</v>
      </c>
      <c r="CJ18" s="274">
        <v>0</v>
      </c>
      <c r="CK18" s="277">
        <v>16396</v>
      </c>
      <c r="CL18" s="278">
        <v>16396</v>
      </c>
      <c r="CM18" s="273">
        <v>0</v>
      </c>
      <c r="CN18" s="274">
        <v>0</v>
      </c>
      <c r="CO18" s="275">
        <v>0</v>
      </c>
      <c r="CP18" s="276">
        <v>0</v>
      </c>
      <c r="CQ18" s="274">
        <v>0</v>
      </c>
      <c r="CR18" s="274">
        <v>0</v>
      </c>
      <c r="CS18" s="274">
        <v>0</v>
      </c>
      <c r="CT18" s="274">
        <v>0</v>
      </c>
      <c r="CU18" s="274">
        <v>0</v>
      </c>
      <c r="CV18" s="277">
        <v>0</v>
      </c>
      <c r="CW18" s="278">
        <v>0</v>
      </c>
      <c r="CX18" s="273">
        <v>0</v>
      </c>
      <c r="CY18" s="274">
        <v>0</v>
      </c>
      <c r="CZ18" s="275">
        <v>0</v>
      </c>
      <c r="DA18" s="279"/>
      <c r="DB18" s="274">
        <v>0</v>
      </c>
      <c r="DC18" s="274">
        <v>0</v>
      </c>
      <c r="DD18" s="274">
        <v>0</v>
      </c>
      <c r="DE18" s="274">
        <v>0</v>
      </c>
      <c r="DF18" s="274">
        <v>0</v>
      </c>
      <c r="DG18" s="277">
        <v>0</v>
      </c>
      <c r="DH18" s="278">
        <v>0</v>
      </c>
      <c r="DI18" s="273">
        <v>0</v>
      </c>
      <c r="DJ18" s="274">
        <v>0</v>
      </c>
      <c r="DK18" s="275">
        <v>0</v>
      </c>
      <c r="DL18" s="276">
        <v>0</v>
      </c>
      <c r="DM18" s="274">
        <v>26392</v>
      </c>
      <c r="DN18" s="274">
        <v>157048</v>
      </c>
      <c r="DO18" s="274">
        <v>1487794</v>
      </c>
      <c r="DP18" s="274">
        <v>2145378</v>
      </c>
      <c r="DQ18" s="274">
        <v>1569213</v>
      </c>
      <c r="DR18" s="277">
        <v>5385825</v>
      </c>
      <c r="DS18" s="280">
        <v>5385825</v>
      </c>
      <c r="DT18" s="273">
        <v>0</v>
      </c>
      <c r="DU18" s="274">
        <v>0</v>
      </c>
      <c r="DV18" s="275">
        <v>0</v>
      </c>
      <c r="DW18" s="279"/>
      <c r="DX18" s="274">
        <v>10881</v>
      </c>
      <c r="DY18" s="274">
        <v>9405</v>
      </c>
      <c r="DZ18" s="274">
        <v>1021281</v>
      </c>
      <c r="EA18" s="274">
        <v>1547292</v>
      </c>
      <c r="EB18" s="274">
        <v>1169971</v>
      </c>
      <c r="EC18" s="277">
        <v>3758830</v>
      </c>
      <c r="ED18" s="278">
        <v>3758830</v>
      </c>
      <c r="EE18" s="273">
        <v>0</v>
      </c>
      <c r="EF18" s="274">
        <v>0</v>
      </c>
      <c r="EG18" s="275">
        <v>0</v>
      </c>
      <c r="EH18" s="279"/>
      <c r="EI18" s="274">
        <v>13423</v>
      </c>
      <c r="EJ18" s="274">
        <v>72509</v>
      </c>
      <c r="EK18" s="274">
        <v>29823</v>
      </c>
      <c r="EL18" s="274">
        <v>52180</v>
      </c>
      <c r="EM18" s="274">
        <v>34509</v>
      </c>
      <c r="EN18" s="277">
        <v>202444</v>
      </c>
      <c r="EO18" s="278">
        <v>202444</v>
      </c>
      <c r="EP18" s="273">
        <v>0</v>
      </c>
      <c r="EQ18" s="274">
        <v>0</v>
      </c>
      <c r="ER18" s="275">
        <v>0</v>
      </c>
      <c r="ES18" s="279"/>
      <c r="ET18" s="274">
        <v>0</v>
      </c>
      <c r="EU18" s="274">
        <v>0</v>
      </c>
      <c r="EV18" s="274">
        <v>0</v>
      </c>
      <c r="EW18" s="274">
        <v>0</v>
      </c>
      <c r="EX18" s="274">
        <v>0</v>
      </c>
      <c r="EY18" s="277">
        <v>0</v>
      </c>
      <c r="EZ18" s="278">
        <v>0</v>
      </c>
      <c r="FA18" s="273">
        <v>0</v>
      </c>
      <c r="FB18" s="274">
        <v>0</v>
      </c>
      <c r="FC18" s="275">
        <v>0</v>
      </c>
      <c r="FD18" s="279"/>
      <c r="FE18" s="274">
        <v>0</v>
      </c>
      <c r="FF18" s="274">
        <v>0</v>
      </c>
      <c r="FG18" s="274">
        <v>0</v>
      </c>
      <c r="FH18" s="274">
        <v>0</v>
      </c>
      <c r="FI18" s="274">
        <v>0</v>
      </c>
      <c r="FJ18" s="277">
        <v>0</v>
      </c>
      <c r="FK18" s="278">
        <v>0</v>
      </c>
      <c r="FL18" s="273">
        <v>0</v>
      </c>
      <c r="FM18" s="274">
        <v>0</v>
      </c>
      <c r="FN18" s="275">
        <v>0</v>
      </c>
      <c r="FO18" s="279"/>
      <c r="FP18" s="274">
        <v>0</v>
      </c>
      <c r="FQ18" s="274">
        <v>0</v>
      </c>
      <c r="FR18" s="274">
        <v>138260</v>
      </c>
      <c r="FS18" s="274">
        <v>218178</v>
      </c>
      <c r="FT18" s="274">
        <v>167454</v>
      </c>
      <c r="FU18" s="277">
        <v>523892</v>
      </c>
      <c r="FV18" s="278">
        <v>523892</v>
      </c>
      <c r="FW18" s="273">
        <v>0</v>
      </c>
      <c r="FX18" s="274">
        <v>0</v>
      </c>
      <c r="FY18" s="275">
        <v>0</v>
      </c>
      <c r="FZ18" s="276">
        <v>0</v>
      </c>
      <c r="GA18" s="274">
        <v>2088</v>
      </c>
      <c r="GB18" s="274">
        <v>75134</v>
      </c>
      <c r="GC18" s="274">
        <v>298430</v>
      </c>
      <c r="GD18" s="274">
        <v>323664</v>
      </c>
      <c r="GE18" s="274">
        <v>197279</v>
      </c>
      <c r="GF18" s="277">
        <v>896595</v>
      </c>
      <c r="GG18" s="278">
        <v>896595</v>
      </c>
      <c r="GH18" s="273">
        <v>0</v>
      </c>
      <c r="GI18" s="274">
        <v>0</v>
      </c>
      <c r="GJ18" s="275">
        <v>0</v>
      </c>
      <c r="GK18" s="276">
        <v>0</v>
      </c>
      <c r="GL18" s="274">
        <v>0</v>
      </c>
      <c r="GM18" s="274">
        <v>0</v>
      </c>
      <c r="GN18" s="274">
        <v>0</v>
      </c>
      <c r="GO18" s="274">
        <v>4064</v>
      </c>
      <c r="GP18" s="274">
        <v>0</v>
      </c>
      <c r="GQ18" s="277">
        <v>4064</v>
      </c>
      <c r="GR18" s="278">
        <v>4064</v>
      </c>
      <c r="GS18" s="273">
        <v>0</v>
      </c>
      <c r="GT18" s="274">
        <v>0</v>
      </c>
      <c r="GU18" s="275">
        <v>0</v>
      </c>
      <c r="GV18" s="276">
        <v>0</v>
      </c>
      <c r="GW18" s="274">
        <v>0</v>
      </c>
      <c r="GX18" s="274">
        <v>0</v>
      </c>
      <c r="GY18" s="274">
        <v>0</v>
      </c>
      <c r="GZ18" s="274">
        <v>0</v>
      </c>
      <c r="HA18" s="274">
        <v>0</v>
      </c>
      <c r="HB18" s="277">
        <v>0</v>
      </c>
      <c r="HC18" s="278">
        <v>0</v>
      </c>
      <c r="HD18" s="273">
        <v>0</v>
      </c>
      <c r="HE18" s="274">
        <v>0</v>
      </c>
      <c r="HF18" s="275">
        <v>0</v>
      </c>
      <c r="HG18" s="279"/>
      <c r="HH18" s="274">
        <v>0</v>
      </c>
      <c r="HI18" s="274">
        <v>0</v>
      </c>
      <c r="HJ18" s="274">
        <v>0</v>
      </c>
      <c r="HK18" s="274">
        <v>0</v>
      </c>
      <c r="HL18" s="274">
        <v>0</v>
      </c>
      <c r="HM18" s="277">
        <v>0</v>
      </c>
      <c r="HN18" s="278">
        <v>0</v>
      </c>
      <c r="HO18" s="273">
        <v>0</v>
      </c>
      <c r="HP18" s="274">
        <v>0</v>
      </c>
      <c r="HQ18" s="275">
        <v>0</v>
      </c>
      <c r="HR18" s="276">
        <v>0</v>
      </c>
      <c r="HS18" s="274">
        <v>206027</v>
      </c>
      <c r="HT18" s="274">
        <v>559921</v>
      </c>
      <c r="HU18" s="274">
        <v>2960069</v>
      </c>
      <c r="HV18" s="274">
        <v>4415793</v>
      </c>
      <c r="HW18" s="274">
        <v>3152301</v>
      </c>
      <c r="HX18" s="277">
        <v>11294111</v>
      </c>
      <c r="HY18" s="278">
        <v>11294111</v>
      </c>
    </row>
    <row r="19" spans="2:233" ht="21" customHeight="1" x14ac:dyDescent="0.2">
      <c r="B19" s="472" t="s">
        <v>16</v>
      </c>
      <c r="C19" s="273">
        <v>5535</v>
      </c>
      <c r="D19" s="274">
        <v>3175</v>
      </c>
      <c r="E19" s="275">
        <v>8710</v>
      </c>
      <c r="F19" s="276">
        <v>0</v>
      </c>
      <c r="G19" s="274">
        <v>371869</v>
      </c>
      <c r="H19" s="274">
        <v>900330</v>
      </c>
      <c r="I19" s="274">
        <v>2894805</v>
      </c>
      <c r="J19" s="274">
        <v>3296849</v>
      </c>
      <c r="K19" s="274">
        <v>2435895</v>
      </c>
      <c r="L19" s="277">
        <v>9899748</v>
      </c>
      <c r="M19" s="278">
        <v>9908458</v>
      </c>
      <c r="N19" s="273">
        <v>0</v>
      </c>
      <c r="O19" s="274">
        <v>0</v>
      </c>
      <c r="P19" s="275">
        <v>0</v>
      </c>
      <c r="Q19" s="279"/>
      <c r="R19" s="274">
        <v>97535</v>
      </c>
      <c r="S19" s="274">
        <v>61205</v>
      </c>
      <c r="T19" s="274">
        <v>1761600</v>
      </c>
      <c r="U19" s="274">
        <v>2500881</v>
      </c>
      <c r="V19" s="274">
        <v>1782815</v>
      </c>
      <c r="W19" s="277">
        <v>6204036</v>
      </c>
      <c r="X19" s="278">
        <v>6204036</v>
      </c>
      <c r="Y19" s="273">
        <v>0</v>
      </c>
      <c r="Z19" s="274">
        <v>0</v>
      </c>
      <c r="AA19" s="275">
        <v>0</v>
      </c>
      <c r="AB19" s="279"/>
      <c r="AC19" s="274">
        <v>200745</v>
      </c>
      <c r="AD19" s="274">
        <v>745020</v>
      </c>
      <c r="AE19" s="274">
        <v>969795</v>
      </c>
      <c r="AF19" s="274">
        <v>472318</v>
      </c>
      <c r="AG19" s="274">
        <v>311445</v>
      </c>
      <c r="AH19" s="277">
        <v>2699323</v>
      </c>
      <c r="AI19" s="278">
        <v>2699323</v>
      </c>
      <c r="AJ19" s="273">
        <v>0</v>
      </c>
      <c r="AK19" s="274">
        <v>0</v>
      </c>
      <c r="AL19" s="275">
        <v>0</v>
      </c>
      <c r="AM19" s="279"/>
      <c r="AN19" s="274">
        <v>0</v>
      </c>
      <c r="AO19" s="274">
        <v>0</v>
      </c>
      <c r="AP19" s="274">
        <v>0</v>
      </c>
      <c r="AQ19" s="274">
        <v>0</v>
      </c>
      <c r="AR19" s="274">
        <v>0</v>
      </c>
      <c r="AS19" s="277">
        <v>0</v>
      </c>
      <c r="AT19" s="278">
        <v>0</v>
      </c>
      <c r="AU19" s="273">
        <v>0</v>
      </c>
      <c r="AV19" s="274">
        <v>0</v>
      </c>
      <c r="AW19" s="275">
        <v>0</v>
      </c>
      <c r="AX19" s="279"/>
      <c r="AY19" s="274">
        <v>0</v>
      </c>
      <c r="AZ19" s="274">
        <v>0</v>
      </c>
      <c r="BA19" s="274">
        <v>32705</v>
      </c>
      <c r="BB19" s="274">
        <v>76260</v>
      </c>
      <c r="BC19" s="274">
        <v>144305</v>
      </c>
      <c r="BD19" s="277">
        <v>253270</v>
      </c>
      <c r="BE19" s="278">
        <v>253270</v>
      </c>
      <c r="BF19" s="273">
        <v>0</v>
      </c>
      <c r="BG19" s="274">
        <v>0</v>
      </c>
      <c r="BH19" s="275">
        <v>0</v>
      </c>
      <c r="BI19" s="279"/>
      <c r="BJ19" s="274">
        <v>0</v>
      </c>
      <c r="BK19" s="274">
        <v>29915</v>
      </c>
      <c r="BL19" s="274">
        <v>40370</v>
      </c>
      <c r="BM19" s="274">
        <v>65170</v>
      </c>
      <c r="BN19" s="274">
        <v>152675</v>
      </c>
      <c r="BO19" s="277">
        <v>288130</v>
      </c>
      <c r="BP19" s="278">
        <v>288130</v>
      </c>
      <c r="BQ19" s="273">
        <v>5535</v>
      </c>
      <c r="BR19" s="274">
        <v>3175</v>
      </c>
      <c r="BS19" s="275">
        <v>8710</v>
      </c>
      <c r="BT19" s="276">
        <v>0</v>
      </c>
      <c r="BU19" s="274">
        <v>70709</v>
      </c>
      <c r="BV19" s="274">
        <v>63320</v>
      </c>
      <c r="BW19" s="274">
        <v>90335</v>
      </c>
      <c r="BX19" s="274">
        <v>172290</v>
      </c>
      <c r="BY19" s="274">
        <v>44655</v>
      </c>
      <c r="BZ19" s="277">
        <v>441309</v>
      </c>
      <c r="CA19" s="278">
        <v>450019</v>
      </c>
      <c r="CB19" s="273">
        <v>0</v>
      </c>
      <c r="CC19" s="274">
        <v>0</v>
      </c>
      <c r="CD19" s="275">
        <v>0</v>
      </c>
      <c r="CE19" s="276">
        <v>0</v>
      </c>
      <c r="CF19" s="274">
        <v>2880</v>
      </c>
      <c r="CG19" s="274">
        <v>870</v>
      </c>
      <c r="CH19" s="274">
        <v>0</v>
      </c>
      <c r="CI19" s="274">
        <v>9930</v>
      </c>
      <c r="CJ19" s="274">
        <v>0</v>
      </c>
      <c r="CK19" s="277">
        <v>13680</v>
      </c>
      <c r="CL19" s="278">
        <v>13680</v>
      </c>
      <c r="CM19" s="273">
        <v>0</v>
      </c>
      <c r="CN19" s="274">
        <v>0</v>
      </c>
      <c r="CO19" s="275">
        <v>0</v>
      </c>
      <c r="CP19" s="276">
        <v>0</v>
      </c>
      <c r="CQ19" s="274">
        <v>0</v>
      </c>
      <c r="CR19" s="274">
        <v>0</v>
      </c>
      <c r="CS19" s="274">
        <v>0</v>
      </c>
      <c r="CT19" s="274">
        <v>0</v>
      </c>
      <c r="CU19" s="274">
        <v>0</v>
      </c>
      <c r="CV19" s="277">
        <v>0</v>
      </c>
      <c r="CW19" s="278">
        <v>0</v>
      </c>
      <c r="CX19" s="273">
        <v>0</v>
      </c>
      <c r="CY19" s="274">
        <v>0</v>
      </c>
      <c r="CZ19" s="275">
        <v>0</v>
      </c>
      <c r="DA19" s="279"/>
      <c r="DB19" s="274">
        <v>0</v>
      </c>
      <c r="DC19" s="274">
        <v>0</v>
      </c>
      <c r="DD19" s="274">
        <v>0</v>
      </c>
      <c r="DE19" s="274">
        <v>0</v>
      </c>
      <c r="DF19" s="274">
        <v>0</v>
      </c>
      <c r="DG19" s="277">
        <v>0</v>
      </c>
      <c r="DH19" s="278">
        <v>0</v>
      </c>
      <c r="DI19" s="273">
        <v>4255</v>
      </c>
      <c r="DJ19" s="274">
        <v>4744</v>
      </c>
      <c r="DK19" s="275">
        <v>8999</v>
      </c>
      <c r="DL19" s="276">
        <v>0</v>
      </c>
      <c r="DM19" s="274">
        <v>415677</v>
      </c>
      <c r="DN19" s="274">
        <v>700948</v>
      </c>
      <c r="DO19" s="274">
        <v>2989455</v>
      </c>
      <c r="DP19" s="274">
        <v>3900815</v>
      </c>
      <c r="DQ19" s="274">
        <v>2518856</v>
      </c>
      <c r="DR19" s="277">
        <v>10525751</v>
      </c>
      <c r="DS19" s="280">
        <v>10534750</v>
      </c>
      <c r="DT19" s="273">
        <v>0</v>
      </c>
      <c r="DU19" s="274">
        <v>0</v>
      </c>
      <c r="DV19" s="275">
        <v>0</v>
      </c>
      <c r="DW19" s="279"/>
      <c r="DX19" s="274">
        <v>91512</v>
      </c>
      <c r="DY19" s="274">
        <v>240426</v>
      </c>
      <c r="DZ19" s="274">
        <v>2378199</v>
      </c>
      <c r="EA19" s="274">
        <v>3363907</v>
      </c>
      <c r="EB19" s="274">
        <v>2134605</v>
      </c>
      <c r="EC19" s="277">
        <v>8208649</v>
      </c>
      <c r="ED19" s="278">
        <v>8208649</v>
      </c>
      <c r="EE19" s="273">
        <v>0</v>
      </c>
      <c r="EF19" s="274">
        <v>0</v>
      </c>
      <c r="EG19" s="275">
        <v>0</v>
      </c>
      <c r="EH19" s="279"/>
      <c r="EI19" s="274">
        <v>226998</v>
      </c>
      <c r="EJ19" s="274">
        <v>266820</v>
      </c>
      <c r="EK19" s="274">
        <v>325799</v>
      </c>
      <c r="EL19" s="274">
        <v>187471</v>
      </c>
      <c r="EM19" s="274">
        <v>103712</v>
      </c>
      <c r="EN19" s="277">
        <v>1110800</v>
      </c>
      <c r="EO19" s="278">
        <v>1110800</v>
      </c>
      <c r="EP19" s="273">
        <v>0</v>
      </c>
      <c r="EQ19" s="274">
        <v>0</v>
      </c>
      <c r="ER19" s="275">
        <v>0</v>
      </c>
      <c r="ES19" s="279"/>
      <c r="ET19" s="274">
        <v>0</v>
      </c>
      <c r="EU19" s="274">
        <v>0</v>
      </c>
      <c r="EV19" s="274">
        <v>0</v>
      </c>
      <c r="EW19" s="274">
        <v>0</v>
      </c>
      <c r="EX19" s="274">
        <v>0</v>
      </c>
      <c r="EY19" s="277">
        <v>0</v>
      </c>
      <c r="EZ19" s="278">
        <v>0</v>
      </c>
      <c r="FA19" s="273">
        <v>0</v>
      </c>
      <c r="FB19" s="274">
        <v>0</v>
      </c>
      <c r="FC19" s="275">
        <v>0</v>
      </c>
      <c r="FD19" s="279"/>
      <c r="FE19" s="274">
        <v>0</v>
      </c>
      <c r="FF19" s="274">
        <v>0</v>
      </c>
      <c r="FG19" s="274">
        <v>217</v>
      </c>
      <c r="FH19" s="274">
        <v>24011</v>
      </c>
      <c r="FI19" s="274">
        <v>24459</v>
      </c>
      <c r="FJ19" s="277">
        <v>48687</v>
      </c>
      <c r="FK19" s="278">
        <v>48687</v>
      </c>
      <c r="FL19" s="273">
        <v>0</v>
      </c>
      <c r="FM19" s="274">
        <v>0</v>
      </c>
      <c r="FN19" s="275">
        <v>0</v>
      </c>
      <c r="FO19" s="279"/>
      <c r="FP19" s="274">
        <v>0</v>
      </c>
      <c r="FQ19" s="274">
        <v>64728</v>
      </c>
      <c r="FR19" s="274">
        <v>150336</v>
      </c>
      <c r="FS19" s="274">
        <v>122374</v>
      </c>
      <c r="FT19" s="274">
        <v>196602</v>
      </c>
      <c r="FU19" s="277">
        <v>534040</v>
      </c>
      <c r="FV19" s="278">
        <v>534040</v>
      </c>
      <c r="FW19" s="273">
        <v>4255</v>
      </c>
      <c r="FX19" s="274">
        <v>4744</v>
      </c>
      <c r="FY19" s="275">
        <v>8999</v>
      </c>
      <c r="FZ19" s="276">
        <v>0</v>
      </c>
      <c r="GA19" s="274">
        <v>97097</v>
      </c>
      <c r="GB19" s="274">
        <v>128918</v>
      </c>
      <c r="GC19" s="274">
        <v>134904</v>
      </c>
      <c r="GD19" s="274">
        <v>189758</v>
      </c>
      <c r="GE19" s="274">
        <v>59478</v>
      </c>
      <c r="GF19" s="277">
        <v>610155</v>
      </c>
      <c r="GG19" s="278">
        <v>619154</v>
      </c>
      <c r="GH19" s="273">
        <v>0</v>
      </c>
      <c r="GI19" s="274">
        <v>0</v>
      </c>
      <c r="GJ19" s="275">
        <v>0</v>
      </c>
      <c r="GK19" s="276">
        <v>0</v>
      </c>
      <c r="GL19" s="274">
        <v>70</v>
      </c>
      <c r="GM19" s="274">
        <v>56</v>
      </c>
      <c r="GN19" s="274">
        <v>0</v>
      </c>
      <c r="GO19" s="274">
        <v>13294</v>
      </c>
      <c r="GP19" s="274">
        <v>0</v>
      </c>
      <c r="GQ19" s="277">
        <v>13420</v>
      </c>
      <c r="GR19" s="278">
        <v>13420</v>
      </c>
      <c r="GS19" s="273">
        <v>0</v>
      </c>
      <c r="GT19" s="274">
        <v>0</v>
      </c>
      <c r="GU19" s="275">
        <v>0</v>
      </c>
      <c r="GV19" s="276">
        <v>0</v>
      </c>
      <c r="GW19" s="274">
        <v>0</v>
      </c>
      <c r="GX19" s="274">
        <v>0</v>
      </c>
      <c r="GY19" s="274">
        <v>0</v>
      </c>
      <c r="GZ19" s="274">
        <v>0</v>
      </c>
      <c r="HA19" s="274">
        <v>0</v>
      </c>
      <c r="HB19" s="277">
        <v>0</v>
      </c>
      <c r="HC19" s="278">
        <v>0</v>
      </c>
      <c r="HD19" s="273">
        <v>0</v>
      </c>
      <c r="HE19" s="274">
        <v>0</v>
      </c>
      <c r="HF19" s="275">
        <v>0</v>
      </c>
      <c r="HG19" s="279"/>
      <c r="HH19" s="274">
        <v>0</v>
      </c>
      <c r="HI19" s="274">
        <v>0</v>
      </c>
      <c r="HJ19" s="274">
        <v>0</v>
      </c>
      <c r="HK19" s="274">
        <v>0</v>
      </c>
      <c r="HL19" s="274">
        <v>0</v>
      </c>
      <c r="HM19" s="277">
        <v>0</v>
      </c>
      <c r="HN19" s="278">
        <v>0</v>
      </c>
      <c r="HO19" s="273">
        <v>9790</v>
      </c>
      <c r="HP19" s="274">
        <v>7919</v>
      </c>
      <c r="HQ19" s="275">
        <v>17709</v>
      </c>
      <c r="HR19" s="276">
        <v>0</v>
      </c>
      <c r="HS19" s="274">
        <v>787546</v>
      </c>
      <c r="HT19" s="274">
        <v>1601278</v>
      </c>
      <c r="HU19" s="274">
        <v>5884260</v>
      </c>
      <c r="HV19" s="274">
        <v>7197664</v>
      </c>
      <c r="HW19" s="274">
        <v>4954751</v>
      </c>
      <c r="HX19" s="277">
        <v>20425499</v>
      </c>
      <c r="HY19" s="278">
        <v>20443208</v>
      </c>
    </row>
    <row r="20" spans="2:233" ht="21" customHeight="1" x14ac:dyDescent="0.2">
      <c r="B20" s="472" t="s">
        <v>17</v>
      </c>
      <c r="C20" s="273">
        <v>0</v>
      </c>
      <c r="D20" s="274">
        <v>1540</v>
      </c>
      <c r="E20" s="275">
        <v>1540</v>
      </c>
      <c r="F20" s="276">
        <v>0</v>
      </c>
      <c r="G20" s="274">
        <v>227915</v>
      </c>
      <c r="H20" s="274">
        <v>834828</v>
      </c>
      <c r="I20" s="274">
        <v>2724285</v>
      </c>
      <c r="J20" s="274">
        <v>3327889</v>
      </c>
      <c r="K20" s="274">
        <v>2635435</v>
      </c>
      <c r="L20" s="277">
        <v>9750352</v>
      </c>
      <c r="M20" s="278">
        <v>9751892</v>
      </c>
      <c r="N20" s="273">
        <v>0</v>
      </c>
      <c r="O20" s="274">
        <v>0</v>
      </c>
      <c r="P20" s="275">
        <v>0</v>
      </c>
      <c r="Q20" s="279"/>
      <c r="R20" s="274">
        <v>56060</v>
      </c>
      <c r="S20" s="274">
        <v>166005</v>
      </c>
      <c r="T20" s="274">
        <v>1529265</v>
      </c>
      <c r="U20" s="274">
        <v>2326469</v>
      </c>
      <c r="V20" s="274">
        <v>2049595</v>
      </c>
      <c r="W20" s="277">
        <v>6127394</v>
      </c>
      <c r="X20" s="278">
        <v>6127394</v>
      </c>
      <c r="Y20" s="273">
        <v>0</v>
      </c>
      <c r="Z20" s="274">
        <v>0</v>
      </c>
      <c r="AA20" s="275">
        <v>0</v>
      </c>
      <c r="AB20" s="279"/>
      <c r="AC20" s="274">
        <v>130510</v>
      </c>
      <c r="AD20" s="274">
        <v>571357</v>
      </c>
      <c r="AE20" s="274">
        <v>720830</v>
      </c>
      <c r="AF20" s="274">
        <v>409590</v>
      </c>
      <c r="AG20" s="274">
        <v>151610</v>
      </c>
      <c r="AH20" s="277">
        <v>1983897</v>
      </c>
      <c r="AI20" s="278">
        <v>1983897</v>
      </c>
      <c r="AJ20" s="273">
        <v>0</v>
      </c>
      <c r="AK20" s="274">
        <v>0</v>
      </c>
      <c r="AL20" s="275">
        <v>0</v>
      </c>
      <c r="AM20" s="279"/>
      <c r="AN20" s="274">
        <v>0</v>
      </c>
      <c r="AO20" s="274">
        <v>0</v>
      </c>
      <c r="AP20" s="274">
        <v>0</v>
      </c>
      <c r="AQ20" s="274">
        <v>0</v>
      </c>
      <c r="AR20" s="274">
        <v>35340</v>
      </c>
      <c r="AS20" s="277">
        <v>35340</v>
      </c>
      <c r="AT20" s="278">
        <v>35340</v>
      </c>
      <c r="AU20" s="273">
        <v>0</v>
      </c>
      <c r="AV20" s="274">
        <v>0</v>
      </c>
      <c r="AW20" s="275">
        <v>0</v>
      </c>
      <c r="AX20" s="279"/>
      <c r="AY20" s="274">
        <v>0</v>
      </c>
      <c r="AZ20" s="274">
        <v>0</v>
      </c>
      <c r="BA20" s="274">
        <v>0</v>
      </c>
      <c r="BB20" s="274">
        <v>2635</v>
      </c>
      <c r="BC20" s="274">
        <v>74950</v>
      </c>
      <c r="BD20" s="277">
        <v>77585</v>
      </c>
      <c r="BE20" s="278">
        <v>77585</v>
      </c>
      <c r="BF20" s="273">
        <v>0</v>
      </c>
      <c r="BG20" s="274">
        <v>0</v>
      </c>
      <c r="BH20" s="275">
        <v>0</v>
      </c>
      <c r="BI20" s="279"/>
      <c r="BJ20" s="274">
        <v>0</v>
      </c>
      <c r="BK20" s="274">
        <v>2635</v>
      </c>
      <c r="BL20" s="274">
        <v>242110</v>
      </c>
      <c r="BM20" s="274">
        <v>228315</v>
      </c>
      <c r="BN20" s="274">
        <v>207055</v>
      </c>
      <c r="BO20" s="277">
        <v>680115</v>
      </c>
      <c r="BP20" s="278">
        <v>680115</v>
      </c>
      <c r="BQ20" s="273">
        <v>0</v>
      </c>
      <c r="BR20" s="274">
        <v>1540</v>
      </c>
      <c r="BS20" s="275">
        <v>1540</v>
      </c>
      <c r="BT20" s="276">
        <v>0</v>
      </c>
      <c r="BU20" s="274">
        <v>41345</v>
      </c>
      <c r="BV20" s="274">
        <v>94396</v>
      </c>
      <c r="BW20" s="274">
        <v>228455</v>
      </c>
      <c r="BX20" s="274">
        <v>347655</v>
      </c>
      <c r="BY20" s="274">
        <v>96785</v>
      </c>
      <c r="BZ20" s="277">
        <v>808636</v>
      </c>
      <c r="CA20" s="278">
        <v>810176</v>
      </c>
      <c r="CB20" s="273">
        <v>0</v>
      </c>
      <c r="CC20" s="274">
        <v>0</v>
      </c>
      <c r="CD20" s="275">
        <v>0</v>
      </c>
      <c r="CE20" s="276">
        <v>0</v>
      </c>
      <c r="CF20" s="274">
        <v>0</v>
      </c>
      <c r="CG20" s="274">
        <v>435</v>
      </c>
      <c r="CH20" s="274">
        <v>3625</v>
      </c>
      <c r="CI20" s="274">
        <v>13225</v>
      </c>
      <c r="CJ20" s="274">
        <v>20100</v>
      </c>
      <c r="CK20" s="277">
        <v>37385</v>
      </c>
      <c r="CL20" s="278">
        <v>37385</v>
      </c>
      <c r="CM20" s="273">
        <v>0</v>
      </c>
      <c r="CN20" s="274">
        <v>0</v>
      </c>
      <c r="CO20" s="275">
        <v>0</v>
      </c>
      <c r="CP20" s="276">
        <v>0</v>
      </c>
      <c r="CQ20" s="274">
        <v>0</v>
      </c>
      <c r="CR20" s="274">
        <v>0</v>
      </c>
      <c r="CS20" s="274">
        <v>0</v>
      </c>
      <c r="CT20" s="274">
        <v>0</v>
      </c>
      <c r="CU20" s="274">
        <v>0</v>
      </c>
      <c r="CV20" s="277">
        <v>0</v>
      </c>
      <c r="CW20" s="278">
        <v>0</v>
      </c>
      <c r="CX20" s="273">
        <v>0</v>
      </c>
      <c r="CY20" s="274">
        <v>0</v>
      </c>
      <c r="CZ20" s="275">
        <v>0</v>
      </c>
      <c r="DA20" s="279"/>
      <c r="DB20" s="274">
        <v>0</v>
      </c>
      <c r="DC20" s="274">
        <v>0</v>
      </c>
      <c r="DD20" s="274">
        <v>0</v>
      </c>
      <c r="DE20" s="274">
        <v>0</v>
      </c>
      <c r="DF20" s="274">
        <v>0</v>
      </c>
      <c r="DG20" s="277">
        <v>0</v>
      </c>
      <c r="DH20" s="278">
        <v>0</v>
      </c>
      <c r="DI20" s="273">
        <v>0</v>
      </c>
      <c r="DJ20" s="274">
        <v>1940</v>
      </c>
      <c r="DK20" s="275">
        <v>1940</v>
      </c>
      <c r="DL20" s="276">
        <v>0</v>
      </c>
      <c r="DM20" s="274">
        <v>85811</v>
      </c>
      <c r="DN20" s="274">
        <v>406188</v>
      </c>
      <c r="DO20" s="274">
        <v>2883112</v>
      </c>
      <c r="DP20" s="274">
        <v>4092854</v>
      </c>
      <c r="DQ20" s="274">
        <v>2846798</v>
      </c>
      <c r="DR20" s="277">
        <v>10314763</v>
      </c>
      <c r="DS20" s="280">
        <v>10316703</v>
      </c>
      <c r="DT20" s="273">
        <v>0</v>
      </c>
      <c r="DU20" s="274">
        <v>0</v>
      </c>
      <c r="DV20" s="275">
        <v>0</v>
      </c>
      <c r="DW20" s="279"/>
      <c r="DX20" s="274">
        <v>30070</v>
      </c>
      <c r="DY20" s="274">
        <v>213125</v>
      </c>
      <c r="DZ20" s="274">
        <v>2149776</v>
      </c>
      <c r="EA20" s="274">
        <v>3281076</v>
      </c>
      <c r="EB20" s="274">
        <v>2379583</v>
      </c>
      <c r="EC20" s="277">
        <v>8053630</v>
      </c>
      <c r="ED20" s="278">
        <v>8053630</v>
      </c>
      <c r="EE20" s="273">
        <v>0</v>
      </c>
      <c r="EF20" s="274">
        <v>0</v>
      </c>
      <c r="EG20" s="275">
        <v>0</v>
      </c>
      <c r="EH20" s="279"/>
      <c r="EI20" s="274">
        <v>2170</v>
      </c>
      <c r="EJ20" s="274">
        <v>40351</v>
      </c>
      <c r="EK20" s="274">
        <v>71191</v>
      </c>
      <c r="EL20" s="274">
        <v>32474</v>
      </c>
      <c r="EM20" s="274">
        <v>3318</v>
      </c>
      <c r="EN20" s="277">
        <v>149504</v>
      </c>
      <c r="EO20" s="278">
        <v>149504</v>
      </c>
      <c r="EP20" s="273">
        <v>0</v>
      </c>
      <c r="EQ20" s="274">
        <v>0</v>
      </c>
      <c r="ER20" s="275">
        <v>0</v>
      </c>
      <c r="ES20" s="279"/>
      <c r="ET20" s="274">
        <v>0</v>
      </c>
      <c r="EU20" s="274">
        <v>0</v>
      </c>
      <c r="EV20" s="274">
        <v>0</v>
      </c>
      <c r="EW20" s="274">
        <v>0</v>
      </c>
      <c r="EX20" s="274">
        <v>217</v>
      </c>
      <c r="EY20" s="277">
        <v>217</v>
      </c>
      <c r="EZ20" s="278">
        <v>217</v>
      </c>
      <c r="FA20" s="273">
        <v>0</v>
      </c>
      <c r="FB20" s="274">
        <v>0</v>
      </c>
      <c r="FC20" s="275">
        <v>0</v>
      </c>
      <c r="FD20" s="279"/>
      <c r="FE20" s="274">
        <v>0</v>
      </c>
      <c r="FF20" s="274">
        <v>0</v>
      </c>
      <c r="FG20" s="274">
        <v>0</v>
      </c>
      <c r="FH20" s="274">
        <v>217</v>
      </c>
      <c r="FI20" s="274">
        <v>518</v>
      </c>
      <c r="FJ20" s="277">
        <v>735</v>
      </c>
      <c r="FK20" s="278">
        <v>735</v>
      </c>
      <c r="FL20" s="273">
        <v>0</v>
      </c>
      <c r="FM20" s="274">
        <v>0</v>
      </c>
      <c r="FN20" s="275">
        <v>0</v>
      </c>
      <c r="FO20" s="279"/>
      <c r="FP20" s="274">
        <v>0</v>
      </c>
      <c r="FQ20" s="274">
        <v>10881</v>
      </c>
      <c r="FR20" s="274">
        <v>345557</v>
      </c>
      <c r="FS20" s="274">
        <v>377828</v>
      </c>
      <c r="FT20" s="274">
        <v>363523</v>
      </c>
      <c r="FU20" s="277">
        <v>1097789</v>
      </c>
      <c r="FV20" s="278">
        <v>1097789</v>
      </c>
      <c r="FW20" s="273">
        <v>0</v>
      </c>
      <c r="FX20" s="274">
        <v>1940</v>
      </c>
      <c r="FY20" s="275">
        <v>1940</v>
      </c>
      <c r="FZ20" s="276">
        <v>0</v>
      </c>
      <c r="GA20" s="274">
        <v>53571</v>
      </c>
      <c r="GB20" s="274">
        <v>141796</v>
      </c>
      <c r="GC20" s="274">
        <v>316399</v>
      </c>
      <c r="GD20" s="274">
        <v>401070</v>
      </c>
      <c r="GE20" s="274">
        <v>90705</v>
      </c>
      <c r="GF20" s="277">
        <v>1003541</v>
      </c>
      <c r="GG20" s="278">
        <v>1005481</v>
      </c>
      <c r="GH20" s="273">
        <v>0</v>
      </c>
      <c r="GI20" s="274">
        <v>0</v>
      </c>
      <c r="GJ20" s="275">
        <v>0</v>
      </c>
      <c r="GK20" s="276">
        <v>0</v>
      </c>
      <c r="GL20" s="274">
        <v>0</v>
      </c>
      <c r="GM20" s="274">
        <v>35</v>
      </c>
      <c r="GN20" s="274">
        <v>189</v>
      </c>
      <c r="GO20" s="274">
        <v>189</v>
      </c>
      <c r="GP20" s="274">
        <v>8934</v>
      </c>
      <c r="GQ20" s="277">
        <v>9347</v>
      </c>
      <c r="GR20" s="278">
        <v>9347</v>
      </c>
      <c r="GS20" s="273">
        <v>0</v>
      </c>
      <c r="GT20" s="274">
        <v>0</v>
      </c>
      <c r="GU20" s="275">
        <v>0</v>
      </c>
      <c r="GV20" s="276">
        <v>0</v>
      </c>
      <c r="GW20" s="274">
        <v>0</v>
      </c>
      <c r="GX20" s="274">
        <v>0</v>
      </c>
      <c r="GY20" s="274">
        <v>0</v>
      </c>
      <c r="GZ20" s="274">
        <v>0</v>
      </c>
      <c r="HA20" s="274">
        <v>0</v>
      </c>
      <c r="HB20" s="277">
        <v>0</v>
      </c>
      <c r="HC20" s="278">
        <v>0</v>
      </c>
      <c r="HD20" s="273">
        <v>0</v>
      </c>
      <c r="HE20" s="274">
        <v>0</v>
      </c>
      <c r="HF20" s="275">
        <v>0</v>
      </c>
      <c r="HG20" s="279"/>
      <c r="HH20" s="274">
        <v>0</v>
      </c>
      <c r="HI20" s="274">
        <v>0</v>
      </c>
      <c r="HJ20" s="274">
        <v>0</v>
      </c>
      <c r="HK20" s="274">
        <v>0</v>
      </c>
      <c r="HL20" s="274">
        <v>0</v>
      </c>
      <c r="HM20" s="277">
        <v>0</v>
      </c>
      <c r="HN20" s="278">
        <v>0</v>
      </c>
      <c r="HO20" s="273">
        <v>0</v>
      </c>
      <c r="HP20" s="274">
        <v>3480</v>
      </c>
      <c r="HQ20" s="275">
        <v>3480</v>
      </c>
      <c r="HR20" s="276">
        <v>0</v>
      </c>
      <c r="HS20" s="274">
        <v>313726</v>
      </c>
      <c r="HT20" s="274">
        <v>1241016</v>
      </c>
      <c r="HU20" s="274">
        <v>5607397</v>
      </c>
      <c r="HV20" s="274">
        <v>7420743</v>
      </c>
      <c r="HW20" s="274">
        <v>5482233</v>
      </c>
      <c r="HX20" s="277">
        <v>20065115</v>
      </c>
      <c r="HY20" s="278">
        <v>20068595</v>
      </c>
    </row>
    <row r="21" spans="2:233" ht="21" customHeight="1" x14ac:dyDescent="0.2">
      <c r="B21" s="472" t="s">
        <v>18</v>
      </c>
      <c r="C21" s="273">
        <v>0</v>
      </c>
      <c r="D21" s="274">
        <v>2535</v>
      </c>
      <c r="E21" s="275">
        <v>2535</v>
      </c>
      <c r="F21" s="276">
        <v>0</v>
      </c>
      <c r="G21" s="274">
        <v>357607</v>
      </c>
      <c r="H21" s="274">
        <v>872730</v>
      </c>
      <c r="I21" s="274">
        <v>2098905</v>
      </c>
      <c r="J21" s="274">
        <v>3948125</v>
      </c>
      <c r="K21" s="274">
        <v>2572992</v>
      </c>
      <c r="L21" s="277">
        <v>9850359</v>
      </c>
      <c r="M21" s="278">
        <v>9852894</v>
      </c>
      <c r="N21" s="273">
        <v>0</v>
      </c>
      <c r="O21" s="274">
        <v>0</v>
      </c>
      <c r="P21" s="275">
        <v>0</v>
      </c>
      <c r="Q21" s="279"/>
      <c r="R21" s="274">
        <v>25265</v>
      </c>
      <c r="S21" s="274">
        <v>83425</v>
      </c>
      <c r="T21" s="274">
        <v>1331555</v>
      </c>
      <c r="U21" s="274">
        <v>3090192</v>
      </c>
      <c r="V21" s="274">
        <v>2001557</v>
      </c>
      <c r="W21" s="277">
        <v>6531994</v>
      </c>
      <c r="X21" s="278">
        <v>6531994</v>
      </c>
      <c r="Y21" s="273">
        <v>0</v>
      </c>
      <c r="Z21" s="274">
        <v>0</v>
      </c>
      <c r="AA21" s="275">
        <v>0</v>
      </c>
      <c r="AB21" s="279"/>
      <c r="AC21" s="274">
        <v>265570</v>
      </c>
      <c r="AD21" s="274">
        <v>691440</v>
      </c>
      <c r="AE21" s="274">
        <v>483625</v>
      </c>
      <c r="AF21" s="274">
        <v>522815</v>
      </c>
      <c r="AG21" s="274">
        <v>369115</v>
      </c>
      <c r="AH21" s="277">
        <v>2332565</v>
      </c>
      <c r="AI21" s="278">
        <v>2332565</v>
      </c>
      <c r="AJ21" s="273">
        <v>0</v>
      </c>
      <c r="AK21" s="274">
        <v>0</v>
      </c>
      <c r="AL21" s="275">
        <v>0</v>
      </c>
      <c r="AM21" s="279"/>
      <c r="AN21" s="274">
        <v>0</v>
      </c>
      <c r="AO21" s="274">
        <v>0</v>
      </c>
      <c r="AP21" s="274">
        <v>0</v>
      </c>
      <c r="AQ21" s="274">
        <v>2635</v>
      </c>
      <c r="AR21" s="274">
        <v>32405</v>
      </c>
      <c r="AS21" s="277">
        <v>35040</v>
      </c>
      <c r="AT21" s="278">
        <v>35040</v>
      </c>
      <c r="AU21" s="273">
        <v>0</v>
      </c>
      <c r="AV21" s="274">
        <v>0</v>
      </c>
      <c r="AW21" s="275">
        <v>0</v>
      </c>
      <c r="AX21" s="279"/>
      <c r="AY21" s="274">
        <v>0</v>
      </c>
      <c r="AZ21" s="274">
        <v>0</v>
      </c>
      <c r="BA21" s="274">
        <v>0</v>
      </c>
      <c r="BB21" s="274">
        <v>24645</v>
      </c>
      <c r="BC21" s="274">
        <v>69315</v>
      </c>
      <c r="BD21" s="277">
        <v>93960</v>
      </c>
      <c r="BE21" s="278">
        <v>93960</v>
      </c>
      <c r="BF21" s="273">
        <v>0</v>
      </c>
      <c r="BG21" s="274">
        <v>0</v>
      </c>
      <c r="BH21" s="275">
        <v>0</v>
      </c>
      <c r="BI21" s="279"/>
      <c r="BJ21" s="274">
        <v>0</v>
      </c>
      <c r="BK21" s="274">
        <v>2635</v>
      </c>
      <c r="BL21" s="274">
        <v>35340</v>
      </c>
      <c r="BM21" s="274">
        <v>81815</v>
      </c>
      <c r="BN21" s="274">
        <v>37975</v>
      </c>
      <c r="BO21" s="277">
        <v>157765</v>
      </c>
      <c r="BP21" s="278">
        <v>157765</v>
      </c>
      <c r="BQ21" s="273">
        <v>0</v>
      </c>
      <c r="BR21" s="274">
        <v>2535</v>
      </c>
      <c r="BS21" s="275">
        <v>2535</v>
      </c>
      <c r="BT21" s="276">
        <v>0</v>
      </c>
      <c r="BU21" s="274">
        <v>65082</v>
      </c>
      <c r="BV21" s="274">
        <v>94940</v>
      </c>
      <c r="BW21" s="274">
        <v>248385</v>
      </c>
      <c r="BX21" s="274">
        <v>215468</v>
      </c>
      <c r="BY21" s="274">
        <v>62625</v>
      </c>
      <c r="BZ21" s="277">
        <v>686500</v>
      </c>
      <c r="CA21" s="278">
        <v>689035</v>
      </c>
      <c r="CB21" s="273">
        <v>0</v>
      </c>
      <c r="CC21" s="274">
        <v>0</v>
      </c>
      <c r="CD21" s="275">
        <v>0</v>
      </c>
      <c r="CE21" s="276">
        <v>0</v>
      </c>
      <c r="CF21" s="274">
        <v>1690</v>
      </c>
      <c r="CG21" s="274">
        <v>290</v>
      </c>
      <c r="CH21" s="274">
        <v>0</v>
      </c>
      <c r="CI21" s="274">
        <v>10555</v>
      </c>
      <c r="CJ21" s="274">
        <v>0</v>
      </c>
      <c r="CK21" s="277">
        <v>12535</v>
      </c>
      <c r="CL21" s="278">
        <v>12535</v>
      </c>
      <c r="CM21" s="273">
        <v>0</v>
      </c>
      <c r="CN21" s="274">
        <v>0</v>
      </c>
      <c r="CO21" s="275">
        <v>0</v>
      </c>
      <c r="CP21" s="276">
        <v>0</v>
      </c>
      <c r="CQ21" s="274">
        <v>0</v>
      </c>
      <c r="CR21" s="274">
        <v>0</v>
      </c>
      <c r="CS21" s="274">
        <v>0</v>
      </c>
      <c r="CT21" s="274">
        <v>0</v>
      </c>
      <c r="CU21" s="274">
        <v>0</v>
      </c>
      <c r="CV21" s="277">
        <v>0</v>
      </c>
      <c r="CW21" s="278">
        <v>0</v>
      </c>
      <c r="CX21" s="273">
        <v>0</v>
      </c>
      <c r="CY21" s="274">
        <v>0</v>
      </c>
      <c r="CZ21" s="275">
        <v>0</v>
      </c>
      <c r="DA21" s="279"/>
      <c r="DB21" s="274">
        <v>0</v>
      </c>
      <c r="DC21" s="274">
        <v>0</v>
      </c>
      <c r="DD21" s="274">
        <v>0</v>
      </c>
      <c r="DE21" s="274">
        <v>0</v>
      </c>
      <c r="DF21" s="274">
        <v>0</v>
      </c>
      <c r="DG21" s="277">
        <v>0</v>
      </c>
      <c r="DH21" s="278">
        <v>0</v>
      </c>
      <c r="DI21" s="273">
        <v>0</v>
      </c>
      <c r="DJ21" s="274">
        <v>4744</v>
      </c>
      <c r="DK21" s="275">
        <v>4744</v>
      </c>
      <c r="DL21" s="276">
        <v>0</v>
      </c>
      <c r="DM21" s="274">
        <v>242574</v>
      </c>
      <c r="DN21" s="274">
        <v>426418</v>
      </c>
      <c r="DO21" s="274">
        <v>2572093</v>
      </c>
      <c r="DP21" s="274">
        <v>4591664</v>
      </c>
      <c r="DQ21" s="274">
        <v>2678988</v>
      </c>
      <c r="DR21" s="277">
        <v>10511737</v>
      </c>
      <c r="DS21" s="280">
        <v>10516481</v>
      </c>
      <c r="DT21" s="273">
        <v>0</v>
      </c>
      <c r="DU21" s="274">
        <v>0</v>
      </c>
      <c r="DV21" s="275">
        <v>0</v>
      </c>
      <c r="DW21" s="279"/>
      <c r="DX21" s="274">
        <v>42036</v>
      </c>
      <c r="DY21" s="274">
        <v>125698</v>
      </c>
      <c r="DZ21" s="274">
        <v>1952037</v>
      </c>
      <c r="EA21" s="274">
        <v>3934184</v>
      </c>
      <c r="EB21" s="274">
        <v>2399229</v>
      </c>
      <c r="EC21" s="277">
        <v>8453184</v>
      </c>
      <c r="ED21" s="278">
        <v>8453184</v>
      </c>
      <c r="EE21" s="273">
        <v>0</v>
      </c>
      <c r="EF21" s="274">
        <v>0</v>
      </c>
      <c r="EG21" s="275">
        <v>0</v>
      </c>
      <c r="EH21" s="279"/>
      <c r="EI21" s="274">
        <v>99625</v>
      </c>
      <c r="EJ21" s="274">
        <v>130409</v>
      </c>
      <c r="EK21" s="274">
        <v>131181</v>
      </c>
      <c r="EL21" s="274">
        <v>88956</v>
      </c>
      <c r="EM21" s="274">
        <v>59716</v>
      </c>
      <c r="EN21" s="277">
        <v>509887</v>
      </c>
      <c r="EO21" s="278">
        <v>509887</v>
      </c>
      <c r="EP21" s="273">
        <v>0</v>
      </c>
      <c r="EQ21" s="274">
        <v>0</v>
      </c>
      <c r="ER21" s="275">
        <v>0</v>
      </c>
      <c r="ES21" s="279"/>
      <c r="ET21" s="274">
        <v>0</v>
      </c>
      <c r="EU21" s="274">
        <v>0</v>
      </c>
      <c r="EV21" s="274">
        <v>0</v>
      </c>
      <c r="EW21" s="274">
        <v>217</v>
      </c>
      <c r="EX21" s="274">
        <v>9837</v>
      </c>
      <c r="EY21" s="277">
        <v>10054</v>
      </c>
      <c r="EZ21" s="278">
        <v>10054</v>
      </c>
      <c r="FA21" s="273">
        <v>0</v>
      </c>
      <c r="FB21" s="274">
        <v>0</v>
      </c>
      <c r="FC21" s="275">
        <v>0</v>
      </c>
      <c r="FD21" s="279"/>
      <c r="FE21" s="274">
        <v>0</v>
      </c>
      <c r="FF21" s="274">
        <v>0</v>
      </c>
      <c r="FG21" s="274">
        <v>217</v>
      </c>
      <c r="FH21" s="274">
        <v>217</v>
      </c>
      <c r="FI21" s="274">
        <v>1085</v>
      </c>
      <c r="FJ21" s="277">
        <v>1519</v>
      </c>
      <c r="FK21" s="278">
        <v>1519</v>
      </c>
      <c r="FL21" s="273">
        <v>0</v>
      </c>
      <c r="FM21" s="274">
        <v>0</v>
      </c>
      <c r="FN21" s="275">
        <v>0</v>
      </c>
      <c r="FO21" s="279"/>
      <c r="FP21" s="274">
        <v>0</v>
      </c>
      <c r="FQ21" s="274">
        <v>21576</v>
      </c>
      <c r="FR21" s="274">
        <v>58342</v>
      </c>
      <c r="FS21" s="274">
        <v>216908</v>
      </c>
      <c r="FT21" s="274">
        <v>79918</v>
      </c>
      <c r="FU21" s="277">
        <v>376744</v>
      </c>
      <c r="FV21" s="278">
        <v>376744</v>
      </c>
      <c r="FW21" s="273">
        <v>0</v>
      </c>
      <c r="FX21" s="274">
        <v>4744</v>
      </c>
      <c r="FY21" s="275">
        <v>4744</v>
      </c>
      <c r="FZ21" s="276">
        <v>0</v>
      </c>
      <c r="GA21" s="274">
        <v>98557</v>
      </c>
      <c r="GB21" s="274">
        <v>148714</v>
      </c>
      <c r="GC21" s="274">
        <v>430316</v>
      </c>
      <c r="GD21" s="274">
        <v>347412</v>
      </c>
      <c r="GE21" s="274">
        <v>129203</v>
      </c>
      <c r="GF21" s="277">
        <v>1154202</v>
      </c>
      <c r="GG21" s="278">
        <v>1158946</v>
      </c>
      <c r="GH21" s="273">
        <v>0</v>
      </c>
      <c r="GI21" s="274">
        <v>0</v>
      </c>
      <c r="GJ21" s="275">
        <v>0</v>
      </c>
      <c r="GK21" s="276">
        <v>0</v>
      </c>
      <c r="GL21" s="274">
        <v>2356</v>
      </c>
      <c r="GM21" s="274">
        <v>21</v>
      </c>
      <c r="GN21" s="274">
        <v>0</v>
      </c>
      <c r="GO21" s="274">
        <v>3770</v>
      </c>
      <c r="GP21" s="274">
        <v>0</v>
      </c>
      <c r="GQ21" s="277">
        <v>6147</v>
      </c>
      <c r="GR21" s="278">
        <v>6147</v>
      </c>
      <c r="GS21" s="273">
        <v>0</v>
      </c>
      <c r="GT21" s="274">
        <v>0</v>
      </c>
      <c r="GU21" s="275">
        <v>0</v>
      </c>
      <c r="GV21" s="276">
        <v>0</v>
      </c>
      <c r="GW21" s="274">
        <v>0</v>
      </c>
      <c r="GX21" s="274">
        <v>0</v>
      </c>
      <c r="GY21" s="274">
        <v>0</v>
      </c>
      <c r="GZ21" s="274">
        <v>0</v>
      </c>
      <c r="HA21" s="274">
        <v>0</v>
      </c>
      <c r="HB21" s="277">
        <v>0</v>
      </c>
      <c r="HC21" s="278">
        <v>0</v>
      </c>
      <c r="HD21" s="273">
        <v>0</v>
      </c>
      <c r="HE21" s="274">
        <v>0</v>
      </c>
      <c r="HF21" s="275">
        <v>0</v>
      </c>
      <c r="HG21" s="279"/>
      <c r="HH21" s="274">
        <v>0</v>
      </c>
      <c r="HI21" s="274">
        <v>0</v>
      </c>
      <c r="HJ21" s="274">
        <v>0</v>
      </c>
      <c r="HK21" s="274">
        <v>0</v>
      </c>
      <c r="HL21" s="274">
        <v>0</v>
      </c>
      <c r="HM21" s="277">
        <v>0</v>
      </c>
      <c r="HN21" s="278">
        <v>0</v>
      </c>
      <c r="HO21" s="273">
        <v>0</v>
      </c>
      <c r="HP21" s="274">
        <v>7279</v>
      </c>
      <c r="HQ21" s="275">
        <v>7279</v>
      </c>
      <c r="HR21" s="276">
        <v>0</v>
      </c>
      <c r="HS21" s="274">
        <v>600181</v>
      </c>
      <c r="HT21" s="274">
        <v>1299148</v>
      </c>
      <c r="HU21" s="274">
        <v>4670998</v>
      </c>
      <c r="HV21" s="274">
        <v>8539789</v>
      </c>
      <c r="HW21" s="274">
        <v>5251980</v>
      </c>
      <c r="HX21" s="277">
        <v>20362096</v>
      </c>
      <c r="HY21" s="278">
        <v>20369375</v>
      </c>
    </row>
    <row r="22" spans="2:233" ht="21" customHeight="1" x14ac:dyDescent="0.2">
      <c r="B22" s="472" t="s">
        <v>19</v>
      </c>
      <c r="C22" s="273">
        <v>0</v>
      </c>
      <c r="D22" s="274">
        <v>0</v>
      </c>
      <c r="E22" s="275">
        <v>0</v>
      </c>
      <c r="F22" s="276">
        <v>0</v>
      </c>
      <c r="G22" s="274">
        <v>117620</v>
      </c>
      <c r="H22" s="274">
        <v>420888</v>
      </c>
      <c r="I22" s="274">
        <v>1500568</v>
      </c>
      <c r="J22" s="274">
        <v>1388119</v>
      </c>
      <c r="K22" s="274">
        <v>1105320</v>
      </c>
      <c r="L22" s="277">
        <v>4532515</v>
      </c>
      <c r="M22" s="278">
        <v>4532515</v>
      </c>
      <c r="N22" s="273">
        <v>0</v>
      </c>
      <c r="O22" s="274">
        <v>0</v>
      </c>
      <c r="P22" s="275">
        <v>0</v>
      </c>
      <c r="Q22" s="279"/>
      <c r="R22" s="274">
        <v>0</v>
      </c>
      <c r="S22" s="274">
        <v>43400</v>
      </c>
      <c r="T22" s="274">
        <v>1018475</v>
      </c>
      <c r="U22" s="274">
        <v>943085</v>
      </c>
      <c r="V22" s="274">
        <v>887500</v>
      </c>
      <c r="W22" s="277">
        <v>2892460</v>
      </c>
      <c r="X22" s="278">
        <v>2892460</v>
      </c>
      <c r="Y22" s="273">
        <v>0</v>
      </c>
      <c r="Z22" s="274">
        <v>0</v>
      </c>
      <c r="AA22" s="275">
        <v>0</v>
      </c>
      <c r="AB22" s="279"/>
      <c r="AC22" s="274">
        <v>105870</v>
      </c>
      <c r="AD22" s="274">
        <v>318445</v>
      </c>
      <c r="AE22" s="274">
        <v>415113</v>
      </c>
      <c r="AF22" s="274">
        <v>283330</v>
      </c>
      <c r="AG22" s="274">
        <v>184805</v>
      </c>
      <c r="AH22" s="277">
        <v>1307563</v>
      </c>
      <c r="AI22" s="278">
        <v>1307563</v>
      </c>
      <c r="AJ22" s="273">
        <v>0</v>
      </c>
      <c r="AK22" s="274">
        <v>0</v>
      </c>
      <c r="AL22" s="275">
        <v>0</v>
      </c>
      <c r="AM22" s="279"/>
      <c r="AN22" s="274">
        <v>0</v>
      </c>
      <c r="AO22" s="274">
        <v>0</v>
      </c>
      <c r="AP22" s="274">
        <v>0</v>
      </c>
      <c r="AQ22" s="274">
        <v>0</v>
      </c>
      <c r="AR22" s="274">
        <v>0</v>
      </c>
      <c r="AS22" s="277">
        <v>0</v>
      </c>
      <c r="AT22" s="278">
        <v>0</v>
      </c>
      <c r="AU22" s="273">
        <v>0</v>
      </c>
      <c r="AV22" s="274">
        <v>0</v>
      </c>
      <c r="AW22" s="275">
        <v>0</v>
      </c>
      <c r="AX22" s="279"/>
      <c r="AY22" s="274">
        <v>0</v>
      </c>
      <c r="AZ22" s="274">
        <v>0</v>
      </c>
      <c r="BA22" s="274">
        <v>0</v>
      </c>
      <c r="BB22" s="274">
        <v>384</v>
      </c>
      <c r="BC22" s="274">
        <v>0</v>
      </c>
      <c r="BD22" s="277">
        <v>384</v>
      </c>
      <c r="BE22" s="278">
        <v>384</v>
      </c>
      <c r="BF22" s="273">
        <v>0</v>
      </c>
      <c r="BG22" s="274">
        <v>0</v>
      </c>
      <c r="BH22" s="275">
        <v>0</v>
      </c>
      <c r="BI22" s="279"/>
      <c r="BJ22" s="274">
        <v>0</v>
      </c>
      <c r="BK22" s="274">
        <v>0</v>
      </c>
      <c r="BL22" s="274">
        <v>0</v>
      </c>
      <c r="BM22" s="274">
        <v>0</v>
      </c>
      <c r="BN22" s="274">
        <v>0</v>
      </c>
      <c r="BO22" s="277">
        <v>0</v>
      </c>
      <c r="BP22" s="278">
        <v>0</v>
      </c>
      <c r="BQ22" s="273">
        <v>0</v>
      </c>
      <c r="BR22" s="274">
        <v>0</v>
      </c>
      <c r="BS22" s="275">
        <v>0</v>
      </c>
      <c r="BT22" s="276">
        <v>0</v>
      </c>
      <c r="BU22" s="274">
        <v>11750</v>
      </c>
      <c r="BV22" s="274">
        <v>56723</v>
      </c>
      <c r="BW22" s="274">
        <v>66980</v>
      </c>
      <c r="BX22" s="274">
        <v>159580</v>
      </c>
      <c r="BY22" s="274">
        <v>33015</v>
      </c>
      <c r="BZ22" s="277">
        <v>328048</v>
      </c>
      <c r="CA22" s="278">
        <v>328048</v>
      </c>
      <c r="CB22" s="273">
        <v>0</v>
      </c>
      <c r="CC22" s="274">
        <v>0</v>
      </c>
      <c r="CD22" s="275">
        <v>0</v>
      </c>
      <c r="CE22" s="276">
        <v>0</v>
      </c>
      <c r="CF22" s="274">
        <v>0</v>
      </c>
      <c r="CG22" s="274">
        <v>2320</v>
      </c>
      <c r="CH22" s="274">
        <v>0</v>
      </c>
      <c r="CI22" s="274">
        <v>1740</v>
      </c>
      <c r="CJ22" s="274">
        <v>0</v>
      </c>
      <c r="CK22" s="277">
        <v>4060</v>
      </c>
      <c r="CL22" s="278">
        <v>4060</v>
      </c>
      <c r="CM22" s="273">
        <v>0</v>
      </c>
      <c r="CN22" s="274">
        <v>0</v>
      </c>
      <c r="CO22" s="275">
        <v>0</v>
      </c>
      <c r="CP22" s="276">
        <v>0</v>
      </c>
      <c r="CQ22" s="274">
        <v>0</v>
      </c>
      <c r="CR22" s="274">
        <v>0</v>
      </c>
      <c r="CS22" s="274">
        <v>0</v>
      </c>
      <c r="CT22" s="274">
        <v>0</v>
      </c>
      <c r="CU22" s="274">
        <v>0</v>
      </c>
      <c r="CV22" s="277">
        <v>0</v>
      </c>
      <c r="CW22" s="278">
        <v>0</v>
      </c>
      <c r="CX22" s="273">
        <v>0</v>
      </c>
      <c r="CY22" s="274">
        <v>0</v>
      </c>
      <c r="CZ22" s="275">
        <v>0</v>
      </c>
      <c r="DA22" s="279"/>
      <c r="DB22" s="274">
        <v>0</v>
      </c>
      <c r="DC22" s="274">
        <v>0</v>
      </c>
      <c r="DD22" s="274">
        <v>0</v>
      </c>
      <c r="DE22" s="274">
        <v>0</v>
      </c>
      <c r="DF22" s="274">
        <v>0</v>
      </c>
      <c r="DG22" s="277">
        <v>0</v>
      </c>
      <c r="DH22" s="278">
        <v>0</v>
      </c>
      <c r="DI22" s="273">
        <v>0</v>
      </c>
      <c r="DJ22" s="274">
        <v>0</v>
      </c>
      <c r="DK22" s="275">
        <v>0</v>
      </c>
      <c r="DL22" s="276">
        <v>0</v>
      </c>
      <c r="DM22" s="274">
        <v>26767</v>
      </c>
      <c r="DN22" s="274">
        <v>197731</v>
      </c>
      <c r="DO22" s="274">
        <v>1609757</v>
      </c>
      <c r="DP22" s="274">
        <v>1581552</v>
      </c>
      <c r="DQ22" s="274">
        <v>1151830</v>
      </c>
      <c r="DR22" s="277">
        <v>4567637</v>
      </c>
      <c r="DS22" s="280">
        <v>4567637</v>
      </c>
      <c r="DT22" s="273">
        <v>0</v>
      </c>
      <c r="DU22" s="274">
        <v>0</v>
      </c>
      <c r="DV22" s="275">
        <v>0</v>
      </c>
      <c r="DW22" s="279"/>
      <c r="DX22" s="274">
        <v>0</v>
      </c>
      <c r="DY22" s="274">
        <v>84227</v>
      </c>
      <c r="DZ22" s="274">
        <v>1513474</v>
      </c>
      <c r="EA22" s="274">
        <v>1374378</v>
      </c>
      <c r="EB22" s="274">
        <v>1080458</v>
      </c>
      <c r="EC22" s="277">
        <v>4052537</v>
      </c>
      <c r="ED22" s="278">
        <v>4052537</v>
      </c>
      <c r="EE22" s="273">
        <v>0</v>
      </c>
      <c r="EF22" s="274">
        <v>0</v>
      </c>
      <c r="EG22" s="275">
        <v>0</v>
      </c>
      <c r="EH22" s="279"/>
      <c r="EI22" s="274">
        <v>13024</v>
      </c>
      <c r="EJ22" s="274">
        <v>39560</v>
      </c>
      <c r="EK22" s="274">
        <v>16596</v>
      </c>
      <c r="EL22" s="274">
        <v>61874</v>
      </c>
      <c r="EM22" s="274">
        <v>21372</v>
      </c>
      <c r="EN22" s="277">
        <v>152426</v>
      </c>
      <c r="EO22" s="278">
        <v>152426</v>
      </c>
      <c r="EP22" s="273">
        <v>0</v>
      </c>
      <c r="EQ22" s="274">
        <v>0</v>
      </c>
      <c r="ER22" s="275">
        <v>0</v>
      </c>
      <c r="ES22" s="279"/>
      <c r="ET22" s="274">
        <v>0</v>
      </c>
      <c r="EU22" s="274">
        <v>0</v>
      </c>
      <c r="EV22" s="274">
        <v>0</v>
      </c>
      <c r="EW22" s="274">
        <v>0</v>
      </c>
      <c r="EX22" s="274">
        <v>0</v>
      </c>
      <c r="EY22" s="277">
        <v>0</v>
      </c>
      <c r="EZ22" s="278">
        <v>0</v>
      </c>
      <c r="FA22" s="273">
        <v>0</v>
      </c>
      <c r="FB22" s="274">
        <v>0</v>
      </c>
      <c r="FC22" s="275">
        <v>0</v>
      </c>
      <c r="FD22" s="279"/>
      <c r="FE22" s="274">
        <v>0</v>
      </c>
      <c r="FF22" s="274">
        <v>0</v>
      </c>
      <c r="FG22" s="274">
        <v>0</v>
      </c>
      <c r="FH22" s="274">
        <v>0</v>
      </c>
      <c r="FI22" s="274">
        <v>0</v>
      </c>
      <c r="FJ22" s="277">
        <v>0</v>
      </c>
      <c r="FK22" s="278">
        <v>0</v>
      </c>
      <c r="FL22" s="273">
        <v>0</v>
      </c>
      <c r="FM22" s="274">
        <v>0</v>
      </c>
      <c r="FN22" s="275">
        <v>0</v>
      </c>
      <c r="FO22" s="279"/>
      <c r="FP22" s="274">
        <v>0</v>
      </c>
      <c r="FQ22" s="274">
        <v>0</v>
      </c>
      <c r="FR22" s="274">
        <v>0</v>
      </c>
      <c r="FS22" s="274">
        <v>0</v>
      </c>
      <c r="FT22" s="274">
        <v>0</v>
      </c>
      <c r="FU22" s="277">
        <v>0</v>
      </c>
      <c r="FV22" s="278">
        <v>0</v>
      </c>
      <c r="FW22" s="273">
        <v>0</v>
      </c>
      <c r="FX22" s="274">
        <v>0</v>
      </c>
      <c r="FY22" s="275">
        <v>0</v>
      </c>
      <c r="FZ22" s="276">
        <v>0</v>
      </c>
      <c r="GA22" s="274">
        <v>13743</v>
      </c>
      <c r="GB22" s="274">
        <v>66068</v>
      </c>
      <c r="GC22" s="274">
        <v>79687</v>
      </c>
      <c r="GD22" s="274">
        <v>136708</v>
      </c>
      <c r="GE22" s="274">
        <v>50000</v>
      </c>
      <c r="GF22" s="277">
        <v>346206</v>
      </c>
      <c r="GG22" s="278">
        <v>346206</v>
      </c>
      <c r="GH22" s="273">
        <v>0</v>
      </c>
      <c r="GI22" s="274">
        <v>0</v>
      </c>
      <c r="GJ22" s="275">
        <v>0</v>
      </c>
      <c r="GK22" s="276">
        <v>0</v>
      </c>
      <c r="GL22" s="274">
        <v>0</v>
      </c>
      <c r="GM22" s="274">
        <v>7876</v>
      </c>
      <c r="GN22" s="274">
        <v>0</v>
      </c>
      <c r="GO22" s="274">
        <v>8592</v>
      </c>
      <c r="GP22" s="274">
        <v>0</v>
      </c>
      <c r="GQ22" s="277">
        <v>16468</v>
      </c>
      <c r="GR22" s="278">
        <v>16468</v>
      </c>
      <c r="GS22" s="273">
        <v>0</v>
      </c>
      <c r="GT22" s="274">
        <v>0</v>
      </c>
      <c r="GU22" s="275">
        <v>0</v>
      </c>
      <c r="GV22" s="276">
        <v>0</v>
      </c>
      <c r="GW22" s="274">
        <v>0</v>
      </c>
      <c r="GX22" s="274">
        <v>0</v>
      </c>
      <c r="GY22" s="274">
        <v>0</v>
      </c>
      <c r="GZ22" s="274">
        <v>0</v>
      </c>
      <c r="HA22" s="274">
        <v>0</v>
      </c>
      <c r="HB22" s="277">
        <v>0</v>
      </c>
      <c r="HC22" s="278">
        <v>0</v>
      </c>
      <c r="HD22" s="273">
        <v>0</v>
      </c>
      <c r="HE22" s="274">
        <v>0</v>
      </c>
      <c r="HF22" s="275">
        <v>0</v>
      </c>
      <c r="HG22" s="279"/>
      <c r="HH22" s="274">
        <v>0</v>
      </c>
      <c r="HI22" s="274">
        <v>0</v>
      </c>
      <c r="HJ22" s="274">
        <v>0</v>
      </c>
      <c r="HK22" s="274">
        <v>0</v>
      </c>
      <c r="HL22" s="274">
        <v>0</v>
      </c>
      <c r="HM22" s="277">
        <v>0</v>
      </c>
      <c r="HN22" s="278">
        <v>0</v>
      </c>
      <c r="HO22" s="273">
        <v>0</v>
      </c>
      <c r="HP22" s="274">
        <v>0</v>
      </c>
      <c r="HQ22" s="275">
        <v>0</v>
      </c>
      <c r="HR22" s="276">
        <v>0</v>
      </c>
      <c r="HS22" s="274">
        <v>144387</v>
      </c>
      <c r="HT22" s="274">
        <v>618619</v>
      </c>
      <c r="HU22" s="274">
        <v>3110325</v>
      </c>
      <c r="HV22" s="274">
        <v>2969671</v>
      </c>
      <c r="HW22" s="274">
        <v>2257150</v>
      </c>
      <c r="HX22" s="277">
        <v>9100152</v>
      </c>
      <c r="HY22" s="278">
        <v>9100152</v>
      </c>
    </row>
    <row r="23" spans="2:233" ht="21" customHeight="1" x14ac:dyDescent="0.2">
      <c r="B23" s="472" t="s">
        <v>20</v>
      </c>
      <c r="C23" s="273">
        <v>0</v>
      </c>
      <c r="D23" s="274">
        <v>6465</v>
      </c>
      <c r="E23" s="275">
        <v>6465</v>
      </c>
      <c r="F23" s="276">
        <v>0</v>
      </c>
      <c r="G23" s="274">
        <v>187505</v>
      </c>
      <c r="H23" s="274">
        <v>417115</v>
      </c>
      <c r="I23" s="274">
        <v>1579870</v>
      </c>
      <c r="J23" s="274">
        <v>1523625</v>
      </c>
      <c r="K23" s="274">
        <v>548480</v>
      </c>
      <c r="L23" s="277">
        <v>4256595</v>
      </c>
      <c r="M23" s="278">
        <v>4263060</v>
      </c>
      <c r="N23" s="273">
        <v>0</v>
      </c>
      <c r="O23" s="274">
        <v>0</v>
      </c>
      <c r="P23" s="275">
        <v>0</v>
      </c>
      <c r="Q23" s="279"/>
      <c r="R23" s="274">
        <v>40680</v>
      </c>
      <c r="S23" s="274">
        <v>224555</v>
      </c>
      <c r="T23" s="274">
        <v>1173530</v>
      </c>
      <c r="U23" s="274">
        <v>1266185</v>
      </c>
      <c r="V23" s="274">
        <v>469910</v>
      </c>
      <c r="W23" s="277">
        <v>3174860</v>
      </c>
      <c r="X23" s="278">
        <v>3174860</v>
      </c>
      <c r="Y23" s="273">
        <v>0</v>
      </c>
      <c r="Z23" s="274">
        <v>0</v>
      </c>
      <c r="AA23" s="275">
        <v>0</v>
      </c>
      <c r="AB23" s="279"/>
      <c r="AC23" s="274">
        <v>103385</v>
      </c>
      <c r="AD23" s="274">
        <v>135780</v>
      </c>
      <c r="AE23" s="274">
        <v>279415</v>
      </c>
      <c r="AF23" s="274">
        <v>181915</v>
      </c>
      <c r="AG23" s="274">
        <v>62465</v>
      </c>
      <c r="AH23" s="277">
        <v>762960</v>
      </c>
      <c r="AI23" s="278">
        <v>762960</v>
      </c>
      <c r="AJ23" s="273">
        <v>0</v>
      </c>
      <c r="AK23" s="274">
        <v>0</v>
      </c>
      <c r="AL23" s="275">
        <v>0</v>
      </c>
      <c r="AM23" s="279"/>
      <c r="AN23" s="274">
        <v>0</v>
      </c>
      <c r="AO23" s="274">
        <v>0</v>
      </c>
      <c r="AP23" s="274">
        <v>0</v>
      </c>
      <c r="AQ23" s="274">
        <v>0</v>
      </c>
      <c r="AR23" s="274">
        <v>0</v>
      </c>
      <c r="AS23" s="277">
        <v>0</v>
      </c>
      <c r="AT23" s="278">
        <v>0</v>
      </c>
      <c r="AU23" s="273">
        <v>0</v>
      </c>
      <c r="AV23" s="274">
        <v>0</v>
      </c>
      <c r="AW23" s="275">
        <v>0</v>
      </c>
      <c r="AX23" s="279"/>
      <c r="AY23" s="274">
        <v>0</v>
      </c>
      <c r="AZ23" s="274">
        <v>0</v>
      </c>
      <c r="BA23" s="274">
        <v>0</v>
      </c>
      <c r="BB23" s="274">
        <v>0</v>
      </c>
      <c r="BC23" s="274">
        <v>0</v>
      </c>
      <c r="BD23" s="277">
        <v>0</v>
      </c>
      <c r="BE23" s="278">
        <v>0</v>
      </c>
      <c r="BF23" s="273">
        <v>0</v>
      </c>
      <c r="BG23" s="274">
        <v>0</v>
      </c>
      <c r="BH23" s="275">
        <v>0</v>
      </c>
      <c r="BI23" s="279"/>
      <c r="BJ23" s="274">
        <v>0</v>
      </c>
      <c r="BK23" s="274">
        <v>0</v>
      </c>
      <c r="BL23" s="274">
        <v>0</v>
      </c>
      <c r="BM23" s="274">
        <v>0</v>
      </c>
      <c r="BN23" s="274">
        <v>0</v>
      </c>
      <c r="BO23" s="277">
        <v>0</v>
      </c>
      <c r="BP23" s="278">
        <v>0</v>
      </c>
      <c r="BQ23" s="273">
        <v>0</v>
      </c>
      <c r="BR23" s="274">
        <v>6465</v>
      </c>
      <c r="BS23" s="275">
        <v>6465</v>
      </c>
      <c r="BT23" s="276">
        <v>0</v>
      </c>
      <c r="BU23" s="274">
        <v>43440</v>
      </c>
      <c r="BV23" s="274">
        <v>56055</v>
      </c>
      <c r="BW23" s="274">
        <v>125175</v>
      </c>
      <c r="BX23" s="274">
        <v>73785</v>
      </c>
      <c r="BY23" s="274">
        <v>16105</v>
      </c>
      <c r="BZ23" s="277">
        <v>314560</v>
      </c>
      <c r="CA23" s="278">
        <v>321025</v>
      </c>
      <c r="CB23" s="273">
        <v>0</v>
      </c>
      <c r="CC23" s="274">
        <v>0</v>
      </c>
      <c r="CD23" s="275">
        <v>0</v>
      </c>
      <c r="CE23" s="276">
        <v>0</v>
      </c>
      <c r="CF23" s="274">
        <v>0</v>
      </c>
      <c r="CG23" s="274">
        <v>725</v>
      </c>
      <c r="CH23" s="274">
        <v>1750</v>
      </c>
      <c r="CI23" s="274">
        <v>1740</v>
      </c>
      <c r="CJ23" s="274">
        <v>0</v>
      </c>
      <c r="CK23" s="277">
        <v>4215</v>
      </c>
      <c r="CL23" s="278">
        <v>4215</v>
      </c>
      <c r="CM23" s="273">
        <v>0</v>
      </c>
      <c r="CN23" s="274">
        <v>0</v>
      </c>
      <c r="CO23" s="275">
        <v>0</v>
      </c>
      <c r="CP23" s="276">
        <v>0</v>
      </c>
      <c r="CQ23" s="274">
        <v>0</v>
      </c>
      <c r="CR23" s="274">
        <v>0</v>
      </c>
      <c r="CS23" s="274">
        <v>0</v>
      </c>
      <c r="CT23" s="274">
        <v>0</v>
      </c>
      <c r="CU23" s="274">
        <v>0</v>
      </c>
      <c r="CV23" s="277">
        <v>0</v>
      </c>
      <c r="CW23" s="278">
        <v>0</v>
      </c>
      <c r="CX23" s="273">
        <v>0</v>
      </c>
      <c r="CY23" s="274">
        <v>0</v>
      </c>
      <c r="CZ23" s="275">
        <v>0</v>
      </c>
      <c r="DA23" s="279"/>
      <c r="DB23" s="274">
        <v>0</v>
      </c>
      <c r="DC23" s="274">
        <v>0</v>
      </c>
      <c r="DD23" s="274">
        <v>0</v>
      </c>
      <c r="DE23" s="274">
        <v>0</v>
      </c>
      <c r="DF23" s="274">
        <v>0</v>
      </c>
      <c r="DG23" s="277">
        <v>0</v>
      </c>
      <c r="DH23" s="278">
        <v>0</v>
      </c>
      <c r="DI23" s="273">
        <v>0</v>
      </c>
      <c r="DJ23" s="274">
        <v>11629</v>
      </c>
      <c r="DK23" s="275">
        <v>11629</v>
      </c>
      <c r="DL23" s="276">
        <v>0</v>
      </c>
      <c r="DM23" s="274">
        <v>183045</v>
      </c>
      <c r="DN23" s="274">
        <v>519378</v>
      </c>
      <c r="DO23" s="274">
        <v>1988679</v>
      </c>
      <c r="DP23" s="274">
        <v>2475121</v>
      </c>
      <c r="DQ23" s="274">
        <v>845688</v>
      </c>
      <c r="DR23" s="277">
        <v>6011911</v>
      </c>
      <c r="DS23" s="280">
        <v>6023540</v>
      </c>
      <c r="DT23" s="273">
        <v>0</v>
      </c>
      <c r="DU23" s="274">
        <v>0</v>
      </c>
      <c r="DV23" s="275">
        <v>0</v>
      </c>
      <c r="DW23" s="279"/>
      <c r="DX23" s="274">
        <v>62682</v>
      </c>
      <c r="DY23" s="274">
        <v>368397</v>
      </c>
      <c r="DZ23" s="274">
        <v>1679273</v>
      </c>
      <c r="EA23" s="274">
        <v>2219663</v>
      </c>
      <c r="EB23" s="274">
        <v>757739</v>
      </c>
      <c r="EC23" s="277">
        <v>5087754</v>
      </c>
      <c r="ED23" s="278">
        <v>5087754</v>
      </c>
      <c r="EE23" s="273">
        <v>0</v>
      </c>
      <c r="EF23" s="274">
        <v>0</v>
      </c>
      <c r="EG23" s="275">
        <v>0</v>
      </c>
      <c r="EH23" s="279"/>
      <c r="EI23" s="274">
        <v>23870</v>
      </c>
      <c r="EJ23" s="274">
        <v>24366</v>
      </c>
      <c r="EK23" s="274">
        <v>41444</v>
      </c>
      <c r="EL23" s="274">
        <v>27795</v>
      </c>
      <c r="EM23" s="274">
        <v>1519</v>
      </c>
      <c r="EN23" s="277">
        <v>118994</v>
      </c>
      <c r="EO23" s="278">
        <v>118994</v>
      </c>
      <c r="EP23" s="273">
        <v>0</v>
      </c>
      <c r="EQ23" s="274">
        <v>0</v>
      </c>
      <c r="ER23" s="275">
        <v>0</v>
      </c>
      <c r="ES23" s="279"/>
      <c r="ET23" s="274">
        <v>0</v>
      </c>
      <c r="EU23" s="274">
        <v>0</v>
      </c>
      <c r="EV23" s="274">
        <v>0</v>
      </c>
      <c r="EW23" s="274">
        <v>0</v>
      </c>
      <c r="EX23" s="274">
        <v>0</v>
      </c>
      <c r="EY23" s="277">
        <v>0</v>
      </c>
      <c r="EZ23" s="278">
        <v>0</v>
      </c>
      <c r="FA23" s="273">
        <v>0</v>
      </c>
      <c r="FB23" s="274">
        <v>0</v>
      </c>
      <c r="FC23" s="275">
        <v>0</v>
      </c>
      <c r="FD23" s="279"/>
      <c r="FE23" s="274">
        <v>0</v>
      </c>
      <c r="FF23" s="274">
        <v>0</v>
      </c>
      <c r="FG23" s="274">
        <v>0</v>
      </c>
      <c r="FH23" s="274">
        <v>0</v>
      </c>
      <c r="FI23" s="274">
        <v>0</v>
      </c>
      <c r="FJ23" s="277">
        <v>0</v>
      </c>
      <c r="FK23" s="278">
        <v>0</v>
      </c>
      <c r="FL23" s="273">
        <v>0</v>
      </c>
      <c r="FM23" s="274">
        <v>0</v>
      </c>
      <c r="FN23" s="275">
        <v>0</v>
      </c>
      <c r="FO23" s="279"/>
      <c r="FP23" s="274">
        <v>0</v>
      </c>
      <c r="FQ23" s="274">
        <v>0</v>
      </c>
      <c r="FR23" s="274">
        <v>0</v>
      </c>
      <c r="FS23" s="274">
        <v>0</v>
      </c>
      <c r="FT23" s="274">
        <v>0</v>
      </c>
      <c r="FU23" s="277">
        <v>0</v>
      </c>
      <c r="FV23" s="278">
        <v>0</v>
      </c>
      <c r="FW23" s="273">
        <v>0</v>
      </c>
      <c r="FX23" s="274">
        <v>11629</v>
      </c>
      <c r="FY23" s="275">
        <v>11629</v>
      </c>
      <c r="FZ23" s="276">
        <v>0</v>
      </c>
      <c r="GA23" s="274">
        <v>96493</v>
      </c>
      <c r="GB23" s="274">
        <v>123751</v>
      </c>
      <c r="GC23" s="274">
        <v>263666</v>
      </c>
      <c r="GD23" s="274">
        <v>227579</v>
      </c>
      <c r="GE23" s="274">
        <v>86430</v>
      </c>
      <c r="GF23" s="277">
        <v>797919</v>
      </c>
      <c r="GG23" s="278">
        <v>809548</v>
      </c>
      <c r="GH23" s="273">
        <v>0</v>
      </c>
      <c r="GI23" s="274">
        <v>0</v>
      </c>
      <c r="GJ23" s="275">
        <v>0</v>
      </c>
      <c r="GK23" s="276">
        <v>0</v>
      </c>
      <c r="GL23" s="274">
        <v>0</v>
      </c>
      <c r="GM23" s="274">
        <v>2864</v>
      </c>
      <c r="GN23" s="274">
        <v>4296</v>
      </c>
      <c r="GO23" s="274">
        <v>84</v>
      </c>
      <c r="GP23" s="274">
        <v>0</v>
      </c>
      <c r="GQ23" s="277">
        <v>7244</v>
      </c>
      <c r="GR23" s="278">
        <v>7244</v>
      </c>
      <c r="GS23" s="273">
        <v>0</v>
      </c>
      <c r="GT23" s="274">
        <v>0</v>
      </c>
      <c r="GU23" s="275">
        <v>0</v>
      </c>
      <c r="GV23" s="276">
        <v>0</v>
      </c>
      <c r="GW23" s="274">
        <v>0</v>
      </c>
      <c r="GX23" s="274">
        <v>0</v>
      </c>
      <c r="GY23" s="274">
        <v>0</v>
      </c>
      <c r="GZ23" s="274">
        <v>0</v>
      </c>
      <c r="HA23" s="274">
        <v>0</v>
      </c>
      <c r="HB23" s="277">
        <v>0</v>
      </c>
      <c r="HC23" s="278">
        <v>0</v>
      </c>
      <c r="HD23" s="273">
        <v>0</v>
      </c>
      <c r="HE23" s="274">
        <v>0</v>
      </c>
      <c r="HF23" s="275">
        <v>0</v>
      </c>
      <c r="HG23" s="279"/>
      <c r="HH23" s="274">
        <v>0</v>
      </c>
      <c r="HI23" s="274">
        <v>0</v>
      </c>
      <c r="HJ23" s="274">
        <v>0</v>
      </c>
      <c r="HK23" s="274">
        <v>0</v>
      </c>
      <c r="HL23" s="274">
        <v>0</v>
      </c>
      <c r="HM23" s="277">
        <v>0</v>
      </c>
      <c r="HN23" s="278">
        <v>0</v>
      </c>
      <c r="HO23" s="273">
        <v>0</v>
      </c>
      <c r="HP23" s="274">
        <v>18094</v>
      </c>
      <c r="HQ23" s="275">
        <v>18094</v>
      </c>
      <c r="HR23" s="276">
        <v>0</v>
      </c>
      <c r="HS23" s="274">
        <v>370550</v>
      </c>
      <c r="HT23" s="274">
        <v>936493</v>
      </c>
      <c r="HU23" s="274">
        <v>3568549</v>
      </c>
      <c r="HV23" s="274">
        <v>3998746</v>
      </c>
      <c r="HW23" s="274">
        <v>1394168</v>
      </c>
      <c r="HX23" s="277">
        <v>10268506</v>
      </c>
      <c r="HY23" s="278">
        <v>10286600</v>
      </c>
    </row>
    <row r="24" spans="2:233" ht="21" customHeight="1" x14ac:dyDescent="0.2">
      <c r="B24" s="472" t="s">
        <v>21</v>
      </c>
      <c r="C24" s="273">
        <v>0</v>
      </c>
      <c r="D24" s="274">
        <v>0</v>
      </c>
      <c r="E24" s="275">
        <v>0</v>
      </c>
      <c r="F24" s="276">
        <v>0</v>
      </c>
      <c r="G24" s="274">
        <v>124615</v>
      </c>
      <c r="H24" s="274">
        <v>436230</v>
      </c>
      <c r="I24" s="274">
        <v>2009846</v>
      </c>
      <c r="J24" s="274">
        <v>1724162</v>
      </c>
      <c r="K24" s="274">
        <v>1423353</v>
      </c>
      <c r="L24" s="277">
        <v>5718206</v>
      </c>
      <c r="M24" s="278">
        <v>5718206</v>
      </c>
      <c r="N24" s="273">
        <v>0</v>
      </c>
      <c r="O24" s="274">
        <v>0</v>
      </c>
      <c r="P24" s="275">
        <v>0</v>
      </c>
      <c r="Q24" s="279"/>
      <c r="R24" s="274">
        <v>35495</v>
      </c>
      <c r="S24" s="274">
        <v>180875</v>
      </c>
      <c r="T24" s="274">
        <v>1713661</v>
      </c>
      <c r="U24" s="274">
        <v>1272261</v>
      </c>
      <c r="V24" s="274">
        <v>1020363</v>
      </c>
      <c r="W24" s="277">
        <v>4222655</v>
      </c>
      <c r="X24" s="278">
        <v>4222655</v>
      </c>
      <c r="Y24" s="273">
        <v>0</v>
      </c>
      <c r="Z24" s="274">
        <v>0</v>
      </c>
      <c r="AA24" s="275">
        <v>0</v>
      </c>
      <c r="AB24" s="279"/>
      <c r="AC24" s="274">
        <v>62235</v>
      </c>
      <c r="AD24" s="274">
        <v>185055</v>
      </c>
      <c r="AE24" s="274">
        <v>186110</v>
      </c>
      <c r="AF24" s="274">
        <v>197190</v>
      </c>
      <c r="AG24" s="274">
        <v>236040</v>
      </c>
      <c r="AH24" s="277">
        <v>866630</v>
      </c>
      <c r="AI24" s="278">
        <v>866630</v>
      </c>
      <c r="AJ24" s="273">
        <v>0</v>
      </c>
      <c r="AK24" s="274">
        <v>0</v>
      </c>
      <c r="AL24" s="275">
        <v>0</v>
      </c>
      <c r="AM24" s="279"/>
      <c r="AN24" s="274">
        <v>0</v>
      </c>
      <c r="AO24" s="274">
        <v>0</v>
      </c>
      <c r="AP24" s="274">
        <v>0</v>
      </c>
      <c r="AQ24" s="274">
        <v>32705</v>
      </c>
      <c r="AR24" s="274">
        <v>5270</v>
      </c>
      <c r="AS24" s="277">
        <v>37975</v>
      </c>
      <c r="AT24" s="278">
        <v>37975</v>
      </c>
      <c r="AU24" s="273">
        <v>0</v>
      </c>
      <c r="AV24" s="274">
        <v>0</v>
      </c>
      <c r="AW24" s="275">
        <v>0</v>
      </c>
      <c r="AX24" s="279"/>
      <c r="AY24" s="274">
        <v>0</v>
      </c>
      <c r="AZ24" s="274">
        <v>0</v>
      </c>
      <c r="BA24" s="274">
        <v>35495</v>
      </c>
      <c r="BB24" s="274">
        <v>35960</v>
      </c>
      <c r="BC24" s="274">
        <v>113085</v>
      </c>
      <c r="BD24" s="277">
        <v>184540</v>
      </c>
      <c r="BE24" s="278">
        <v>184540</v>
      </c>
      <c r="BF24" s="273">
        <v>0</v>
      </c>
      <c r="BG24" s="274">
        <v>0</v>
      </c>
      <c r="BH24" s="275">
        <v>0</v>
      </c>
      <c r="BI24" s="279"/>
      <c r="BJ24" s="274">
        <v>0</v>
      </c>
      <c r="BK24" s="274">
        <v>0</v>
      </c>
      <c r="BL24" s="274">
        <v>0</v>
      </c>
      <c r="BM24" s="274">
        <v>0</v>
      </c>
      <c r="BN24" s="274">
        <v>0</v>
      </c>
      <c r="BO24" s="277">
        <v>0</v>
      </c>
      <c r="BP24" s="278">
        <v>0</v>
      </c>
      <c r="BQ24" s="273">
        <v>0</v>
      </c>
      <c r="BR24" s="274">
        <v>0</v>
      </c>
      <c r="BS24" s="275">
        <v>0</v>
      </c>
      <c r="BT24" s="276">
        <v>0</v>
      </c>
      <c r="BU24" s="274">
        <v>26450</v>
      </c>
      <c r="BV24" s="274">
        <v>70300</v>
      </c>
      <c r="BW24" s="274">
        <v>72248</v>
      </c>
      <c r="BX24" s="274">
        <v>181869</v>
      </c>
      <c r="BY24" s="274">
        <v>48595</v>
      </c>
      <c r="BZ24" s="277">
        <v>399462</v>
      </c>
      <c r="CA24" s="278">
        <v>399462</v>
      </c>
      <c r="CB24" s="273">
        <v>0</v>
      </c>
      <c r="CC24" s="274">
        <v>0</v>
      </c>
      <c r="CD24" s="275">
        <v>0</v>
      </c>
      <c r="CE24" s="276">
        <v>0</v>
      </c>
      <c r="CF24" s="274">
        <v>435</v>
      </c>
      <c r="CG24" s="274">
        <v>0</v>
      </c>
      <c r="CH24" s="274">
        <v>2332</v>
      </c>
      <c r="CI24" s="274">
        <v>4177</v>
      </c>
      <c r="CJ24" s="274">
        <v>0</v>
      </c>
      <c r="CK24" s="277">
        <v>6944</v>
      </c>
      <c r="CL24" s="278">
        <v>6944</v>
      </c>
      <c r="CM24" s="273">
        <v>0</v>
      </c>
      <c r="CN24" s="274">
        <v>0</v>
      </c>
      <c r="CO24" s="275">
        <v>0</v>
      </c>
      <c r="CP24" s="276">
        <v>0</v>
      </c>
      <c r="CQ24" s="274">
        <v>0</v>
      </c>
      <c r="CR24" s="274">
        <v>0</v>
      </c>
      <c r="CS24" s="274">
        <v>0</v>
      </c>
      <c r="CT24" s="274">
        <v>0</v>
      </c>
      <c r="CU24" s="274">
        <v>0</v>
      </c>
      <c r="CV24" s="277">
        <v>0</v>
      </c>
      <c r="CW24" s="278">
        <v>0</v>
      </c>
      <c r="CX24" s="273">
        <v>0</v>
      </c>
      <c r="CY24" s="274">
        <v>0</v>
      </c>
      <c r="CZ24" s="275">
        <v>0</v>
      </c>
      <c r="DA24" s="279"/>
      <c r="DB24" s="274">
        <v>0</v>
      </c>
      <c r="DC24" s="274">
        <v>0</v>
      </c>
      <c r="DD24" s="274">
        <v>0</v>
      </c>
      <c r="DE24" s="274">
        <v>0</v>
      </c>
      <c r="DF24" s="274">
        <v>0</v>
      </c>
      <c r="DG24" s="277">
        <v>0</v>
      </c>
      <c r="DH24" s="278">
        <v>0</v>
      </c>
      <c r="DI24" s="273">
        <v>0</v>
      </c>
      <c r="DJ24" s="274">
        <v>0</v>
      </c>
      <c r="DK24" s="275">
        <v>0</v>
      </c>
      <c r="DL24" s="276">
        <v>0</v>
      </c>
      <c r="DM24" s="274">
        <v>84918</v>
      </c>
      <c r="DN24" s="274">
        <v>345445</v>
      </c>
      <c r="DO24" s="274">
        <v>2252300</v>
      </c>
      <c r="DP24" s="274">
        <v>2259730</v>
      </c>
      <c r="DQ24" s="274">
        <v>1436589</v>
      </c>
      <c r="DR24" s="277">
        <v>6378982</v>
      </c>
      <c r="DS24" s="280">
        <v>6378982</v>
      </c>
      <c r="DT24" s="273">
        <v>0</v>
      </c>
      <c r="DU24" s="274">
        <v>0</v>
      </c>
      <c r="DV24" s="275">
        <v>0</v>
      </c>
      <c r="DW24" s="279"/>
      <c r="DX24" s="274">
        <v>26505</v>
      </c>
      <c r="DY24" s="274">
        <v>183857</v>
      </c>
      <c r="DZ24" s="274">
        <v>2057271</v>
      </c>
      <c r="EA24" s="274">
        <v>1898727</v>
      </c>
      <c r="EB24" s="274">
        <v>1302005</v>
      </c>
      <c r="EC24" s="277">
        <v>5468365</v>
      </c>
      <c r="ED24" s="278">
        <v>5468365</v>
      </c>
      <c r="EE24" s="273">
        <v>0</v>
      </c>
      <c r="EF24" s="274">
        <v>0</v>
      </c>
      <c r="EG24" s="275">
        <v>0</v>
      </c>
      <c r="EH24" s="279"/>
      <c r="EI24" s="274">
        <v>2422</v>
      </c>
      <c r="EJ24" s="274">
        <v>34627</v>
      </c>
      <c r="EK24" s="274">
        <v>36362</v>
      </c>
      <c r="EL24" s="274">
        <v>19707</v>
      </c>
      <c r="EM24" s="274">
        <v>24847</v>
      </c>
      <c r="EN24" s="277">
        <v>117965</v>
      </c>
      <c r="EO24" s="278">
        <v>117965</v>
      </c>
      <c r="EP24" s="273">
        <v>0</v>
      </c>
      <c r="EQ24" s="274">
        <v>0</v>
      </c>
      <c r="ER24" s="275">
        <v>0</v>
      </c>
      <c r="ES24" s="279"/>
      <c r="ET24" s="274">
        <v>0</v>
      </c>
      <c r="EU24" s="274">
        <v>0</v>
      </c>
      <c r="EV24" s="274">
        <v>0</v>
      </c>
      <c r="EW24" s="274">
        <v>0</v>
      </c>
      <c r="EX24" s="274">
        <v>217</v>
      </c>
      <c r="EY24" s="277">
        <v>217</v>
      </c>
      <c r="EZ24" s="278">
        <v>217</v>
      </c>
      <c r="FA24" s="273">
        <v>0</v>
      </c>
      <c r="FB24" s="274">
        <v>0</v>
      </c>
      <c r="FC24" s="275">
        <v>0</v>
      </c>
      <c r="FD24" s="279"/>
      <c r="FE24" s="274">
        <v>0</v>
      </c>
      <c r="FF24" s="274">
        <v>0</v>
      </c>
      <c r="FG24" s="274">
        <v>11687</v>
      </c>
      <c r="FH24" s="274">
        <v>434</v>
      </c>
      <c r="FI24" s="274">
        <v>12555</v>
      </c>
      <c r="FJ24" s="277">
        <v>24676</v>
      </c>
      <c r="FK24" s="278">
        <v>24676</v>
      </c>
      <c r="FL24" s="273">
        <v>0</v>
      </c>
      <c r="FM24" s="274">
        <v>0</v>
      </c>
      <c r="FN24" s="275">
        <v>0</v>
      </c>
      <c r="FO24" s="279"/>
      <c r="FP24" s="274">
        <v>0</v>
      </c>
      <c r="FQ24" s="274">
        <v>0</v>
      </c>
      <c r="FR24" s="274">
        <v>0</v>
      </c>
      <c r="FS24" s="274">
        <v>0</v>
      </c>
      <c r="FT24" s="274">
        <v>0</v>
      </c>
      <c r="FU24" s="277">
        <v>0</v>
      </c>
      <c r="FV24" s="278">
        <v>0</v>
      </c>
      <c r="FW24" s="273">
        <v>0</v>
      </c>
      <c r="FX24" s="274">
        <v>0</v>
      </c>
      <c r="FY24" s="275">
        <v>0</v>
      </c>
      <c r="FZ24" s="276">
        <v>0</v>
      </c>
      <c r="GA24" s="274">
        <v>55963</v>
      </c>
      <c r="GB24" s="274">
        <v>126961</v>
      </c>
      <c r="GC24" s="274">
        <v>146938</v>
      </c>
      <c r="GD24" s="274">
        <v>338739</v>
      </c>
      <c r="GE24" s="274">
        <v>96965</v>
      </c>
      <c r="GF24" s="277">
        <v>765566</v>
      </c>
      <c r="GG24" s="278">
        <v>765566</v>
      </c>
      <c r="GH24" s="273">
        <v>0</v>
      </c>
      <c r="GI24" s="274">
        <v>0</v>
      </c>
      <c r="GJ24" s="275">
        <v>0</v>
      </c>
      <c r="GK24" s="276">
        <v>0</v>
      </c>
      <c r="GL24" s="274">
        <v>28</v>
      </c>
      <c r="GM24" s="274">
        <v>0</v>
      </c>
      <c r="GN24" s="274">
        <v>42</v>
      </c>
      <c r="GO24" s="274">
        <v>2123</v>
      </c>
      <c r="GP24" s="274">
        <v>0</v>
      </c>
      <c r="GQ24" s="277">
        <v>2193</v>
      </c>
      <c r="GR24" s="278">
        <v>2193</v>
      </c>
      <c r="GS24" s="273">
        <v>0</v>
      </c>
      <c r="GT24" s="274">
        <v>0</v>
      </c>
      <c r="GU24" s="275">
        <v>0</v>
      </c>
      <c r="GV24" s="276">
        <v>0</v>
      </c>
      <c r="GW24" s="274">
        <v>0</v>
      </c>
      <c r="GX24" s="274">
        <v>0</v>
      </c>
      <c r="GY24" s="274">
        <v>0</v>
      </c>
      <c r="GZ24" s="274">
        <v>0</v>
      </c>
      <c r="HA24" s="274">
        <v>0</v>
      </c>
      <c r="HB24" s="277">
        <v>0</v>
      </c>
      <c r="HC24" s="278">
        <v>0</v>
      </c>
      <c r="HD24" s="273">
        <v>0</v>
      </c>
      <c r="HE24" s="274">
        <v>0</v>
      </c>
      <c r="HF24" s="275">
        <v>0</v>
      </c>
      <c r="HG24" s="279"/>
      <c r="HH24" s="274">
        <v>0</v>
      </c>
      <c r="HI24" s="274">
        <v>0</v>
      </c>
      <c r="HJ24" s="274">
        <v>0</v>
      </c>
      <c r="HK24" s="274">
        <v>0</v>
      </c>
      <c r="HL24" s="274">
        <v>0</v>
      </c>
      <c r="HM24" s="277">
        <v>0</v>
      </c>
      <c r="HN24" s="278">
        <v>0</v>
      </c>
      <c r="HO24" s="273">
        <v>0</v>
      </c>
      <c r="HP24" s="274">
        <v>0</v>
      </c>
      <c r="HQ24" s="275">
        <v>0</v>
      </c>
      <c r="HR24" s="276">
        <v>0</v>
      </c>
      <c r="HS24" s="274">
        <v>209533</v>
      </c>
      <c r="HT24" s="274">
        <v>781675</v>
      </c>
      <c r="HU24" s="274">
        <v>4262146</v>
      </c>
      <c r="HV24" s="274">
        <v>3983892</v>
      </c>
      <c r="HW24" s="274">
        <v>2859942</v>
      </c>
      <c r="HX24" s="277">
        <v>12097188</v>
      </c>
      <c r="HY24" s="278">
        <v>12097188</v>
      </c>
    </row>
    <row r="25" spans="2:233" ht="21" customHeight="1" x14ac:dyDescent="0.2">
      <c r="B25" s="472" t="s">
        <v>22</v>
      </c>
      <c r="C25" s="273">
        <v>0</v>
      </c>
      <c r="D25" s="274">
        <v>0</v>
      </c>
      <c r="E25" s="275">
        <v>0</v>
      </c>
      <c r="F25" s="276">
        <v>0</v>
      </c>
      <c r="G25" s="274">
        <v>133440</v>
      </c>
      <c r="H25" s="274">
        <v>326265</v>
      </c>
      <c r="I25" s="274">
        <v>704315</v>
      </c>
      <c r="J25" s="274">
        <v>831505</v>
      </c>
      <c r="K25" s="274">
        <v>524185</v>
      </c>
      <c r="L25" s="277">
        <v>2519710</v>
      </c>
      <c r="M25" s="278">
        <v>2519710</v>
      </c>
      <c r="N25" s="273">
        <v>0</v>
      </c>
      <c r="O25" s="274">
        <v>0</v>
      </c>
      <c r="P25" s="275">
        <v>0</v>
      </c>
      <c r="Q25" s="279"/>
      <c r="R25" s="274">
        <v>35495</v>
      </c>
      <c r="S25" s="274">
        <v>32705</v>
      </c>
      <c r="T25" s="274">
        <v>519965</v>
      </c>
      <c r="U25" s="274">
        <v>379905</v>
      </c>
      <c r="V25" s="274">
        <v>302335</v>
      </c>
      <c r="W25" s="277">
        <v>1270405</v>
      </c>
      <c r="X25" s="278">
        <v>1270405</v>
      </c>
      <c r="Y25" s="273">
        <v>0</v>
      </c>
      <c r="Z25" s="274">
        <v>0</v>
      </c>
      <c r="AA25" s="275">
        <v>0</v>
      </c>
      <c r="AB25" s="279"/>
      <c r="AC25" s="274">
        <v>91165</v>
      </c>
      <c r="AD25" s="274">
        <v>258685</v>
      </c>
      <c r="AE25" s="274">
        <v>111135</v>
      </c>
      <c r="AF25" s="274">
        <v>317435</v>
      </c>
      <c r="AG25" s="274">
        <v>145655</v>
      </c>
      <c r="AH25" s="277">
        <v>924075</v>
      </c>
      <c r="AI25" s="278">
        <v>924075</v>
      </c>
      <c r="AJ25" s="273">
        <v>0</v>
      </c>
      <c r="AK25" s="274">
        <v>0</v>
      </c>
      <c r="AL25" s="275">
        <v>0</v>
      </c>
      <c r="AM25" s="279"/>
      <c r="AN25" s="274">
        <v>0</v>
      </c>
      <c r="AO25" s="274">
        <v>0</v>
      </c>
      <c r="AP25" s="274">
        <v>0</v>
      </c>
      <c r="AQ25" s="274">
        <v>0</v>
      </c>
      <c r="AR25" s="274">
        <v>0</v>
      </c>
      <c r="AS25" s="277">
        <v>0</v>
      </c>
      <c r="AT25" s="278">
        <v>0</v>
      </c>
      <c r="AU25" s="273">
        <v>0</v>
      </c>
      <c r="AV25" s="274">
        <v>0</v>
      </c>
      <c r="AW25" s="275">
        <v>0</v>
      </c>
      <c r="AX25" s="279"/>
      <c r="AY25" s="274">
        <v>0</v>
      </c>
      <c r="AZ25" s="274">
        <v>0</v>
      </c>
      <c r="BA25" s="274">
        <v>0</v>
      </c>
      <c r="BB25" s="274">
        <v>37975</v>
      </c>
      <c r="BC25" s="274">
        <v>48495</v>
      </c>
      <c r="BD25" s="277">
        <v>86470</v>
      </c>
      <c r="BE25" s="278">
        <v>86470</v>
      </c>
      <c r="BF25" s="273">
        <v>0</v>
      </c>
      <c r="BG25" s="274">
        <v>0</v>
      </c>
      <c r="BH25" s="275">
        <v>0</v>
      </c>
      <c r="BI25" s="279"/>
      <c r="BJ25" s="274">
        <v>0</v>
      </c>
      <c r="BK25" s="274">
        <v>0</v>
      </c>
      <c r="BL25" s="274">
        <v>0</v>
      </c>
      <c r="BM25" s="274">
        <v>91260</v>
      </c>
      <c r="BN25" s="274">
        <v>23205</v>
      </c>
      <c r="BO25" s="277">
        <v>114465</v>
      </c>
      <c r="BP25" s="278">
        <v>114465</v>
      </c>
      <c r="BQ25" s="273">
        <v>0</v>
      </c>
      <c r="BR25" s="274">
        <v>0</v>
      </c>
      <c r="BS25" s="275">
        <v>0</v>
      </c>
      <c r="BT25" s="276">
        <v>0</v>
      </c>
      <c r="BU25" s="274">
        <v>2455</v>
      </c>
      <c r="BV25" s="274">
        <v>34875</v>
      </c>
      <c r="BW25" s="274">
        <v>71185</v>
      </c>
      <c r="BX25" s="274">
        <v>4930</v>
      </c>
      <c r="BY25" s="274">
        <v>1740</v>
      </c>
      <c r="BZ25" s="277">
        <v>115185</v>
      </c>
      <c r="CA25" s="278">
        <v>115185</v>
      </c>
      <c r="CB25" s="273">
        <v>0</v>
      </c>
      <c r="CC25" s="274">
        <v>0</v>
      </c>
      <c r="CD25" s="275">
        <v>0</v>
      </c>
      <c r="CE25" s="276">
        <v>0</v>
      </c>
      <c r="CF25" s="274">
        <v>4325</v>
      </c>
      <c r="CG25" s="274">
        <v>0</v>
      </c>
      <c r="CH25" s="274">
        <v>2030</v>
      </c>
      <c r="CI25" s="274">
        <v>0</v>
      </c>
      <c r="CJ25" s="274">
        <v>2755</v>
      </c>
      <c r="CK25" s="277">
        <v>9110</v>
      </c>
      <c r="CL25" s="278">
        <v>9110</v>
      </c>
      <c r="CM25" s="273">
        <v>0</v>
      </c>
      <c r="CN25" s="274">
        <v>0</v>
      </c>
      <c r="CO25" s="275">
        <v>0</v>
      </c>
      <c r="CP25" s="276">
        <v>0</v>
      </c>
      <c r="CQ25" s="274">
        <v>0</v>
      </c>
      <c r="CR25" s="274">
        <v>0</v>
      </c>
      <c r="CS25" s="274">
        <v>0</v>
      </c>
      <c r="CT25" s="274">
        <v>0</v>
      </c>
      <c r="CU25" s="274">
        <v>0</v>
      </c>
      <c r="CV25" s="277">
        <v>0</v>
      </c>
      <c r="CW25" s="278">
        <v>0</v>
      </c>
      <c r="CX25" s="273">
        <v>0</v>
      </c>
      <c r="CY25" s="274">
        <v>0</v>
      </c>
      <c r="CZ25" s="275">
        <v>0</v>
      </c>
      <c r="DA25" s="279"/>
      <c r="DB25" s="274">
        <v>0</v>
      </c>
      <c r="DC25" s="274">
        <v>0</v>
      </c>
      <c r="DD25" s="274">
        <v>0</v>
      </c>
      <c r="DE25" s="274">
        <v>0</v>
      </c>
      <c r="DF25" s="274">
        <v>0</v>
      </c>
      <c r="DG25" s="277">
        <v>0</v>
      </c>
      <c r="DH25" s="278">
        <v>0</v>
      </c>
      <c r="DI25" s="273">
        <v>0</v>
      </c>
      <c r="DJ25" s="274">
        <v>0</v>
      </c>
      <c r="DK25" s="275">
        <v>0</v>
      </c>
      <c r="DL25" s="276">
        <v>0</v>
      </c>
      <c r="DM25" s="274">
        <v>47416</v>
      </c>
      <c r="DN25" s="274">
        <v>126171</v>
      </c>
      <c r="DO25" s="274">
        <v>771026</v>
      </c>
      <c r="DP25" s="274">
        <v>809839</v>
      </c>
      <c r="DQ25" s="274">
        <v>448398</v>
      </c>
      <c r="DR25" s="277">
        <v>2202850</v>
      </c>
      <c r="DS25" s="280">
        <v>2202850</v>
      </c>
      <c r="DT25" s="273">
        <v>0</v>
      </c>
      <c r="DU25" s="274">
        <v>0</v>
      </c>
      <c r="DV25" s="275">
        <v>0</v>
      </c>
      <c r="DW25" s="279"/>
      <c r="DX25" s="274">
        <v>26505</v>
      </c>
      <c r="DY25" s="274">
        <v>15035</v>
      </c>
      <c r="DZ25" s="274">
        <v>642534</v>
      </c>
      <c r="EA25" s="274">
        <v>597022</v>
      </c>
      <c r="EB25" s="274">
        <v>346145</v>
      </c>
      <c r="EC25" s="277">
        <v>1627241</v>
      </c>
      <c r="ED25" s="278">
        <v>1627241</v>
      </c>
      <c r="EE25" s="273">
        <v>0</v>
      </c>
      <c r="EF25" s="274">
        <v>0</v>
      </c>
      <c r="EG25" s="275">
        <v>0</v>
      </c>
      <c r="EH25" s="279"/>
      <c r="EI25" s="274">
        <v>12657</v>
      </c>
      <c r="EJ25" s="274">
        <v>83836</v>
      </c>
      <c r="EK25" s="274">
        <v>23746</v>
      </c>
      <c r="EL25" s="274">
        <v>37812</v>
      </c>
      <c r="EM25" s="274">
        <v>23753</v>
      </c>
      <c r="EN25" s="277">
        <v>181804</v>
      </c>
      <c r="EO25" s="278">
        <v>181804</v>
      </c>
      <c r="EP25" s="273">
        <v>0</v>
      </c>
      <c r="EQ25" s="274">
        <v>0</v>
      </c>
      <c r="ER25" s="275">
        <v>0</v>
      </c>
      <c r="ES25" s="279"/>
      <c r="ET25" s="274">
        <v>0</v>
      </c>
      <c r="EU25" s="274">
        <v>0</v>
      </c>
      <c r="EV25" s="274">
        <v>0</v>
      </c>
      <c r="EW25" s="274">
        <v>0</v>
      </c>
      <c r="EX25" s="274">
        <v>0</v>
      </c>
      <c r="EY25" s="277">
        <v>0</v>
      </c>
      <c r="EZ25" s="278">
        <v>0</v>
      </c>
      <c r="FA25" s="273">
        <v>0</v>
      </c>
      <c r="FB25" s="274">
        <v>0</v>
      </c>
      <c r="FC25" s="275">
        <v>0</v>
      </c>
      <c r="FD25" s="279"/>
      <c r="FE25" s="274">
        <v>0</v>
      </c>
      <c r="FF25" s="274">
        <v>0</v>
      </c>
      <c r="FG25" s="274">
        <v>0</v>
      </c>
      <c r="FH25" s="274">
        <v>651</v>
      </c>
      <c r="FI25" s="274">
        <v>11315</v>
      </c>
      <c r="FJ25" s="277">
        <v>11966</v>
      </c>
      <c r="FK25" s="278">
        <v>11966</v>
      </c>
      <c r="FL25" s="273">
        <v>0</v>
      </c>
      <c r="FM25" s="274">
        <v>0</v>
      </c>
      <c r="FN25" s="275">
        <v>0</v>
      </c>
      <c r="FO25" s="279"/>
      <c r="FP25" s="274">
        <v>0</v>
      </c>
      <c r="FQ25" s="274">
        <v>0</v>
      </c>
      <c r="FR25" s="274">
        <v>0</v>
      </c>
      <c r="FS25" s="274">
        <v>159400</v>
      </c>
      <c r="FT25" s="274">
        <v>62840</v>
      </c>
      <c r="FU25" s="277">
        <v>222240</v>
      </c>
      <c r="FV25" s="278">
        <v>222240</v>
      </c>
      <c r="FW25" s="273">
        <v>0</v>
      </c>
      <c r="FX25" s="274">
        <v>0</v>
      </c>
      <c r="FY25" s="275">
        <v>0</v>
      </c>
      <c r="FZ25" s="276">
        <v>0</v>
      </c>
      <c r="GA25" s="274">
        <v>8184</v>
      </c>
      <c r="GB25" s="274">
        <v>27300</v>
      </c>
      <c r="GC25" s="274">
        <v>99734</v>
      </c>
      <c r="GD25" s="274">
        <v>14954</v>
      </c>
      <c r="GE25" s="274">
        <v>4212</v>
      </c>
      <c r="GF25" s="277">
        <v>154384</v>
      </c>
      <c r="GG25" s="278">
        <v>154384</v>
      </c>
      <c r="GH25" s="273">
        <v>0</v>
      </c>
      <c r="GI25" s="274">
        <v>0</v>
      </c>
      <c r="GJ25" s="275">
        <v>0</v>
      </c>
      <c r="GK25" s="276">
        <v>0</v>
      </c>
      <c r="GL25" s="274">
        <v>70</v>
      </c>
      <c r="GM25" s="274">
        <v>0</v>
      </c>
      <c r="GN25" s="274">
        <v>5012</v>
      </c>
      <c r="GO25" s="274">
        <v>0</v>
      </c>
      <c r="GP25" s="274">
        <v>133</v>
      </c>
      <c r="GQ25" s="277">
        <v>5215</v>
      </c>
      <c r="GR25" s="278">
        <v>5215</v>
      </c>
      <c r="GS25" s="273">
        <v>0</v>
      </c>
      <c r="GT25" s="274">
        <v>0</v>
      </c>
      <c r="GU25" s="275">
        <v>0</v>
      </c>
      <c r="GV25" s="276">
        <v>0</v>
      </c>
      <c r="GW25" s="274">
        <v>0</v>
      </c>
      <c r="GX25" s="274">
        <v>0</v>
      </c>
      <c r="GY25" s="274">
        <v>0</v>
      </c>
      <c r="GZ25" s="274">
        <v>0</v>
      </c>
      <c r="HA25" s="274">
        <v>0</v>
      </c>
      <c r="HB25" s="277">
        <v>0</v>
      </c>
      <c r="HC25" s="278">
        <v>0</v>
      </c>
      <c r="HD25" s="273">
        <v>0</v>
      </c>
      <c r="HE25" s="274">
        <v>0</v>
      </c>
      <c r="HF25" s="275">
        <v>0</v>
      </c>
      <c r="HG25" s="279"/>
      <c r="HH25" s="274">
        <v>0</v>
      </c>
      <c r="HI25" s="274">
        <v>0</v>
      </c>
      <c r="HJ25" s="274">
        <v>0</v>
      </c>
      <c r="HK25" s="274">
        <v>0</v>
      </c>
      <c r="HL25" s="274">
        <v>0</v>
      </c>
      <c r="HM25" s="277">
        <v>0</v>
      </c>
      <c r="HN25" s="278">
        <v>0</v>
      </c>
      <c r="HO25" s="273">
        <v>0</v>
      </c>
      <c r="HP25" s="274">
        <v>0</v>
      </c>
      <c r="HQ25" s="275">
        <v>0</v>
      </c>
      <c r="HR25" s="276">
        <v>0</v>
      </c>
      <c r="HS25" s="274">
        <v>180856</v>
      </c>
      <c r="HT25" s="274">
        <v>452436</v>
      </c>
      <c r="HU25" s="274">
        <v>1475341</v>
      </c>
      <c r="HV25" s="274">
        <v>1641344</v>
      </c>
      <c r="HW25" s="274">
        <v>972583</v>
      </c>
      <c r="HX25" s="277">
        <v>4722560</v>
      </c>
      <c r="HY25" s="278">
        <v>4722560</v>
      </c>
    </row>
    <row r="26" spans="2:233" ht="21" customHeight="1" x14ac:dyDescent="0.2">
      <c r="B26" s="472" t="s">
        <v>23</v>
      </c>
      <c r="C26" s="273">
        <v>0</v>
      </c>
      <c r="D26" s="274">
        <v>0</v>
      </c>
      <c r="E26" s="275">
        <v>0</v>
      </c>
      <c r="F26" s="276">
        <v>0</v>
      </c>
      <c r="G26" s="274">
        <v>175930</v>
      </c>
      <c r="H26" s="274">
        <v>402715</v>
      </c>
      <c r="I26" s="274">
        <v>1142316</v>
      </c>
      <c r="J26" s="274">
        <v>1338967</v>
      </c>
      <c r="K26" s="274">
        <v>893271</v>
      </c>
      <c r="L26" s="277">
        <v>3953199</v>
      </c>
      <c r="M26" s="278">
        <v>3953199</v>
      </c>
      <c r="N26" s="273">
        <v>0</v>
      </c>
      <c r="O26" s="274">
        <v>0</v>
      </c>
      <c r="P26" s="275">
        <v>0</v>
      </c>
      <c r="Q26" s="279"/>
      <c r="R26" s="274">
        <v>57350</v>
      </c>
      <c r="S26" s="274">
        <v>141430</v>
      </c>
      <c r="T26" s="274">
        <v>867800</v>
      </c>
      <c r="U26" s="274">
        <v>937767</v>
      </c>
      <c r="V26" s="274">
        <v>607855</v>
      </c>
      <c r="W26" s="277">
        <v>2612202</v>
      </c>
      <c r="X26" s="278">
        <v>2612202</v>
      </c>
      <c r="Y26" s="273">
        <v>0</v>
      </c>
      <c r="Z26" s="274">
        <v>0</v>
      </c>
      <c r="AA26" s="275">
        <v>0</v>
      </c>
      <c r="AB26" s="279"/>
      <c r="AC26" s="274">
        <v>118145</v>
      </c>
      <c r="AD26" s="274">
        <v>201355</v>
      </c>
      <c r="AE26" s="274">
        <v>220641</v>
      </c>
      <c r="AF26" s="274">
        <v>336700</v>
      </c>
      <c r="AG26" s="274">
        <v>169921</v>
      </c>
      <c r="AH26" s="277">
        <v>1046762</v>
      </c>
      <c r="AI26" s="278">
        <v>1046762</v>
      </c>
      <c r="AJ26" s="273">
        <v>0</v>
      </c>
      <c r="AK26" s="274">
        <v>0</v>
      </c>
      <c r="AL26" s="275">
        <v>0</v>
      </c>
      <c r="AM26" s="279"/>
      <c r="AN26" s="274">
        <v>0</v>
      </c>
      <c r="AO26" s="274">
        <v>0</v>
      </c>
      <c r="AP26" s="274">
        <v>0</v>
      </c>
      <c r="AQ26" s="274">
        <v>0</v>
      </c>
      <c r="AR26" s="274">
        <v>60140</v>
      </c>
      <c r="AS26" s="277">
        <v>60140</v>
      </c>
      <c r="AT26" s="278">
        <v>60140</v>
      </c>
      <c r="AU26" s="273">
        <v>0</v>
      </c>
      <c r="AV26" s="274">
        <v>0</v>
      </c>
      <c r="AW26" s="275">
        <v>0</v>
      </c>
      <c r="AX26" s="279"/>
      <c r="AY26" s="274">
        <v>0</v>
      </c>
      <c r="AZ26" s="274">
        <v>0</v>
      </c>
      <c r="BA26" s="274">
        <v>0</v>
      </c>
      <c r="BB26" s="274">
        <v>24645</v>
      </c>
      <c r="BC26" s="274">
        <v>49910</v>
      </c>
      <c r="BD26" s="277">
        <v>74555</v>
      </c>
      <c r="BE26" s="278">
        <v>74555</v>
      </c>
      <c r="BF26" s="273">
        <v>0</v>
      </c>
      <c r="BG26" s="274">
        <v>0</v>
      </c>
      <c r="BH26" s="275">
        <v>0</v>
      </c>
      <c r="BI26" s="279"/>
      <c r="BJ26" s="274">
        <v>0</v>
      </c>
      <c r="BK26" s="274">
        <v>0</v>
      </c>
      <c r="BL26" s="274">
        <v>0</v>
      </c>
      <c r="BM26" s="274">
        <v>0</v>
      </c>
      <c r="BN26" s="274">
        <v>0</v>
      </c>
      <c r="BO26" s="277">
        <v>0</v>
      </c>
      <c r="BP26" s="278">
        <v>0</v>
      </c>
      <c r="BQ26" s="273">
        <v>0</v>
      </c>
      <c r="BR26" s="274">
        <v>0</v>
      </c>
      <c r="BS26" s="275">
        <v>0</v>
      </c>
      <c r="BT26" s="276">
        <v>0</v>
      </c>
      <c r="BU26" s="274">
        <v>435</v>
      </c>
      <c r="BV26" s="274">
        <v>59930</v>
      </c>
      <c r="BW26" s="274">
        <v>53875</v>
      </c>
      <c r="BX26" s="274">
        <v>39855</v>
      </c>
      <c r="BY26" s="274">
        <v>5445</v>
      </c>
      <c r="BZ26" s="277">
        <v>159540</v>
      </c>
      <c r="CA26" s="278">
        <v>159540</v>
      </c>
      <c r="CB26" s="273">
        <v>0</v>
      </c>
      <c r="CC26" s="274">
        <v>0</v>
      </c>
      <c r="CD26" s="275">
        <v>0</v>
      </c>
      <c r="CE26" s="276">
        <v>0</v>
      </c>
      <c r="CF26" s="274">
        <v>0</v>
      </c>
      <c r="CG26" s="274">
        <v>0</v>
      </c>
      <c r="CH26" s="274">
        <v>0</v>
      </c>
      <c r="CI26" s="274">
        <v>0</v>
      </c>
      <c r="CJ26" s="274">
        <v>0</v>
      </c>
      <c r="CK26" s="277">
        <v>0</v>
      </c>
      <c r="CL26" s="278">
        <v>0</v>
      </c>
      <c r="CM26" s="273">
        <v>0</v>
      </c>
      <c r="CN26" s="274">
        <v>0</v>
      </c>
      <c r="CO26" s="275">
        <v>0</v>
      </c>
      <c r="CP26" s="276">
        <v>0</v>
      </c>
      <c r="CQ26" s="274">
        <v>0</v>
      </c>
      <c r="CR26" s="274">
        <v>0</v>
      </c>
      <c r="CS26" s="274">
        <v>0</v>
      </c>
      <c r="CT26" s="274">
        <v>0</v>
      </c>
      <c r="CU26" s="274">
        <v>0</v>
      </c>
      <c r="CV26" s="277">
        <v>0</v>
      </c>
      <c r="CW26" s="278">
        <v>0</v>
      </c>
      <c r="CX26" s="273">
        <v>0</v>
      </c>
      <c r="CY26" s="274">
        <v>0</v>
      </c>
      <c r="CZ26" s="275">
        <v>0</v>
      </c>
      <c r="DA26" s="279"/>
      <c r="DB26" s="274">
        <v>0</v>
      </c>
      <c r="DC26" s="274">
        <v>0</v>
      </c>
      <c r="DD26" s="274">
        <v>0</v>
      </c>
      <c r="DE26" s="274">
        <v>0</v>
      </c>
      <c r="DF26" s="274">
        <v>0</v>
      </c>
      <c r="DG26" s="277">
        <v>0</v>
      </c>
      <c r="DH26" s="278">
        <v>0</v>
      </c>
      <c r="DI26" s="273">
        <v>0</v>
      </c>
      <c r="DJ26" s="274">
        <v>0</v>
      </c>
      <c r="DK26" s="275">
        <v>0</v>
      </c>
      <c r="DL26" s="276">
        <v>0</v>
      </c>
      <c r="DM26" s="274">
        <v>72311</v>
      </c>
      <c r="DN26" s="274">
        <v>190287</v>
      </c>
      <c r="DO26" s="274">
        <v>1032347</v>
      </c>
      <c r="DP26" s="274">
        <v>1195893</v>
      </c>
      <c r="DQ26" s="274">
        <v>666711</v>
      </c>
      <c r="DR26" s="277">
        <v>3157549</v>
      </c>
      <c r="DS26" s="280">
        <v>3157549</v>
      </c>
      <c r="DT26" s="273">
        <v>0</v>
      </c>
      <c r="DU26" s="274">
        <v>0</v>
      </c>
      <c r="DV26" s="275">
        <v>0</v>
      </c>
      <c r="DW26" s="279"/>
      <c r="DX26" s="274">
        <v>33046</v>
      </c>
      <c r="DY26" s="274">
        <v>95108</v>
      </c>
      <c r="DZ26" s="274">
        <v>962695</v>
      </c>
      <c r="EA26" s="274">
        <v>1064922</v>
      </c>
      <c r="EB26" s="274">
        <v>591570</v>
      </c>
      <c r="EC26" s="277">
        <v>2747341</v>
      </c>
      <c r="ED26" s="278">
        <v>2747341</v>
      </c>
      <c r="EE26" s="273">
        <v>0</v>
      </c>
      <c r="EF26" s="274">
        <v>0</v>
      </c>
      <c r="EG26" s="275">
        <v>0</v>
      </c>
      <c r="EH26" s="279"/>
      <c r="EI26" s="274">
        <v>35089</v>
      </c>
      <c r="EJ26" s="274">
        <v>50613</v>
      </c>
      <c r="EK26" s="274">
        <v>2079</v>
      </c>
      <c r="EL26" s="274">
        <v>16867</v>
      </c>
      <c r="EM26" s="274">
        <v>39132</v>
      </c>
      <c r="EN26" s="277">
        <v>143780</v>
      </c>
      <c r="EO26" s="278">
        <v>143780</v>
      </c>
      <c r="EP26" s="273">
        <v>0</v>
      </c>
      <c r="EQ26" s="274">
        <v>0</v>
      </c>
      <c r="ER26" s="275">
        <v>0</v>
      </c>
      <c r="ES26" s="279"/>
      <c r="ET26" s="274">
        <v>0</v>
      </c>
      <c r="EU26" s="274">
        <v>0</v>
      </c>
      <c r="EV26" s="274">
        <v>0</v>
      </c>
      <c r="EW26" s="274">
        <v>0</v>
      </c>
      <c r="EX26" s="274">
        <v>11470</v>
      </c>
      <c r="EY26" s="277">
        <v>11470</v>
      </c>
      <c r="EZ26" s="278">
        <v>11470</v>
      </c>
      <c r="FA26" s="273">
        <v>0</v>
      </c>
      <c r="FB26" s="274">
        <v>0</v>
      </c>
      <c r="FC26" s="275">
        <v>0</v>
      </c>
      <c r="FD26" s="279"/>
      <c r="FE26" s="274">
        <v>0</v>
      </c>
      <c r="FF26" s="274">
        <v>0</v>
      </c>
      <c r="FG26" s="274">
        <v>0</v>
      </c>
      <c r="FH26" s="274">
        <v>217</v>
      </c>
      <c r="FI26" s="274">
        <v>11315</v>
      </c>
      <c r="FJ26" s="277">
        <v>11532</v>
      </c>
      <c r="FK26" s="278">
        <v>11532</v>
      </c>
      <c r="FL26" s="273">
        <v>0</v>
      </c>
      <c r="FM26" s="274">
        <v>0</v>
      </c>
      <c r="FN26" s="275">
        <v>0</v>
      </c>
      <c r="FO26" s="279"/>
      <c r="FP26" s="274">
        <v>0</v>
      </c>
      <c r="FQ26" s="274">
        <v>0</v>
      </c>
      <c r="FR26" s="274">
        <v>0</v>
      </c>
      <c r="FS26" s="274">
        <v>0</v>
      </c>
      <c r="FT26" s="274">
        <v>0</v>
      </c>
      <c r="FU26" s="277">
        <v>0</v>
      </c>
      <c r="FV26" s="278">
        <v>0</v>
      </c>
      <c r="FW26" s="273">
        <v>0</v>
      </c>
      <c r="FX26" s="274">
        <v>0</v>
      </c>
      <c r="FY26" s="275">
        <v>0</v>
      </c>
      <c r="FZ26" s="276">
        <v>0</v>
      </c>
      <c r="GA26" s="274">
        <v>4176</v>
      </c>
      <c r="GB26" s="274">
        <v>44566</v>
      </c>
      <c r="GC26" s="274">
        <v>67573</v>
      </c>
      <c r="GD26" s="274">
        <v>113887</v>
      </c>
      <c r="GE26" s="274">
        <v>13224</v>
      </c>
      <c r="GF26" s="277">
        <v>243426</v>
      </c>
      <c r="GG26" s="278">
        <v>243426</v>
      </c>
      <c r="GH26" s="273">
        <v>0</v>
      </c>
      <c r="GI26" s="274">
        <v>0</v>
      </c>
      <c r="GJ26" s="275">
        <v>0</v>
      </c>
      <c r="GK26" s="276">
        <v>0</v>
      </c>
      <c r="GL26" s="274">
        <v>0</v>
      </c>
      <c r="GM26" s="274">
        <v>0</v>
      </c>
      <c r="GN26" s="274">
        <v>0</v>
      </c>
      <c r="GO26" s="274">
        <v>0</v>
      </c>
      <c r="GP26" s="274">
        <v>0</v>
      </c>
      <c r="GQ26" s="277">
        <v>0</v>
      </c>
      <c r="GR26" s="278">
        <v>0</v>
      </c>
      <c r="GS26" s="273">
        <v>0</v>
      </c>
      <c r="GT26" s="274">
        <v>0</v>
      </c>
      <c r="GU26" s="275">
        <v>0</v>
      </c>
      <c r="GV26" s="276">
        <v>0</v>
      </c>
      <c r="GW26" s="274">
        <v>0</v>
      </c>
      <c r="GX26" s="274">
        <v>0</v>
      </c>
      <c r="GY26" s="274">
        <v>0</v>
      </c>
      <c r="GZ26" s="274">
        <v>0</v>
      </c>
      <c r="HA26" s="274">
        <v>0</v>
      </c>
      <c r="HB26" s="277">
        <v>0</v>
      </c>
      <c r="HC26" s="278">
        <v>0</v>
      </c>
      <c r="HD26" s="273">
        <v>0</v>
      </c>
      <c r="HE26" s="274">
        <v>0</v>
      </c>
      <c r="HF26" s="275">
        <v>0</v>
      </c>
      <c r="HG26" s="279"/>
      <c r="HH26" s="274">
        <v>0</v>
      </c>
      <c r="HI26" s="274">
        <v>0</v>
      </c>
      <c r="HJ26" s="274">
        <v>0</v>
      </c>
      <c r="HK26" s="274">
        <v>0</v>
      </c>
      <c r="HL26" s="274">
        <v>0</v>
      </c>
      <c r="HM26" s="277">
        <v>0</v>
      </c>
      <c r="HN26" s="278">
        <v>0</v>
      </c>
      <c r="HO26" s="273">
        <v>0</v>
      </c>
      <c r="HP26" s="274">
        <v>0</v>
      </c>
      <c r="HQ26" s="275">
        <v>0</v>
      </c>
      <c r="HR26" s="276">
        <v>0</v>
      </c>
      <c r="HS26" s="274">
        <v>248241</v>
      </c>
      <c r="HT26" s="274">
        <v>593002</v>
      </c>
      <c r="HU26" s="274">
        <v>2174663</v>
      </c>
      <c r="HV26" s="274">
        <v>2534860</v>
      </c>
      <c r="HW26" s="274">
        <v>1559982</v>
      </c>
      <c r="HX26" s="277">
        <v>7110748</v>
      </c>
      <c r="HY26" s="278">
        <v>7110748</v>
      </c>
    </row>
    <row r="27" spans="2:233" ht="21" customHeight="1" x14ac:dyDescent="0.2">
      <c r="B27" s="472" t="s">
        <v>24</v>
      </c>
      <c r="C27" s="273">
        <v>0</v>
      </c>
      <c r="D27" s="274">
        <v>0</v>
      </c>
      <c r="E27" s="275">
        <v>0</v>
      </c>
      <c r="F27" s="276">
        <v>0</v>
      </c>
      <c r="G27" s="274">
        <v>63735</v>
      </c>
      <c r="H27" s="274">
        <v>6725</v>
      </c>
      <c r="I27" s="274">
        <v>211235</v>
      </c>
      <c r="J27" s="274">
        <v>873365</v>
      </c>
      <c r="K27" s="274">
        <v>327225</v>
      </c>
      <c r="L27" s="277">
        <v>1482285</v>
      </c>
      <c r="M27" s="278">
        <v>1482285</v>
      </c>
      <c r="N27" s="273">
        <v>0</v>
      </c>
      <c r="O27" s="274">
        <v>0</v>
      </c>
      <c r="P27" s="275">
        <v>0</v>
      </c>
      <c r="Q27" s="279"/>
      <c r="R27" s="274">
        <v>0</v>
      </c>
      <c r="S27" s="274">
        <v>0</v>
      </c>
      <c r="T27" s="274">
        <v>183720</v>
      </c>
      <c r="U27" s="274">
        <v>668695</v>
      </c>
      <c r="V27" s="274">
        <v>211575</v>
      </c>
      <c r="W27" s="277">
        <v>1063990</v>
      </c>
      <c r="X27" s="278">
        <v>1063990</v>
      </c>
      <c r="Y27" s="273">
        <v>0</v>
      </c>
      <c r="Z27" s="274">
        <v>0</v>
      </c>
      <c r="AA27" s="275">
        <v>0</v>
      </c>
      <c r="AB27" s="279"/>
      <c r="AC27" s="274">
        <v>59985</v>
      </c>
      <c r="AD27" s="274">
        <v>2635</v>
      </c>
      <c r="AE27" s="274">
        <v>12895</v>
      </c>
      <c r="AF27" s="274">
        <v>147755</v>
      </c>
      <c r="AG27" s="274">
        <v>106330</v>
      </c>
      <c r="AH27" s="277">
        <v>329600</v>
      </c>
      <c r="AI27" s="278">
        <v>329600</v>
      </c>
      <c r="AJ27" s="273">
        <v>0</v>
      </c>
      <c r="AK27" s="274">
        <v>0</v>
      </c>
      <c r="AL27" s="275">
        <v>0</v>
      </c>
      <c r="AM27" s="279"/>
      <c r="AN27" s="274">
        <v>0</v>
      </c>
      <c r="AO27" s="274">
        <v>0</v>
      </c>
      <c r="AP27" s="274">
        <v>0</v>
      </c>
      <c r="AQ27" s="274">
        <v>0</v>
      </c>
      <c r="AR27" s="274">
        <v>0</v>
      </c>
      <c r="AS27" s="277">
        <v>0</v>
      </c>
      <c r="AT27" s="278">
        <v>0</v>
      </c>
      <c r="AU27" s="273">
        <v>0</v>
      </c>
      <c r="AV27" s="274">
        <v>0</v>
      </c>
      <c r="AW27" s="275">
        <v>0</v>
      </c>
      <c r="AX27" s="279"/>
      <c r="AY27" s="274">
        <v>0</v>
      </c>
      <c r="AZ27" s="274">
        <v>0</v>
      </c>
      <c r="BA27" s="274">
        <v>0</v>
      </c>
      <c r="BB27" s="274">
        <v>0</v>
      </c>
      <c r="BC27" s="274">
        <v>0</v>
      </c>
      <c r="BD27" s="277">
        <v>0</v>
      </c>
      <c r="BE27" s="278">
        <v>0</v>
      </c>
      <c r="BF27" s="273">
        <v>0</v>
      </c>
      <c r="BG27" s="274">
        <v>0</v>
      </c>
      <c r="BH27" s="275">
        <v>0</v>
      </c>
      <c r="BI27" s="279"/>
      <c r="BJ27" s="274">
        <v>0</v>
      </c>
      <c r="BK27" s="274">
        <v>0</v>
      </c>
      <c r="BL27" s="274">
        <v>0</v>
      </c>
      <c r="BM27" s="274">
        <v>0</v>
      </c>
      <c r="BN27" s="274">
        <v>0</v>
      </c>
      <c r="BO27" s="277">
        <v>0</v>
      </c>
      <c r="BP27" s="278">
        <v>0</v>
      </c>
      <c r="BQ27" s="273">
        <v>0</v>
      </c>
      <c r="BR27" s="274">
        <v>0</v>
      </c>
      <c r="BS27" s="275">
        <v>0</v>
      </c>
      <c r="BT27" s="276">
        <v>0</v>
      </c>
      <c r="BU27" s="274">
        <v>3195</v>
      </c>
      <c r="BV27" s="274">
        <v>4090</v>
      </c>
      <c r="BW27" s="274">
        <v>10305</v>
      </c>
      <c r="BX27" s="274">
        <v>56915</v>
      </c>
      <c r="BY27" s="274">
        <v>1160</v>
      </c>
      <c r="BZ27" s="277">
        <v>75665</v>
      </c>
      <c r="CA27" s="278">
        <v>75665</v>
      </c>
      <c r="CB27" s="273">
        <v>0</v>
      </c>
      <c r="CC27" s="274">
        <v>0</v>
      </c>
      <c r="CD27" s="275">
        <v>0</v>
      </c>
      <c r="CE27" s="276">
        <v>0</v>
      </c>
      <c r="CF27" s="274">
        <v>555</v>
      </c>
      <c r="CG27" s="274">
        <v>0</v>
      </c>
      <c r="CH27" s="274">
        <v>4315</v>
      </c>
      <c r="CI27" s="274">
        <v>0</v>
      </c>
      <c r="CJ27" s="274">
        <v>8160</v>
      </c>
      <c r="CK27" s="277">
        <v>13030</v>
      </c>
      <c r="CL27" s="278">
        <v>13030</v>
      </c>
      <c r="CM27" s="273">
        <v>0</v>
      </c>
      <c r="CN27" s="274">
        <v>0</v>
      </c>
      <c r="CO27" s="275">
        <v>0</v>
      </c>
      <c r="CP27" s="276">
        <v>0</v>
      </c>
      <c r="CQ27" s="274">
        <v>0</v>
      </c>
      <c r="CR27" s="274">
        <v>0</v>
      </c>
      <c r="CS27" s="274">
        <v>0</v>
      </c>
      <c r="CT27" s="274">
        <v>0</v>
      </c>
      <c r="CU27" s="274">
        <v>0</v>
      </c>
      <c r="CV27" s="277">
        <v>0</v>
      </c>
      <c r="CW27" s="278">
        <v>0</v>
      </c>
      <c r="CX27" s="273">
        <v>0</v>
      </c>
      <c r="CY27" s="274">
        <v>0</v>
      </c>
      <c r="CZ27" s="275">
        <v>0</v>
      </c>
      <c r="DA27" s="279"/>
      <c r="DB27" s="274">
        <v>0</v>
      </c>
      <c r="DC27" s="274">
        <v>0</v>
      </c>
      <c r="DD27" s="274">
        <v>0</v>
      </c>
      <c r="DE27" s="274">
        <v>0</v>
      </c>
      <c r="DF27" s="274">
        <v>0</v>
      </c>
      <c r="DG27" s="277">
        <v>0</v>
      </c>
      <c r="DH27" s="278">
        <v>0</v>
      </c>
      <c r="DI27" s="273">
        <v>0</v>
      </c>
      <c r="DJ27" s="274">
        <v>0</v>
      </c>
      <c r="DK27" s="275">
        <v>0</v>
      </c>
      <c r="DL27" s="276">
        <v>0</v>
      </c>
      <c r="DM27" s="274">
        <v>9092</v>
      </c>
      <c r="DN27" s="274">
        <v>4723</v>
      </c>
      <c r="DO27" s="274">
        <v>291285</v>
      </c>
      <c r="DP27" s="274">
        <v>854552</v>
      </c>
      <c r="DQ27" s="274">
        <v>466470</v>
      </c>
      <c r="DR27" s="277">
        <v>1626122</v>
      </c>
      <c r="DS27" s="280">
        <v>1626122</v>
      </c>
      <c r="DT27" s="273">
        <v>0</v>
      </c>
      <c r="DU27" s="274">
        <v>0</v>
      </c>
      <c r="DV27" s="275">
        <v>0</v>
      </c>
      <c r="DW27" s="279"/>
      <c r="DX27" s="274">
        <v>0</v>
      </c>
      <c r="DY27" s="274">
        <v>0</v>
      </c>
      <c r="DZ27" s="274">
        <v>228549</v>
      </c>
      <c r="EA27" s="274">
        <v>760360</v>
      </c>
      <c r="EB27" s="274">
        <v>438712</v>
      </c>
      <c r="EC27" s="277">
        <v>1427621</v>
      </c>
      <c r="ED27" s="278">
        <v>1427621</v>
      </c>
      <c r="EE27" s="273">
        <v>0</v>
      </c>
      <c r="EF27" s="274">
        <v>0</v>
      </c>
      <c r="EG27" s="275">
        <v>0</v>
      </c>
      <c r="EH27" s="279"/>
      <c r="EI27" s="274">
        <v>651</v>
      </c>
      <c r="EJ27" s="274">
        <v>217</v>
      </c>
      <c r="EK27" s="274">
        <v>22423</v>
      </c>
      <c r="EL27" s="274">
        <v>34859</v>
      </c>
      <c r="EM27" s="274">
        <v>23808</v>
      </c>
      <c r="EN27" s="277">
        <v>81958</v>
      </c>
      <c r="EO27" s="278">
        <v>81958</v>
      </c>
      <c r="EP27" s="273">
        <v>0</v>
      </c>
      <c r="EQ27" s="274">
        <v>0</v>
      </c>
      <c r="ER27" s="275">
        <v>0</v>
      </c>
      <c r="ES27" s="279"/>
      <c r="ET27" s="274">
        <v>0</v>
      </c>
      <c r="EU27" s="274">
        <v>0</v>
      </c>
      <c r="EV27" s="274">
        <v>0</v>
      </c>
      <c r="EW27" s="274">
        <v>0</v>
      </c>
      <c r="EX27" s="274">
        <v>0</v>
      </c>
      <c r="EY27" s="277">
        <v>0</v>
      </c>
      <c r="EZ27" s="278">
        <v>0</v>
      </c>
      <c r="FA27" s="273">
        <v>0</v>
      </c>
      <c r="FB27" s="274">
        <v>0</v>
      </c>
      <c r="FC27" s="275">
        <v>0</v>
      </c>
      <c r="FD27" s="279"/>
      <c r="FE27" s="274">
        <v>0</v>
      </c>
      <c r="FF27" s="274">
        <v>0</v>
      </c>
      <c r="FG27" s="274">
        <v>0</v>
      </c>
      <c r="FH27" s="274">
        <v>0</v>
      </c>
      <c r="FI27" s="274">
        <v>0</v>
      </c>
      <c r="FJ27" s="277">
        <v>0</v>
      </c>
      <c r="FK27" s="278">
        <v>0</v>
      </c>
      <c r="FL27" s="273">
        <v>0</v>
      </c>
      <c r="FM27" s="274">
        <v>0</v>
      </c>
      <c r="FN27" s="275">
        <v>0</v>
      </c>
      <c r="FO27" s="279"/>
      <c r="FP27" s="274">
        <v>0</v>
      </c>
      <c r="FQ27" s="274">
        <v>0</v>
      </c>
      <c r="FR27" s="274">
        <v>0</v>
      </c>
      <c r="FS27" s="274">
        <v>0</v>
      </c>
      <c r="FT27" s="274">
        <v>0</v>
      </c>
      <c r="FU27" s="277">
        <v>0</v>
      </c>
      <c r="FV27" s="278">
        <v>0</v>
      </c>
      <c r="FW27" s="273">
        <v>0</v>
      </c>
      <c r="FX27" s="274">
        <v>0</v>
      </c>
      <c r="FY27" s="275">
        <v>0</v>
      </c>
      <c r="FZ27" s="276">
        <v>0</v>
      </c>
      <c r="GA27" s="274">
        <v>8406</v>
      </c>
      <c r="GB27" s="274">
        <v>4506</v>
      </c>
      <c r="GC27" s="274">
        <v>40236</v>
      </c>
      <c r="GD27" s="274">
        <v>59333</v>
      </c>
      <c r="GE27" s="274">
        <v>3880</v>
      </c>
      <c r="GF27" s="277">
        <v>116361</v>
      </c>
      <c r="GG27" s="278">
        <v>116361</v>
      </c>
      <c r="GH27" s="273">
        <v>0</v>
      </c>
      <c r="GI27" s="274">
        <v>0</v>
      </c>
      <c r="GJ27" s="275">
        <v>0</v>
      </c>
      <c r="GK27" s="276">
        <v>0</v>
      </c>
      <c r="GL27" s="274">
        <v>35</v>
      </c>
      <c r="GM27" s="274">
        <v>0</v>
      </c>
      <c r="GN27" s="274">
        <v>77</v>
      </c>
      <c r="GO27" s="274">
        <v>0</v>
      </c>
      <c r="GP27" s="274">
        <v>70</v>
      </c>
      <c r="GQ27" s="277">
        <v>182</v>
      </c>
      <c r="GR27" s="278">
        <v>182</v>
      </c>
      <c r="GS27" s="273">
        <v>0</v>
      </c>
      <c r="GT27" s="274">
        <v>0</v>
      </c>
      <c r="GU27" s="275">
        <v>0</v>
      </c>
      <c r="GV27" s="276">
        <v>0</v>
      </c>
      <c r="GW27" s="274">
        <v>0</v>
      </c>
      <c r="GX27" s="274">
        <v>0</v>
      </c>
      <c r="GY27" s="274">
        <v>0</v>
      </c>
      <c r="GZ27" s="274">
        <v>0</v>
      </c>
      <c r="HA27" s="274">
        <v>0</v>
      </c>
      <c r="HB27" s="277">
        <v>0</v>
      </c>
      <c r="HC27" s="278">
        <v>0</v>
      </c>
      <c r="HD27" s="273">
        <v>0</v>
      </c>
      <c r="HE27" s="274">
        <v>0</v>
      </c>
      <c r="HF27" s="275">
        <v>0</v>
      </c>
      <c r="HG27" s="279"/>
      <c r="HH27" s="274">
        <v>0</v>
      </c>
      <c r="HI27" s="274">
        <v>0</v>
      </c>
      <c r="HJ27" s="274">
        <v>0</v>
      </c>
      <c r="HK27" s="274">
        <v>0</v>
      </c>
      <c r="HL27" s="274">
        <v>0</v>
      </c>
      <c r="HM27" s="277">
        <v>0</v>
      </c>
      <c r="HN27" s="278">
        <v>0</v>
      </c>
      <c r="HO27" s="273">
        <v>0</v>
      </c>
      <c r="HP27" s="274">
        <v>0</v>
      </c>
      <c r="HQ27" s="275">
        <v>0</v>
      </c>
      <c r="HR27" s="276">
        <v>0</v>
      </c>
      <c r="HS27" s="274">
        <v>72827</v>
      </c>
      <c r="HT27" s="274">
        <v>11448</v>
      </c>
      <c r="HU27" s="274">
        <v>502520</v>
      </c>
      <c r="HV27" s="274">
        <v>1727917</v>
      </c>
      <c r="HW27" s="274">
        <v>793695</v>
      </c>
      <c r="HX27" s="277">
        <v>3108407</v>
      </c>
      <c r="HY27" s="278">
        <v>3108407</v>
      </c>
    </row>
    <row r="28" spans="2:233" ht="21" customHeight="1" x14ac:dyDescent="0.2">
      <c r="B28" s="472" t="s">
        <v>25</v>
      </c>
      <c r="C28" s="273">
        <v>0</v>
      </c>
      <c r="D28" s="274">
        <v>0</v>
      </c>
      <c r="E28" s="275">
        <v>0</v>
      </c>
      <c r="F28" s="276">
        <v>0</v>
      </c>
      <c r="G28" s="274">
        <v>18240</v>
      </c>
      <c r="H28" s="274">
        <v>210179</v>
      </c>
      <c r="I28" s="274">
        <v>545906</v>
      </c>
      <c r="J28" s="274">
        <v>705363</v>
      </c>
      <c r="K28" s="274">
        <v>597085</v>
      </c>
      <c r="L28" s="277">
        <v>2076773</v>
      </c>
      <c r="M28" s="278">
        <v>2076773</v>
      </c>
      <c r="N28" s="273">
        <v>0</v>
      </c>
      <c r="O28" s="274">
        <v>0</v>
      </c>
      <c r="P28" s="275">
        <v>0</v>
      </c>
      <c r="Q28" s="279"/>
      <c r="R28" s="274">
        <v>2380</v>
      </c>
      <c r="S28" s="274">
        <v>5270</v>
      </c>
      <c r="T28" s="274">
        <v>449875</v>
      </c>
      <c r="U28" s="274">
        <v>436495</v>
      </c>
      <c r="V28" s="274">
        <v>459535</v>
      </c>
      <c r="W28" s="277">
        <v>1353555</v>
      </c>
      <c r="X28" s="278">
        <v>1353555</v>
      </c>
      <c r="Y28" s="273">
        <v>0</v>
      </c>
      <c r="Z28" s="274">
        <v>0</v>
      </c>
      <c r="AA28" s="275">
        <v>0</v>
      </c>
      <c r="AB28" s="279"/>
      <c r="AC28" s="274">
        <v>5800</v>
      </c>
      <c r="AD28" s="274">
        <v>196145</v>
      </c>
      <c r="AE28" s="274">
        <v>51380</v>
      </c>
      <c r="AF28" s="274">
        <v>224950</v>
      </c>
      <c r="AG28" s="274">
        <v>103540</v>
      </c>
      <c r="AH28" s="277">
        <v>581815</v>
      </c>
      <c r="AI28" s="278">
        <v>581815</v>
      </c>
      <c r="AJ28" s="273">
        <v>0</v>
      </c>
      <c r="AK28" s="274">
        <v>0</v>
      </c>
      <c r="AL28" s="275">
        <v>0</v>
      </c>
      <c r="AM28" s="279"/>
      <c r="AN28" s="274">
        <v>0</v>
      </c>
      <c r="AO28" s="274">
        <v>0</v>
      </c>
      <c r="AP28" s="274">
        <v>0</v>
      </c>
      <c r="AQ28" s="274">
        <v>0</v>
      </c>
      <c r="AR28" s="274">
        <v>0</v>
      </c>
      <c r="AS28" s="277">
        <v>0</v>
      </c>
      <c r="AT28" s="278">
        <v>0</v>
      </c>
      <c r="AU28" s="273">
        <v>0</v>
      </c>
      <c r="AV28" s="274">
        <v>0</v>
      </c>
      <c r="AW28" s="275">
        <v>0</v>
      </c>
      <c r="AX28" s="279"/>
      <c r="AY28" s="274">
        <v>0</v>
      </c>
      <c r="AZ28" s="274">
        <v>0</v>
      </c>
      <c r="BA28" s="274">
        <v>0</v>
      </c>
      <c r="BB28" s="274">
        <v>0</v>
      </c>
      <c r="BC28" s="274">
        <v>32705</v>
      </c>
      <c r="BD28" s="277">
        <v>32705</v>
      </c>
      <c r="BE28" s="278">
        <v>32705</v>
      </c>
      <c r="BF28" s="273">
        <v>0</v>
      </c>
      <c r="BG28" s="274">
        <v>0</v>
      </c>
      <c r="BH28" s="275">
        <v>0</v>
      </c>
      <c r="BI28" s="279"/>
      <c r="BJ28" s="274">
        <v>0</v>
      </c>
      <c r="BK28" s="274">
        <v>0</v>
      </c>
      <c r="BL28" s="274">
        <v>0</v>
      </c>
      <c r="BM28" s="274">
        <v>0</v>
      </c>
      <c r="BN28" s="274">
        <v>0</v>
      </c>
      <c r="BO28" s="277">
        <v>0</v>
      </c>
      <c r="BP28" s="278">
        <v>0</v>
      </c>
      <c r="BQ28" s="273">
        <v>0</v>
      </c>
      <c r="BR28" s="274">
        <v>0</v>
      </c>
      <c r="BS28" s="275">
        <v>0</v>
      </c>
      <c r="BT28" s="276">
        <v>0</v>
      </c>
      <c r="BU28" s="274">
        <v>10060</v>
      </c>
      <c r="BV28" s="274">
        <v>8764</v>
      </c>
      <c r="BW28" s="274">
        <v>43481</v>
      </c>
      <c r="BX28" s="274">
        <v>43918</v>
      </c>
      <c r="BY28" s="274">
        <v>1305</v>
      </c>
      <c r="BZ28" s="277">
        <v>107528</v>
      </c>
      <c r="CA28" s="278">
        <v>107528</v>
      </c>
      <c r="CB28" s="273">
        <v>0</v>
      </c>
      <c r="CC28" s="274">
        <v>0</v>
      </c>
      <c r="CD28" s="275">
        <v>0</v>
      </c>
      <c r="CE28" s="276">
        <v>0</v>
      </c>
      <c r="CF28" s="274">
        <v>0</v>
      </c>
      <c r="CG28" s="274">
        <v>0</v>
      </c>
      <c r="CH28" s="274">
        <v>1170</v>
      </c>
      <c r="CI28" s="274">
        <v>0</v>
      </c>
      <c r="CJ28" s="274">
        <v>0</v>
      </c>
      <c r="CK28" s="277">
        <v>1170</v>
      </c>
      <c r="CL28" s="278">
        <v>1170</v>
      </c>
      <c r="CM28" s="273">
        <v>0</v>
      </c>
      <c r="CN28" s="274">
        <v>0</v>
      </c>
      <c r="CO28" s="275">
        <v>0</v>
      </c>
      <c r="CP28" s="276">
        <v>0</v>
      </c>
      <c r="CQ28" s="274">
        <v>0</v>
      </c>
      <c r="CR28" s="274">
        <v>0</v>
      </c>
      <c r="CS28" s="274">
        <v>0</v>
      </c>
      <c r="CT28" s="274">
        <v>0</v>
      </c>
      <c r="CU28" s="274">
        <v>0</v>
      </c>
      <c r="CV28" s="277">
        <v>0</v>
      </c>
      <c r="CW28" s="278">
        <v>0</v>
      </c>
      <c r="CX28" s="273">
        <v>0</v>
      </c>
      <c r="CY28" s="274">
        <v>0</v>
      </c>
      <c r="CZ28" s="275">
        <v>0</v>
      </c>
      <c r="DA28" s="279"/>
      <c r="DB28" s="274">
        <v>0</v>
      </c>
      <c r="DC28" s="274">
        <v>0</v>
      </c>
      <c r="DD28" s="274">
        <v>0</v>
      </c>
      <c r="DE28" s="274">
        <v>0</v>
      </c>
      <c r="DF28" s="274">
        <v>0</v>
      </c>
      <c r="DG28" s="277">
        <v>0</v>
      </c>
      <c r="DH28" s="278">
        <v>0</v>
      </c>
      <c r="DI28" s="273">
        <v>0</v>
      </c>
      <c r="DJ28" s="274">
        <v>0</v>
      </c>
      <c r="DK28" s="275">
        <v>0</v>
      </c>
      <c r="DL28" s="276">
        <v>0</v>
      </c>
      <c r="DM28" s="274">
        <v>29150</v>
      </c>
      <c r="DN28" s="274">
        <v>102193</v>
      </c>
      <c r="DO28" s="274">
        <v>631961</v>
      </c>
      <c r="DP28" s="274">
        <v>806312</v>
      </c>
      <c r="DQ28" s="274">
        <v>518020</v>
      </c>
      <c r="DR28" s="277">
        <v>2087636</v>
      </c>
      <c r="DS28" s="280">
        <v>2087636</v>
      </c>
      <c r="DT28" s="273">
        <v>0</v>
      </c>
      <c r="DU28" s="274">
        <v>0</v>
      </c>
      <c r="DV28" s="275">
        <v>0</v>
      </c>
      <c r="DW28" s="279"/>
      <c r="DX28" s="274">
        <v>15035</v>
      </c>
      <c r="DY28" s="274">
        <v>36611</v>
      </c>
      <c r="DZ28" s="274">
        <v>578180</v>
      </c>
      <c r="EA28" s="274">
        <v>716743</v>
      </c>
      <c r="EB28" s="274">
        <v>499635</v>
      </c>
      <c r="EC28" s="277">
        <v>1846204</v>
      </c>
      <c r="ED28" s="278">
        <v>1846204</v>
      </c>
      <c r="EE28" s="273">
        <v>0</v>
      </c>
      <c r="EF28" s="274">
        <v>0</v>
      </c>
      <c r="EG28" s="275">
        <v>0</v>
      </c>
      <c r="EH28" s="279"/>
      <c r="EI28" s="274">
        <v>217</v>
      </c>
      <c r="EJ28" s="274">
        <v>47239</v>
      </c>
      <c r="EK28" s="274">
        <v>651</v>
      </c>
      <c r="EL28" s="274">
        <v>20620</v>
      </c>
      <c r="EM28" s="274">
        <v>11904</v>
      </c>
      <c r="EN28" s="277">
        <v>80631</v>
      </c>
      <c r="EO28" s="278">
        <v>80631</v>
      </c>
      <c r="EP28" s="273">
        <v>0</v>
      </c>
      <c r="EQ28" s="274">
        <v>0</v>
      </c>
      <c r="ER28" s="275">
        <v>0</v>
      </c>
      <c r="ES28" s="279"/>
      <c r="ET28" s="274">
        <v>0</v>
      </c>
      <c r="EU28" s="274">
        <v>0</v>
      </c>
      <c r="EV28" s="274">
        <v>0</v>
      </c>
      <c r="EW28" s="274">
        <v>0</v>
      </c>
      <c r="EX28" s="274">
        <v>0</v>
      </c>
      <c r="EY28" s="277">
        <v>0</v>
      </c>
      <c r="EZ28" s="278">
        <v>0</v>
      </c>
      <c r="FA28" s="273">
        <v>0</v>
      </c>
      <c r="FB28" s="274">
        <v>0</v>
      </c>
      <c r="FC28" s="275">
        <v>0</v>
      </c>
      <c r="FD28" s="279"/>
      <c r="FE28" s="274">
        <v>0</v>
      </c>
      <c r="FF28" s="274">
        <v>0</v>
      </c>
      <c r="FG28" s="274">
        <v>0</v>
      </c>
      <c r="FH28" s="274">
        <v>0</v>
      </c>
      <c r="FI28" s="274">
        <v>217</v>
      </c>
      <c r="FJ28" s="277">
        <v>217</v>
      </c>
      <c r="FK28" s="278">
        <v>217</v>
      </c>
      <c r="FL28" s="273">
        <v>0</v>
      </c>
      <c r="FM28" s="274">
        <v>0</v>
      </c>
      <c r="FN28" s="275">
        <v>0</v>
      </c>
      <c r="FO28" s="279"/>
      <c r="FP28" s="274">
        <v>0</v>
      </c>
      <c r="FQ28" s="274">
        <v>0</v>
      </c>
      <c r="FR28" s="274">
        <v>0</v>
      </c>
      <c r="FS28" s="274">
        <v>0</v>
      </c>
      <c r="FT28" s="274">
        <v>0</v>
      </c>
      <c r="FU28" s="277">
        <v>0</v>
      </c>
      <c r="FV28" s="278">
        <v>0</v>
      </c>
      <c r="FW28" s="273">
        <v>0</v>
      </c>
      <c r="FX28" s="274">
        <v>0</v>
      </c>
      <c r="FY28" s="275">
        <v>0</v>
      </c>
      <c r="FZ28" s="276">
        <v>0</v>
      </c>
      <c r="GA28" s="274">
        <v>13898</v>
      </c>
      <c r="GB28" s="274">
        <v>18343</v>
      </c>
      <c r="GC28" s="274">
        <v>50603</v>
      </c>
      <c r="GD28" s="274">
        <v>68949</v>
      </c>
      <c r="GE28" s="274">
        <v>6264</v>
      </c>
      <c r="GF28" s="277">
        <v>158057</v>
      </c>
      <c r="GG28" s="278">
        <v>158057</v>
      </c>
      <c r="GH28" s="273">
        <v>0</v>
      </c>
      <c r="GI28" s="274">
        <v>0</v>
      </c>
      <c r="GJ28" s="275">
        <v>0</v>
      </c>
      <c r="GK28" s="276">
        <v>0</v>
      </c>
      <c r="GL28" s="274">
        <v>0</v>
      </c>
      <c r="GM28" s="274">
        <v>0</v>
      </c>
      <c r="GN28" s="274">
        <v>2527</v>
      </c>
      <c r="GO28" s="274">
        <v>0</v>
      </c>
      <c r="GP28" s="274">
        <v>0</v>
      </c>
      <c r="GQ28" s="277">
        <v>2527</v>
      </c>
      <c r="GR28" s="278">
        <v>2527</v>
      </c>
      <c r="GS28" s="273">
        <v>0</v>
      </c>
      <c r="GT28" s="274">
        <v>0</v>
      </c>
      <c r="GU28" s="275">
        <v>0</v>
      </c>
      <c r="GV28" s="276">
        <v>0</v>
      </c>
      <c r="GW28" s="274">
        <v>0</v>
      </c>
      <c r="GX28" s="274">
        <v>0</v>
      </c>
      <c r="GY28" s="274">
        <v>0</v>
      </c>
      <c r="GZ28" s="274">
        <v>0</v>
      </c>
      <c r="HA28" s="274">
        <v>0</v>
      </c>
      <c r="HB28" s="277">
        <v>0</v>
      </c>
      <c r="HC28" s="278">
        <v>0</v>
      </c>
      <c r="HD28" s="273">
        <v>0</v>
      </c>
      <c r="HE28" s="274">
        <v>0</v>
      </c>
      <c r="HF28" s="275">
        <v>0</v>
      </c>
      <c r="HG28" s="279"/>
      <c r="HH28" s="274">
        <v>0</v>
      </c>
      <c r="HI28" s="274">
        <v>0</v>
      </c>
      <c r="HJ28" s="274">
        <v>0</v>
      </c>
      <c r="HK28" s="274">
        <v>0</v>
      </c>
      <c r="HL28" s="274">
        <v>0</v>
      </c>
      <c r="HM28" s="277">
        <v>0</v>
      </c>
      <c r="HN28" s="278">
        <v>0</v>
      </c>
      <c r="HO28" s="273">
        <v>0</v>
      </c>
      <c r="HP28" s="274">
        <v>0</v>
      </c>
      <c r="HQ28" s="275">
        <v>0</v>
      </c>
      <c r="HR28" s="276">
        <v>0</v>
      </c>
      <c r="HS28" s="274">
        <v>47390</v>
      </c>
      <c r="HT28" s="274">
        <v>312372</v>
      </c>
      <c r="HU28" s="274">
        <v>1177867</v>
      </c>
      <c r="HV28" s="274">
        <v>1511675</v>
      </c>
      <c r="HW28" s="274">
        <v>1115105</v>
      </c>
      <c r="HX28" s="277">
        <v>4164409</v>
      </c>
      <c r="HY28" s="278">
        <v>4164409</v>
      </c>
    </row>
    <row r="29" spans="2:233" ht="21" customHeight="1" x14ac:dyDescent="0.2">
      <c r="B29" s="472" t="s">
        <v>26</v>
      </c>
      <c r="C29" s="273">
        <v>505</v>
      </c>
      <c r="D29" s="274">
        <v>0</v>
      </c>
      <c r="E29" s="275">
        <v>505</v>
      </c>
      <c r="F29" s="276">
        <v>0</v>
      </c>
      <c r="G29" s="274">
        <v>40854</v>
      </c>
      <c r="H29" s="274">
        <v>217330</v>
      </c>
      <c r="I29" s="274">
        <v>350835</v>
      </c>
      <c r="J29" s="274">
        <v>730444</v>
      </c>
      <c r="K29" s="274">
        <v>478225</v>
      </c>
      <c r="L29" s="277">
        <v>1817688</v>
      </c>
      <c r="M29" s="278">
        <v>1818193</v>
      </c>
      <c r="N29" s="273">
        <v>0</v>
      </c>
      <c r="O29" s="274">
        <v>0</v>
      </c>
      <c r="P29" s="275">
        <v>0</v>
      </c>
      <c r="Q29" s="279"/>
      <c r="R29" s="274">
        <v>0</v>
      </c>
      <c r="S29" s="274">
        <v>76000</v>
      </c>
      <c r="T29" s="274">
        <v>230640</v>
      </c>
      <c r="U29" s="274">
        <v>438930</v>
      </c>
      <c r="V29" s="274">
        <v>403230</v>
      </c>
      <c r="W29" s="277">
        <v>1148800</v>
      </c>
      <c r="X29" s="278">
        <v>1148800</v>
      </c>
      <c r="Y29" s="273">
        <v>0</v>
      </c>
      <c r="Z29" s="274">
        <v>0</v>
      </c>
      <c r="AA29" s="275">
        <v>0</v>
      </c>
      <c r="AB29" s="279"/>
      <c r="AC29" s="274">
        <v>32705</v>
      </c>
      <c r="AD29" s="274">
        <v>124295</v>
      </c>
      <c r="AE29" s="274">
        <v>113780</v>
      </c>
      <c r="AF29" s="274">
        <v>255420</v>
      </c>
      <c r="AG29" s="274">
        <v>69325</v>
      </c>
      <c r="AH29" s="277">
        <v>595525</v>
      </c>
      <c r="AI29" s="278">
        <v>595525</v>
      </c>
      <c r="AJ29" s="273">
        <v>0</v>
      </c>
      <c r="AK29" s="274">
        <v>0</v>
      </c>
      <c r="AL29" s="275">
        <v>0</v>
      </c>
      <c r="AM29" s="279"/>
      <c r="AN29" s="274">
        <v>0</v>
      </c>
      <c r="AO29" s="274">
        <v>0</v>
      </c>
      <c r="AP29" s="274">
        <v>0</v>
      </c>
      <c r="AQ29" s="274">
        <v>0</v>
      </c>
      <c r="AR29" s="274">
        <v>0</v>
      </c>
      <c r="AS29" s="277">
        <v>0</v>
      </c>
      <c r="AT29" s="278">
        <v>0</v>
      </c>
      <c r="AU29" s="273">
        <v>0</v>
      </c>
      <c r="AV29" s="274">
        <v>0</v>
      </c>
      <c r="AW29" s="275">
        <v>0</v>
      </c>
      <c r="AX29" s="279"/>
      <c r="AY29" s="274">
        <v>0</v>
      </c>
      <c r="AZ29" s="274">
        <v>0</v>
      </c>
      <c r="BA29" s="274">
        <v>2635</v>
      </c>
      <c r="BB29" s="274">
        <v>0</v>
      </c>
      <c r="BC29" s="274">
        <v>5270</v>
      </c>
      <c r="BD29" s="277">
        <v>7905</v>
      </c>
      <c r="BE29" s="278">
        <v>7905</v>
      </c>
      <c r="BF29" s="273">
        <v>0</v>
      </c>
      <c r="BG29" s="274">
        <v>0</v>
      </c>
      <c r="BH29" s="275">
        <v>0</v>
      </c>
      <c r="BI29" s="279"/>
      <c r="BJ29" s="274">
        <v>0</v>
      </c>
      <c r="BK29" s="274">
        <v>0</v>
      </c>
      <c r="BL29" s="274">
        <v>0</v>
      </c>
      <c r="BM29" s="274">
        <v>0</v>
      </c>
      <c r="BN29" s="274">
        <v>0</v>
      </c>
      <c r="BO29" s="277">
        <v>0</v>
      </c>
      <c r="BP29" s="278">
        <v>0</v>
      </c>
      <c r="BQ29" s="273">
        <v>505</v>
      </c>
      <c r="BR29" s="274">
        <v>0</v>
      </c>
      <c r="BS29" s="275">
        <v>505</v>
      </c>
      <c r="BT29" s="276">
        <v>0</v>
      </c>
      <c r="BU29" s="274">
        <v>8149</v>
      </c>
      <c r="BV29" s="274">
        <v>13225</v>
      </c>
      <c r="BW29" s="274">
        <v>1695</v>
      </c>
      <c r="BX29" s="274">
        <v>35259</v>
      </c>
      <c r="BY29" s="274">
        <v>400</v>
      </c>
      <c r="BZ29" s="277">
        <v>58728</v>
      </c>
      <c r="CA29" s="278">
        <v>59233</v>
      </c>
      <c r="CB29" s="273">
        <v>0</v>
      </c>
      <c r="CC29" s="274">
        <v>0</v>
      </c>
      <c r="CD29" s="275">
        <v>0</v>
      </c>
      <c r="CE29" s="276">
        <v>0</v>
      </c>
      <c r="CF29" s="274">
        <v>0</v>
      </c>
      <c r="CG29" s="274">
        <v>3810</v>
      </c>
      <c r="CH29" s="274">
        <v>2085</v>
      </c>
      <c r="CI29" s="274">
        <v>835</v>
      </c>
      <c r="CJ29" s="274">
        <v>0</v>
      </c>
      <c r="CK29" s="277">
        <v>6730</v>
      </c>
      <c r="CL29" s="278">
        <v>6730</v>
      </c>
      <c r="CM29" s="273">
        <v>0</v>
      </c>
      <c r="CN29" s="274">
        <v>0</v>
      </c>
      <c r="CO29" s="275">
        <v>0</v>
      </c>
      <c r="CP29" s="276">
        <v>0</v>
      </c>
      <c r="CQ29" s="274">
        <v>0</v>
      </c>
      <c r="CR29" s="274">
        <v>0</v>
      </c>
      <c r="CS29" s="274">
        <v>0</v>
      </c>
      <c r="CT29" s="274">
        <v>0</v>
      </c>
      <c r="CU29" s="274">
        <v>0</v>
      </c>
      <c r="CV29" s="277">
        <v>0</v>
      </c>
      <c r="CW29" s="278">
        <v>0</v>
      </c>
      <c r="CX29" s="273">
        <v>0</v>
      </c>
      <c r="CY29" s="274">
        <v>0</v>
      </c>
      <c r="CZ29" s="275">
        <v>0</v>
      </c>
      <c r="DA29" s="279"/>
      <c r="DB29" s="274">
        <v>0</v>
      </c>
      <c r="DC29" s="274">
        <v>0</v>
      </c>
      <c r="DD29" s="274">
        <v>0</v>
      </c>
      <c r="DE29" s="274">
        <v>0</v>
      </c>
      <c r="DF29" s="274">
        <v>0</v>
      </c>
      <c r="DG29" s="277">
        <v>0</v>
      </c>
      <c r="DH29" s="278">
        <v>0</v>
      </c>
      <c r="DI29" s="273">
        <v>2088</v>
      </c>
      <c r="DJ29" s="274">
        <v>0</v>
      </c>
      <c r="DK29" s="275">
        <v>2088</v>
      </c>
      <c r="DL29" s="276">
        <v>0</v>
      </c>
      <c r="DM29" s="274">
        <v>19988</v>
      </c>
      <c r="DN29" s="274">
        <v>165130</v>
      </c>
      <c r="DO29" s="274">
        <v>350294</v>
      </c>
      <c r="DP29" s="274">
        <v>659536</v>
      </c>
      <c r="DQ29" s="274">
        <v>494070</v>
      </c>
      <c r="DR29" s="277">
        <v>1689018</v>
      </c>
      <c r="DS29" s="280">
        <v>1691106</v>
      </c>
      <c r="DT29" s="273">
        <v>0</v>
      </c>
      <c r="DU29" s="274">
        <v>0</v>
      </c>
      <c r="DV29" s="275">
        <v>0</v>
      </c>
      <c r="DW29" s="279"/>
      <c r="DX29" s="274">
        <v>0</v>
      </c>
      <c r="DY29" s="274">
        <v>108522</v>
      </c>
      <c r="DZ29" s="274">
        <v>330088</v>
      </c>
      <c r="EA29" s="274">
        <v>568007</v>
      </c>
      <c r="EB29" s="274">
        <v>472459</v>
      </c>
      <c r="EC29" s="277">
        <v>1479076</v>
      </c>
      <c r="ED29" s="278">
        <v>1479076</v>
      </c>
      <c r="EE29" s="273">
        <v>0</v>
      </c>
      <c r="EF29" s="274">
        <v>0</v>
      </c>
      <c r="EG29" s="275">
        <v>0</v>
      </c>
      <c r="EH29" s="279"/>
      <c r="EI29" s="274">
        <v>217</v>
      </c>
      <c r="EJ29" s="274">
        <v>35047</v>
      </c>
      <c r="EK29" s="274">
        <v>13206</v>
      </c>
      <c r="EL29" s="274">
        <v>50151</v>
      </c>
      <c r="EM29" s="274">
        <v>757</v>
      </c>
      <c r="EN29" s="277">
        <v>99378</v>
      </c>
      <c r="EO29" s="278">
        <v>99378</v>
      </c>
      <c r="EP29" s="273">
        <v>0</v>
      </c>
      <c r="EQ29" s="274">
        <v>0</v>
      </c>
      <c r="ER29" s="275">
        <v>0</v>
      </c>
      <c r="ES29" s="279"/>
      <c r="ET29" s="274">
        <v>0</v>
      </c>
      <c r="EU29" s="274">
        <v>0</v>
      </c>
      <c r="EV29" s="274">
        <v>0</v>
      </c>
      <c r="EW29" s="274">
        <v>0</v>
      </c>
      <c r="EX29" s="274">
        <v>0</v>
      </c>
      <c r="EY29" s="277">
        <v>0</v>
      </c>
      <c r="EZ29" s="278">
        <v>0</v>
      </c>
      <c r="FA29" s="273">
        <v>0</v>
      </c>
      <c r="FB29" s="274">
        <v>0</v>
      </c>
      <c r="FC29" s="275">
        <v>0</v>
      </c>
      <c r="FD29" s="279"/>
      <c r="FE29" s="274">
        <v>0</v>
      </c>
      <c r="FF29" s="274">
        <v>0</v>
      </c>
      <c r="FG29" s="274">
        <v>217</v>
      </c>
      <c r="FH29" s="274">
        <v>0</v>
      </c>
      <c r="FI29" s="274">
        <v>434</v>
      </c>
      <c r="FJ29" s="277">
        <v>651</v>
      </c>
      <c r="FK29" s="278">
        <v>651</v>
      </c>
      <c r="FL29" s="273">
        <v>0</v>
      </c>
      <c r="FM29" s="274">
        <v>0</v>
      </c>
      <c r="FN29" s="275">
        <v>0</v>
      </c>
      <c r="FO29" s="279"/>
      <c r="FP29" s="274">
        <v>0</v>
      </c>
      <c r="FQ29" s="274">
        <v>0</v>
      </c>
      <c r="FR29" s="274">
        <v>0</v>
      </c>
      <c r="FS29" s="274">
        <v>0</v>
      </c>
      <c r="FT29" s="274">
        <v>0</v>
      </c>
      <c r="FU29" s="277">
        <v>0</v>
      </c>
      <c r="FV29" s="278">
        <v>0</v>
      </c>
      <c r="FW29" s="273">
        <v>2088</v>
      </c>
      <c r="FX29" s="274">
        <v>0</v>
      </c>
      <c r="FY29" s="275">
        <v>2088</v>
      </c>
      <c r="FZ29" s="276">
        <v>0</v>
      </c>
      <c r="GA29" s="274">
        <v>19771</v>
      </c>
      <c r="GB29" s="274">
        <v>21512</v>
      </c>
      <c r="GC29" s="274">
        <v>6664</v>
      </c>
      <c r="GD29" s="274">
        <v>41294</v>
      </c>
      <c r="GE29" s="274">
        <v>20420</v>
      </c>
      <c r="GF29" s="277">
        <v>109661</v>
      </c>
      <c r="GG29" s="278">
        <v>111749</v>
      </c>
      <c r="GH29" s="273">
        <v>0</v>
      </c>
      <c r="GI29" s="274">
        <v>0</v>
      </c>
      <c r="GJ29" s="275">
        <v>0</v>
      </c>
      <c r="GK29" s="276">
        <v>0</v>
      </c>
      <c r="GL29" s="274">
        <v>0</v>
      </c>
      <c r="GM29" s="274">
        <v>49</v>
      </c>
      <c r="GN29" s="274">
        <v>119</v>
      </c>
      <c r="GO29" s="274">
        <v>84</v>
      </c>
      <c r="GP29" s="274">
        <v>0</v>
      </c>
      <c r="GQ29" s="277">
        <v>252</v>
      </c>
      <c r="GR29" s="278">
        <v>252</v>
      </c>
      <c r="GS29" s="273">
        <v>0</v>
      </c>
      <c r="GT29" s="274">
        <v>0</v>
      </c>
      <c r="GU29" s="275">
        <v>0</v>
      </c>
      <c r="GV29" s="276">
        <v>0</v>
      </c>
      <c r="GW29" s="274">
        <v>0</v>
      </c>
      <c r="GX29" s="274">
        <v>0</v>
      </c>
      <c r="GY29" s="274">
        <v>0</v>
      </c>
      <c r="GZ29" s="274">
        <v>0</v>
      </c>
      <c r="HA29" s="274">
        <v>0</v>
      </c>
      <c r="HB29" s="277">
        <v>0</v>
      </c>
      <c r="HC29" s="278">
        <v>0</v>
      </c>
      <c r="HD29" s="273">
        <v>0</v>
      </c>
      <c r="HE29" s="274">
        <v>0</v>
      </c>
      <c r="HF29" s="275">
        <v>0</v>
      </c>
      <c r="HG29" s="279"/>
      <c r="HH29" s="274">
        <v>0</v>
      </c>
      <c r="HI29" s="274">
        <v>0</v>
      </c>
      <c r="HJ29" s="274">
        <v>0</v>
      </c>
      <c r="HK29" s="274">
        <v>0</v>
      </c>
      <c r="HL29" s="274">
        <v>0</v>
      </c>
      <c r="HM29" s="277">
        <v>0</v>
      </c>
      <c r="HN29" s="278">
        <v>0</v>
      </c>
      <c r="HO29" s="273">
        <v>2593</v>
      </c>
      <c r="HP29" s="274">
        <v>0</v>
      </c>
      <c r="HQ29" s="275">
        <v>2593</v>
      </c>
      <c r="HR29" s="276">
        <v>0</v>
      </c>
      <c r="HS29" s="274">
        <v>60842</v>
      </c>
      <c r="HT29" s="274">
        <v>382460</v>
      </c>
      <c r="HU29" s="274">
        <v>701129</v>
      </c>
      <c r="HV29" s="274">
        <v>1389980</v>
      </c>
      <c r="HW29" s="274">
        <v>972295</v>
      </c>
      <c r="HX29" s="277">
        <v>3506706</v>
      </c>
      <c r="HY29" s="278">
        <v>3509299</v>
      </c>
    </row>
    <row r="30" spans="2:233" ht="21" customHeight="1" x14ac:dyDescent="0.2">
      <c r="B30" s="472" t="s">
        <v>27</v>
      </c>
      <c r="C30" s="273">
        <v>0</v>
      </c>
      <c r="D30" s="274">
        <v>0</v>
      </c>
      <c r="E30" s="275">
        <v>0</v>
      </c>
      <c r="F30" s="276">
        <v>0</v>
      </c>
      <c r="G30" s="274">
        <v>99657</v>
      </c>
      <c r="H30" s="274">
        <v>122433</v>
      </c>
      <c r="I30" s="274">
        <v>487025</v>
      </c>
      <c r="J30" s="274">
        <v>770422</v>
      </c>
      <c r="K30" s="274">
        <v>440615</v>
      </c>
      <c r="L30" s="277">
        <v>1920152</v>
      </c>
      <c r="M30" s="278">
        <v>1920152</v>
      </c>
      <c r="N30" s="273">
        <v>0</v>
      </c>
      <c r="O30" s="274">
        <v>0</v>
      </c>
      <c r="P30" s="275">
        <v>0</v>
      </c>
      <c r="Q30" s="279"/>
      <c r="R30" s="274">
        <v>35340</v>
      </c>
      <c r="S30" s="274">
        <v>32705</v>
      </c>
      <c r="T30" s="274">
        <v>308235</v>
      </c>
      <c r="U30" s="274">
        <v>501880</v>
      </c>
      <c r="V30" s="274">
        <v>406635</v>
      </c>
      <c r="W30" s="277">
        <v>1284795</v>
      </c>
      <c r="X30" s="278">
        <v>1284795</v>
      </c>
      <c r="Y30" s="273">
        <v>0</v>
      </c>
      <c r="Z30" s="274">
        <v>0</v>
      </c>
      <c r="AA30" s="275">
        <v>0</v>
      </c>
      <c r="AB30" s="279"/>
      <c r="AC30" s="274">
        <v>35340</v>
      </c>
      <c r="AD30" s="274">
        <v>86840</v>
      </c>
      <c r="AE30" s="274">
        <v>92535</v>
      </c>
      <c r="AF30" s="274">
        <v>230360</v>
      </c>
      <c r="AG30" s="274">
        <v>31345</v>
      </c>
      <c r="AH30" s="277">
        <v>476420</v>
      </c>
      <c r="AI30" s="278">
        <v>476420</v>
      </c>
      <c r="AJ30" s="273">
        <v>0</v>
      </c>
      <c r="AK30" s="274">
        <v>0</v>
      </c>
      <c r="AL30" s="275">
        <v>0</v>
      </c>
      <c r="AM30" s="279"/>
      <c r="AN30" s="274">
        <v>0</v>
      </c>
      <c r="AO30" s="274">
        <v>0</v>
      </c>
      <c r="AP30" s="274">
        <v>0</v>
      </c>
      <c r="AQ30" s="274">
        <v>0</v>
      </c>
      <c r="AR30" s="274">
        <v>0</v>
      </c>
      <c r="AS30" s="277">
        <v>0</v>
      </c>
      <c r="AT30" s="278">
        <v>0</v>
      </c>
      <c r="AU30" s="273">
        <v>0</v>
      </c>
      <c r="AV30" s="274">
        <v>0</v>
      </c>
      <c r="AW30" s="275">
        <v>0</v>
      </c>
      <c r="AX30" s="279"/>
      <c r="AY30" s="274">
        <v>0</v>
      </c>
      <c r="AZ30" s="274">
        <v>0</v>
      </c>
      <c r="BA30" s="274">
        <v>0</v>
      </c>
      <c r="BB30" s="274">
        <v>0</v>
      </c>
      <c r="BC30" s="274">
        <v>0</v>
      </c>
      <c r="BD30" s="277">
        <v>0</v>
      </c>
      <c r="BE30" s="278">
        <v>0</v>
      </c>
      <c r="BF30" s="273">
        <v>0</v>
      </c>
      <c r="BG30" s="274">
        <v>0</v>
      </c>
      <c r="BH30" s="275">
        <v>0</v>
      </c>
      <c r="BI30" s="279"/>
      <c r="BJ30" s="274">
        <v>0</v>
      </c>
      <c r="BK30" s="274">
        <v>0</v>
      </c>
      <c r="BL30" s="274">
        <v>62620</v>
      </c>
      <c r="BM30" s="274">
        <v>10540</v>
      </c>
      <c r="BN30" s="274">
        <v>2635</v>
      </c>
      <c r="BO30" s="277">
        <v>75795</v>
      </c>
      <c r="BP30" s="278">
        <v>75795</v>
      </c>
      <c r="BQ30" s="273">
        <v>0</v>
      </c>
      <c r="BR30" s="274">
        <v>0</v>
      </c>
      <c r="BS30" s="275">
        <v>0</v>
      </c>
      <c r="BT30" s="276">
        <v>0</v>
      </c>
      <c r="BU30" s="274">
        <v>28977</v>
      </c>
      <c r="BV30" s="274">
        <v>2888</v>
      </c>
      <c r="BW30" s="274">
        <v>23635</v>
      </c>
      <c r="BX30" s="274">
        <v>27642</v>
      </c>
      <c r="BY30" s="274">
        <v>0</v>
      </c>
      <c r="BZ30" s="277">
        <v>83142</v>
      </c>
      <c r="CA30" s="278">
        <v>83142</v>
      </c>
      <c r="CB30" s="273">
        <v>0</v>
      </c>
      <c r="CC30" s="274">
        <v>0</v>
      </c>
      <c r="CD30" s="275">
        <v>0</v>
      </c>
      <c r="CE30" s="276">
        <v>0</v>
      </c>
      <c r="CF30" s="274">
        <v>0</v>
      </c>
      <c r="CG30" s="274">
        <v>0</v>
      </c>
      <c r="CH30" s="274">
        <v>0</v>
      </c>
      <c r="CI30" s="274">
        <v>0</v>
      </c>
      <c r="CJ30" s="274">
        <v>0</v>
      </c>
      <c r="CK30" s="277">
        <v>0</v>
      </c>
      <c r="CL30" s="278">
        <v>0</v>
      </c>
      <c r="CM30" s="273">
        <v>0</v>
      </c>
      <c r="CN30" s="274">
        <v>0</v>
      </c>
      <c r="CO30" s="275">
        <v>0</v>
      </c>
      <c r="CP30" s="276">
        <v>0</v>
      </c>
      <c r="CQ30" s="274">
        <v>0</v>
      </c>
      <c r="CR30" s="274">
        <v>0</v>
      </c>
      <c r="CS30" s="274">
        <v>0</v>
      </c>
      <c r="CT30" s="274">
        <v>0</v>
      </c>
      <c r="CU30" s="274">
        <v>0</v>
      </c>
      <c r="CV30" s="277">
        <v>0</v>
      </c>
      <c r="CW30" s="278">
        <v>0</v>
      </c>
      <c r="CX30" s="273">
        <v>0</v>
      </c>
      <c r="CY30" s="274">
        <v>0</v>
      </c>
      <c r="CZ30" s="275">
        <v>0</v>
      </c>
      <c r="DA30" s="279"/>
      <c r="DB30" s="274">
        <v>0</v>
      </c>
      <c r="DC30" s="274">
        <v>0</v>
      </c>
      <c r="DD30" s="274">
        <v>0</v>
      </c>
      <c r="DE30" s="274">
        <v>0</v>
      </c>
      <c r="DF30" s="274">
        <v>0</v>
      </c>
      <c r="DG30" s="277">
        <v>0</v>
      </c>
      <c r="DH30" s="278">
        <v>0</v>
      </c>
      <c r="DI30" s="273">
        <v>0</v>
      </c>
      <c r="DJ30" s="274">
        <v>0</v>
      </c>
      <c r="DK30" s="275">
        <v>0</v>
      </c>
      <c r="DL30" s="276">
        <v>0</v>
      </c>
      <c r="DM30" s="274">
        <v>84326</v>
      </c>
      <c r="DN30" s="274">
        <v>17560</v>
      </c>
      <c r="DO30" s="274">
        <v>439113</v>
      </c>
      <c r="DP30" s="274">
        <v>821338</v>
      </c>
      <c r="DQ30" s="274">
        <v>389180</v>
      </c>
      <c r="DR30" s="277">
        <v>1751517</v>
      </c>
      <c r="DS30" s="280">
        <v>1751517</v>
      </c>
      <c r="DT30" s="273">
        <v>0</v>
      </c>
      <c r="DU30" s="274">
        <v>0</v>
      </c>
      <c r="DV30" s="275">
        <v>0</v>
      </c>
      <c r="DW30" s="279"/>
      <c r="DX30" s="274">
        <v>29140</v>
      </c>
      <c r="DY30" s="274">
        <v>14570</v>
      </c>
      <c r="DZ30" s="274">
        <v>286248</v>
      </c>
      <c r="EA30" s="274">
        <v>579940</v>
      </c>
      <c r="EB30" s="274">
        <v>356772</v>
      </c>
      <c r="EC30" s="277">
        <v>1266670</v>
      </c>
      <c r="ED30" s="278">
        <v>1266670</v>
      </c>
      <c r="EE30" s="273">
        <v>0</v>
      </c>
      <c r="EF30" s="274">
        <v>0</v>
      </c>
      <c r="EG30" s="275">
        <v>0</v>
      </c>
      <c r="EH30" s="279"/>
      <c r="EI30" s="274">
        <v>21793</v>
      </c>
      <c r="EJ30" s="274">
        <v>1050</v>
      </c>
      <c r="EK30" s="274">
        <v>32891</v>
      </c>
      <c r="EL30" s="274">
        <v>117549</v>
      </c>
      <c r="EM30" s="274">
        <v>10832</v>
      </c>
      <c r="EN30" s="277">
        <v>184115</v>
      </c>
      <c r="EO30" s="278">
        <v>184115</v>
      </c>
      <c r="EP30" s="273">
        <v>0</v>
      </c>
      <c r="EQ30" s="274">
        <v>0</v>
      </c>
      <c r="ER30" s="275">
        <v>0</v>
      </c>
      <c r="ES30" s="279"/>
      <c r="ET30" s="274">
        <v>0</v>
      </c>
      <c r="EU30" s="274">
        <v>0</v>
      </c>
      <c r="EV30" s="274">
        <v>0</v>
      </c>
      <c r="EW30" s="274">
        <v>0</v>
      </c>
      <c r="EX30" s="274">
        <v>0</v>
      </c>
      <c r="EY30" s="277">
        <v>0</v>
      </c>
      <c r="EZ30" s="278">
        <v>0</v>
      </c>
      <c r="FA30" s="273">
        <v>0</v>
      </c>
      <c r="FB30" s="274">
        <v>0</v>
      </c>
      <c r="FC30" s="275">
        <v>0</v>
      </c>
      <c r="FD30" s="279"/>
      <c r="FE30" s="274">
        <v>0</v>
      </c>
      <c r="FF30" s="274">
        <v>0</v>
      </c>
      <c r="FG30" s="274">
        <v>0</v>
      </c>
      <c r="FH30" s="274">
        <v>0</v>
      </c>
      <c r="FI30" s="274">
        <v>0</v>
      </c>
      <c r="FJ30" s="277">
        <v>0</v>
      </c>
      <c r="FK30" s="278">
        <v>0</v>
      </c>
      <c r="FL30" s="273">
        <v>0</v>
      </c>
      <c r="FM30" s="274">
        <v>0</v>
      </c>
      <c r="FN30" s="275">
        <v>0</v>
      </c>
      <c r="FO30" s="279"/>
      <c r="FP30" s="274">
        <v>0</v>
      </c>
      <c r="FQ30" s="274">
        <v>0</v>
      </c>
      <c r="FR30" s="274">
        <v>101494</v>
      </c>
      <c r="FS30" s="274">
        <v>86304</v>
      </c>
      <c r="FT30" s="274">
        <v>21576</v>
      </c>
      <c r="FU30" s="277">
        <v>209374</v>
      </c>
      <c r="FV30" s="278">
        <v>209374</v>
      </c>
      <c r="FW30" s="273">
        <v>0</v>
      </c>
      <c r="FX30" s="274">
        <v>0</v>
      </c>
      <c r="FY30" s="275">
        <v>0</v>
      </c>
      <c r="FZ30" s="276">
        <v>0</v>
      </c>
      <c r="GA30" s="274">
        <v>33393</v>
      </c>
      <c r="GB30" s="274">
        <v>1940</v>
      </c>
      <c r="GC30" s="274">
        <v>18480</v>
      </c>
      <c r="GD30" s="274">
        <v>37545</v>
      </c>
      <c r="GE30" s="274">
        <v>0</v>
      </c>
      <c r="GF30" s="277">
        <v>91358</v>
      </c>
      <c r="GG30" s="278">
        <v>91358</v>
      </c>
      <c r="GH30" s="273">
        <v>0</v>
      </c>
      <c r="GI30" s="274">
        <v>0</v>
      </c>
      <c r="GJ30" s="275">
        <v>0</v>
      </c>
      <c r="GK30" s="276">
        <v>0</v>
      </c>
      <c r="GL30" s="274">
        <v>0</v>
      </c>
      <c r="GM30" s="274">
        <v>0</v>
      </c>
      <c r="GN30" s="274">
        <v>0</v>
      </c>
      <c r="GO30" s="274">
        <v>0</v>
      </c>
      <c r="GP30" s="274">
        <v>0</v>
      </c>
      <c r="GQ30" s="277">
        <v>0</v>
      </c>
      <c r="GR30" s="278">
        <v>0</v>
      </c>
      <c r="GS30" s="273">
        <v>0</v>
      </c>
      <c r="GT30" s="274">
        <v>0</v>
      </c>
      <c r="GU30" s="275">
        <v>0</v>
      </c>
      <c r="GV30" s="276">
        <v>0</v>
      </c>
      <c r="GW30" s="274">
        <v>0</v>
      </c>
      <c r="GX30" s="274">
        <v>0</v>
      </c>
      <c r="GY30" s="274">
        <v>0</v>
      </c>
      <c r="GZ30" s="274">
        <v>0</v>
      </c>
      <c r="HA30" s="274">
        <v>0</v>
      </c>
      <c r="HB30" s="277">
        <v>0</v>
      </c>
      <c r="HC30" s="278">
        <v>0</v>
      </c>
      <c r="HD30" s="273">
        <v>0</v>
      </c>
      <c r="HE30" s="274">
        <v>0</v>
      </c>
      <c r="HF30" s="275">
        <v>0</v>
      </c>
      <c r="HG30" s="279"/>
      <c r="HH30" s="274">
        <v>0</v>
      </c>
      <c r="HI30" s="274">
        <v>0</v>
      </c>
      <c r="HJ30" s="274">
        <v>0</v>
      </c>
      <c r="HK30" s="274">
        <v>0</v>
      </c>
      <c r="HL30" s="274">
        <v>0</v>
      </c>
      <c r="HM30" s="277">
        <v>0</v>
      </c>
      <c r="HN30" s="278">
        <v>0</v>
      </c>
      <c r="HO30" s="273">
        <v>0</v>
      </c>
      <c r="HP30" s="274">
        <v>0</v>
      </c>
      <c r="HQ30" s="275">
        <v>0</v>
      </c>
      <c r="HR30" s="276">
        <v>0</v>
      </c>
      <c r="HS30" s="274">
        <v>183983</v>
      </c>
      <c r="HT30" s="274">
        <v>139993</v>
      </c>
      <c r="HU30" s="274">
        <v>926138</v>
      </c>
      <c r="HV30" s="274">
        <v>1591760</v>
      </c>
      <c r="HW30" s="274">
        <v>829795</v>
      </c>
      <c r="HX30" s="277">
        <v>3671669</v>
      </c>
      <c r="HY30" s="278">
        <v>3671669</v>
      </c>
    </row>
    <row r="31" spans="2:233" ht="21" customHeight="1" x14ac:dyDescent="0.2">
      <c r="B31" s="472" t="s">
        <v>28</v>
      </c>
      <c r="C31" s="273">
        <v>0</v>
      </c>
      <c r="D31" s="274">
        <v>0</v>
      </c>
      <c r="E31" s="275">
        <v>0</v>
      </c>
      <c r="F31" s="276">
        <v>0</v>
      </c>
      <c r="G31" s="274">
        <v>24450</v>
      </c>
      <c r="H31" s="274">
        <v>55335</v>
      </c>
      <c r="I31" s="274">
        <v>343140</v>
      </c>
      <c r="J31" s="274">
        <v>165063</v>
      </c>
      <c r="K31" s="274">
        <v>61245</v>
      </c>
      <c r="L31" s="277">
        <v>649233</v>
      </c>
      <c r="M31" s="278">
        <v>649233</v>
      </c>
      <c r="N31" s="273">
        <v>0</v>
      </c>
      <c r="O31" s="274">
        <v>0</v>
      </c>
      <c r="P31" s="275">
        <v>0</v>
      </c>
      <c r="Q31" s="279"/>
      <c r="R31" s="274">
        <v>0</v>
      </c>
      <c r="S31" s="274">
        <v>30690</v>
      </c>
      <c r="T31" s="274">
        <v>278225</v>
      </c>
      <c r="U31" s="274">
        <v>153740</v>
      </c>
      <c r="V31" s="274">
        <v>61245</v>
      </c>
      <c r="W31" s="277">
        <v>523900</v>
      </c>
      <c r="X31" s="278">
        <v>523900</v>
      </c>
      <c r="Y31" s="273">
        <v>0</v>
      </c>
      <c r="Z31" s="274">
        <v>0</v>
      </c>
      <c r="AA31" s="275">
        <v>0</v>
      </c>
      <c r="AB31" s="279"/>
      <c r="AC31" s="274">
        <v>24450</v>
      </c>
      <c r="AD31" s="274">
        <v>24645</v>
      </c>
      <c r="AE31" s="274">
        <v>59730</v>
      </c>
      <c r="AF31" s="274">
        <v>5270</v>
      </c>
      <c r="AG31" s="274">
        <v>0</v>
      </c>
      <c r="AH31" s="277">
        <v>114095</v>
      </c>
      <c r="AI31" s="278">
        <v>114095</v>
      </c>
      <c r="AJ31" s="273">
        <v>0</v>
      </c>
      <c r="AK31" s="274">
        <v>0</v>
      </c>
      <c r="AL31" s="275">
        <v>0</v>
      </c>
      <c r="AM31" s="279"/>
      <c r="AN31" s="274">
        <v>0</v>
      </c>
      <c r="AO31" s="274">
        <v>0</v>
      </c>
      <c r="AP31" s="274">
        <v>0</v>
      </c>
      <c r="AQ31" s="274">
        <v>0</v>
      </c>
      <c r="AR31" s="274">
        <v>0</v>
      </c>
      <c r="AS31" s="277">
        <v>0</v>
      </c>
      <c r="AT31" s="278">
        <v>0</v>
      </c>
      <c r="AU31" s="273">
        <v>0</v>
      </c>
      <c r="AV31" s="274">
        <v>0</v>
      </c>
      <c r="AW31" s="275">
        <v>0</v>
      </c>
      <c r="AX31" s="279"/>
      <c r="AY31" s="274">
        <v>0</v>
      </c>
      <c r="AZ31" s="274">
        <v>0</v>
      </c>
      <c r="BA31" s="274">
        <v>0</v>
      </c>
      <c r="BB31" s="274">
        <v>0</v>
      </c>
      <c r="BC31" s="274">
        <v>0</v>
      </c>
      <c r="BD31" s="277">
        <v>0</v>
      </c>
      <c r="BE31" s="278">
        <v>0</v>
      </c>
      <c r="BF31" s="273">
        <v>0</v>
      </c>
      <c r="BG31" s="274">
        <v>0</v>
      </c>
      <c r="BH31" s="275">
        <v>0</v>
      </c>
      <c r="BI31" s="279"/>
      <c r="BJ31" s="274">
        <v>0</v>
      </c>
      <c r="BK31" s="274">
        <v>0</v>
      </c>
      <c r="BL31" s="274">
        <v>5185</v>
      </c>
      <c r="BM31" s="274">
        <v>0</v>
      </c>
      <c r="BN31" s="274">
        <v>0</v>
      </c>
      <c r="BO31" s="277">
        <v>5185</v>
      </c>
      <c r="BP31" s="278">
        <v>5185</v>
      </c>
      <c r="BQ31" s="273">
        <v>0</v>
      </c>
      <c r="BR31" s="274">
        <v>0</v>
      </c>
      <c r="BS31" s="275">
        <v>0</v>
      </c>
      <c r="BT31" s="276">
        <v>0</v>
      </c>
      <c r="BU31" s="274">
        <v>0</v>
      </c>
      <c r="BV31" s="274">
        <v>0</v>
      </c>
      <c r="BW31" s="274">
        <v>0</v>
      </c>
      <c r="BX31" s="274">
        <v>6053</v>
      </c>
      <c r="BY31" s="274">
        <v>0</v>
      </c>
      <c r="BZ31" s="277">
        <v>6053</v>
      </c>
      <c r="CA31" s="278">
        <v>6053</v>
      </c>
      <c r="CB31" s="273">
        <v>0</v>
      </c>
      <c r="CC31" s="274">
        <v>0</v>
      </c>
      <c r="CD31" s="275">
        <v>0</v>
      </c>
      <c r="CE31" s="276">
        <v>0</v>
      </c>
      <c r="CF31" s="274">
        <v>0</v>
      </c>
      <c r="CG31" s="274">
        <v>0</v>
      </c>
      <c r="CH31" s="274">
        <v>0</v>
      </c>
      <c r="CI31" s="274">
        <v>0</v>
      </c>
      <c r="CJ31" s="274">
        <v>0</v>
      </c>
      <c r="CK31" s="277">
        <v>0</v>
      </c>
      <c r="CL31" s="278">
        <v>0</v>
      </c>
      <c r="CM31" s="273">
        <v>0</v>
      </c>
      <c r="CN31" s="274">
        <v>0</v>
      </c>
      <c r="CO31" s="275">
        <v>0</v>
      </c>
      <c r="CP31" s="276">
        <v>0</v>
      </c>
      <c r="CQ31" s="274">
        <v>0</v>
      </c>
      <c r="CR31" s="274">
        <v>0</v>
      </c>
      <c r="CS31" s="274">
        <v>0</v>
      </c>
      <c r="CT31" s="274">
        <v>0</v>
      </c>
      <c r="CU31" s="274">
        <v>0</v>
      </c>
      <c r="CV31" s="277">
        <v>0</v>
      </c>
      <c r="CW31" s="278">
        <v>0</v>
      </c>
      <c r="CX31" s="273">
        <v>0</v>
      </c>
      <c r="CY31" s="274">
        <v>0</v>
      </c>
      <c r="CZ31" s="275">
        <v>0</v>
      </c>
      <c r="DA31" s="279"/>
      <c r="DB31" s="274">
        <v>0</v>
      </c>
      <c r="DC31" s="274">
        <v>0</v>
      </c>
      <c r="DD31" s="274">
        <v>0</v>
      </c>
      <c r="DE31" s="274">
        <v>0</v>
      </c>
      <c r="DF31" s="274">
        <v>0</v>
      </c>
      <c r="DG31" s="277">
        <v>0</v>
      </c>
      <c r="DH31" s="278">
        <v>0</v>
      </c>
      <c r="DI31" s="273">
        <v>0</v>
      </c>
      <c r="DJ31" s="274">
        <v>0</v>
      </c>
      <c r="DK31" s="275">
        <v>0</v>
      </c>
      <c r="DL31" s="276">
        <v>0</v>
      </c>
      <c r="DM31" s="274">
        <v>217</v>
      </c>
      <c r="DN31" s="274">
        <v>14787</v>
      </c>
      <c r="DO31" s="274">
        <v>303224</v>
      </c>
      <c r="DP31" s="274">
        <v>147430</v>
      </c>
      <c r="DQ31" s="274">
        <v>98421</v>
      </c>
      <c r="DR31" s="277">
        <v>564079</v>
      </c>
      <c r="DS31" s="280">
        <v>564079</v>
      </c>
      <c r="DT31" s="273">
        <v>0</v>
      </c>
      <c r="DU31" s="274">
        <v>0</v>
      </c>
      <c r="DV31" s="275">
        <v>0</v>
      </c>
      <c r="DW31" s="279"/>
      <c r="DX31" s="274">
        <v>0</v>
      </c>
      <c r="DY31" s="274">
        <v>14570</v>
      </c>
      <c r="DZ31" s="274">
        <v>271644</v>
      </c>
      <c r="EA31" s="274">
        <v>109906</v>
      </c>
      <c r="EB31" s="274">
        <v>98421</v>
      </c>
      <c r="EC31" s="277">
        <v>494541</v>
      </c>
      <c r="ED31" s="278">
        <v>494541</v>
      </c>
      <c r="EE31" s="273">
        <v>0</v>
      </c>
      <c r="EF31" s="274">
        <v>0</v>
      </c>
      <c r="EG31" s="275">
        <v>0</v>
      </c>
      <c r="EH31" s="279"/>
      <c r="EI31" s="274">
        <v>217</v>
      </c>
      <c r="EJ31" s="274">
        <v>217</v>
      </c>
      <c r="EK31" s="274">
        <v>10004</v>
      </c>
      <c r="EL31" s="274">
        <v>32674</v>
      </c>
      <c r="EM31" s="274">
        <v>0</v>
      </c>
      <c r="EN31" s="277">
        <v>43112</v>
      </c>
      <c r="EO31" s="278">
        <v>43112</v>
      </c>
      <c r="EP31" s="273">
        <v>0</v>
      </c>
      <c r="EQ31" s="274">
        <v>0</v>
      </c>
      <c r="ER31" s="275">
        <v>0</v>
      </c>
      <c r="ES31" s="279"/>
      <c r="ET31" s="274">
        <v>0</v>
      </c>
      <c r="EU31" s="274">
        <v>0</v>
      </c>
      <c r="EV31" s="274">
        <v>0</v>
      </c>
      <c r="EW31" s="274">
        <v>0</v>
      </c>
      <c r="EX31" s="274">
        <v>0</v>
      </c>
      <c r="EY31" s="277">
        <v>0</v>
      </c>
      <c r="EZ31" s="278">
        <v>0</v>
      </c>
      <c r="FA31" s="273">
        <v>0</v>
      </c>
      <c r="FB31" s="274">
        <v>0</v>
      </c>
      <c r="FC31" s="275">
        <v>0</v>
      </c>
      <c r="FD31" s="279"/>
      <c r="FE31" s="274">
        <v>0</v>
      </c>
      <c r="FF31" s="274">
        <v>0</v>
      </c>
      <c r="FG31" s="274">
        <v>0</v>
      </c>
      <c r="FH31" s="274">
        <v>0</v>
      </c>
      <c r="FI31" s="274">
        <v>0</v>
      </c>
      <c r="FJ31" s="277">
        <v>0</v>
      </c>
      <c r="FK31" s="278">
        <v>0</v>
      </c>
      <c r="FL31" s="273">
        <v>0</v>
      </c>
      <c r="FM31" s="274">
        <v>0</v>
      </c>
      <c r="FN31" s="275">
        <v>0</v>
      </c>
      <c r="FO31" s="279"/>
      <c r="FP31" s="274">
        <v>0</v>
      </c>
      <c r="FQ31" s="274">
        <v>0</v>
      </c>
      <c r="FR31" s="274">
        <v>21576</v>
      </c>
      <c r="FS31" s="274">
        <v>0</v>
      </c>
      <c r="FT31" s="274">
        <v>0</v>
      </c>
      <c r="FU31" s="277">
        <v>21576</v>
      </c>
      <c r="FV31" s="278">
        <v>21576</v>
      </c>
      <c r="FW31" s="273">
        <v>0</v>
      </c>
      <c r="FX31" s="274">
        <v>0</v>
      </c>
      <c r="FY31" s="275">
        <v>0</v>
      </c>
      <c r="FZ31" s="276">
        <v>0</v>
      </c>
      <c r="GA31" s="274">
        <v>0</v>
      </c>
      <c r="GB31" s="274">
        <v>0</v>
      </c>
      <c r="GC31" s="274">
        <v>0</v>
      </c>
      <c r="GD31" s="274">
        <v>4850</v>
      </c>
      <c r="GE31" s="274">
        <v>0</v>
      </c>
      <c r="GF31" s="277">
        <v>4850</v>
      </c>
      <c r="GG31" s="278">
        <v>4850</v>
      </c>
      <c r="GH31" s="273">
        <v>0</v>
      </c>
      <c r="GI31" s="274">
        <v>0</v>
      </c>
      <c r="GJ31" s="275">
        <v>0</v>
      </c>
      <c r="GK31" s="276">
        <v>0</v>
      </c>
      <c r="GL31" s="274">
        <v>0</v>
      </c>
      <c r="GM31" s="274">
        <v>0</v>
      </c>
      <c r="GN31" s="274">
        <v>0</v>
      </c>
      <c r="GO31" s="274">
        <v>0</v>
      </c>
      <c r="GP31" s="274">
        <v>0</v>
      </c>
      <c r="GQ31" s="277">
        <v>0</v>
      </c>
      <c r="GR31" s="278">
        <v>0</v>
      </c>
      <c r="GS31" s="273">
        <v>0</v>
      </c>
      <c r="GT31" s="274">
        <v>0</v>
      </c>
      <c r="GU31" s="275">
        <v>0</v>
      </c>
      <c r="GV31" s="276">
        <v>0</v>
      </c>
      <c r="GW31" s="274">
        <v>0</v>
      </c>
      <c r="GX31" s="274">
        <v>0</v>
      </c>
      <c r="GY31" s="274">
        <v>0</v>
      </c>
      <c r="GZ31" s="274">
        <v>0</v>
      </c>
      <c r="HA31" s="274">
        <v>0</v>
      </c>
      <c r="HB31" s="277">
        <v>0</v>
      </c>
      <c r="HC31" s="278">
        <v>0</v>
      </c>
      <c r="HD31" s="273">
        <v>0</v>
      </c>
      <c r="HE31" s="274">
        <v>0</v>
      </c>
      <c r="HF31" s="275">
        <v>0</v>
      </c>
      <c r="HG31" s="279"/>
      <c r="HH31" s="274">
        <v>0</v>
      </c>
      <c r="HI31" s="274">
        <v>0</v>
      </c>
      <c r="HJ31" s="274">
        <v>0</v>
      </c>
      <c r="HK31" s="274">
        <v>0</v>
      </c>
      <c r="HL31" s="274">
        <v>0</v>
      </c>
      <c r="HM31" s="277">
        <v>0</v>
      </c>
      <c r="HN31" s="278">
        <v>0</v>
      </c>
      <c r="HO31" s="273">
        <v>0</v>
      </c>
      <c r="HP31" s="274">
        <v>0</v>
      </c>
      <c r="HQ31" s="275">
        <v>0</v>
      </c>
      <c r="HR31" s="276">
        <v>0</v>
      </c>
      <c r="HS31" s="274">
        <v>24667</v>
      </c>
      <c r="HT31" s="274">
        <v>70122</v>
      </c>
      <c r="HU31" s="274">
        <v>646364</v>
      </c>
      <c r="HV31" s="274">
        <v>312493</v>
      </c>
      <c r="HW31" s="274">
        <v>159666</v>
      </c>
      <c r="HX31" s="277">
        <v>1213312</v>
      </c>
      <c r="HY31" s="278">
        <v>1213312</v>
      </c>
    </row>
    <row r="32" spans="2:233" ht="21" customHeight="1" x14ac:dyDescent="0.2">
      <c r="B32" s="472" t="s">
        <v>29</v>
      </c>
      <c r="C32" s="273">
        <v>0</v>
      </c>
      <c r="D32" s="274">
        <v>0</v>
      </c>
      <c r="E32" s="275">
        <v>0</v>
      </c>
      <c r="F32" s="276">
        <v>0</v>
      </c>
      <c r="G32" s="274">
        <v>2210</v>
      </c>
      <c r="H32" s="274">
        <v>116070</v>
      </c>
      <c r="I32" s="274">
        <v>259950</v>
      </c>
      <c r="J32" s="274">
        <v>391635</v>
      </c>
      <c r="K32" s="274">
        <v>213430</v>
      </c>
      <c r="L32" s="277">
        <v>983295</v>
      </c>
      <c r="M32" s="278">
        <v>983295</v>
      </c>
      <c r="N32" s="273">
        <v>0</v>
      </c>
      <c r="O32" s="274">
        <v>0</v>
      </c>
      <c r="P32" s="275">
        <v>0</v>
      </c>
      <c r="Q32" s="279"/>
      <c r="R32" s="274">
        <v>0</v>
      </c>
      <c r="S32" s="274">
        <v>35495</v>
      </c>
      <c r="T32" s="274">
        <v>93465</v>
      </c>
      <c r="U32" s="274">
        <v>295275</v>
      </c>
      <c r="V32" s="274">
        <v>157845</v>
      </c>
      <c r="W32" s="277">
        <v>582080</v>
      </c>
      <c r="X32" s="278">
        <v>582080</v>
      </c>
      <c r="Y32" s="273">
        <v>0</v>
      </c>
      <c r="Z32" s="274">
        <v>0</v>
      </c>
      <c r="AA32" s="275">
        <v>0</v>
      </c>
      <c r="AB32" s="279"/>
      <c r="AC32" s="274">
        <v>2210</v>
      </c>
      <c r="AD32" s="274">
        <v>70420</v>
      </c>
      <c r="AE32" s="274">
        <v>63640</v>
      </c>
      <c r="AF32" s="274">
        <v>33890</v>
      </c>
      <c r="AG32" s="274">
        <v>26855</v>
      </c>
      <c r="AH32" s="277">
        <v>197015</v>
      </c>
      <c r="AI32" s="278">
        <v>197015</v>
      </c>
      <c r="AJ32" s="273">
        <v>0</v>
      </c>
      <c r="AK32" s="274">
        <v>0</v>
      </c>
      <c r="AL32" s="275">
        <v>0</v>
      </c>
      <c r="AM32" s="279"/>
      <c r="AN32" s="274">
        <v>0</v>
      </c>
      <c r="AO32" s="274">
        <v>0</v>
      </c>
      <c r="AP32" s="274">
        <v>0</v>
      </c>
      <c r="AQ32" s="274">
        <v>0</v>
      </c>
      <c r="AR32" s="274">
        <v>0</v>
      </c>
      <c r="AS32" s="277">
        <v>0</v>
      </c>
      <c r="AT32" s="278">
        <v>0</v>
      </c>
      <c r="AU32" s="273">
        <v>0</v>
      </c>
      <c r="AV32" s="274">
        <v>0</v>
      </c>
      <c r="AW32" s="275">
        <v>0</v>
      </c>
      <c r="AX32" s="279"/>
      <c r="AY32" s="274">
        <v>0</v>
      </c>
      <c r="AZ32" s="274">
        <v>0</v>
      </c>
      <c r="BA32" s="274">
        <v>0</v>
      </c>
      <c r="BB32" s="274">
        <v>0</v>
      </c>
      <c r="BC32" s="274">
        <v>0</v>
      </c>
      <c r="BD32" s="277">
        <v>0</v>
      </c>
      <c r="BE32" s="278">
        <v>0</v>
      </c>
      <c r="BF32" s="273">
        <v>0</v>
      </c>
      <c r="BG32" s="274">
        <v>0</v>
      </c>
      <c r="BH32" s="275">
        <v>0</v>
      </c>
      <c r="BI32" s="279"/>
      <c r="BJ32" s="274">
        <v>0</v>
      </c>
      <c r="BK32" s="274">
        <v>0</v>
      </c>
      <c r="BL32" s="274">
        <v>75950</v>
      </c>
      <c r="BM32" s="274">
        <v>57350</v>
      </c>
      <c r="BN32" s="274">
        <v>27280</v>
      </c>
      <c r="BO32" s="277">
        <v>160580</v>
      </c>
      <c r="BP32" s="278">
        <v>160580</v>
      </c>
      <c r="BQ32" s="273">
        <v>0</v>
      </c>
      <c r="BR32" s="274">
        <v>0</v>
      </c>
      <c r="BS32" s="275">
        <v>0</v>
      </c>
      <c r="BT32" s="276">
        <v>0</v>
      </c>
      <c r="BU32" s="274">
        <v>0</v>
      </c>
      <c r="BV32" s="274">
        <v>10155</v>
      </c>
      <c r="BW32" s="274">
        <v>26555</v>
      </c>
      <c r="BX32" s="274">
        <v>5120</v>
      </c>
      <c r="BY32" s="274">
        <v>1450</v>
      </c>
      <c r="BZ32" s="277">
        <v>43280</v>
      </c>
      <c r="CA32" s="278">
        <v>43280</v>
      </c>
      <c r="CB32" s="273">
        <v>0</v>
      </c>
      <c r="CC32" s="274">
        <v>0</v>
      </c>
      <c r="CD32" s="275">
        <v>0</v>
      </c>
      <c r="CE32" s="276">
        <v>0</v>
      </c>
      <c r="CF32" s="274">
        <v>0</v>
      </c>
      <c r="CG32" s="274">
        <v>0</v>
      </c>
      <c r="CH32" s="274">
        <v>340</v>
      </c>
      <c r="CI32" s="274">
        <v>0</v>
      </c>
      <c r="CJ32" s="274">
        <v>0</v>
      </c>
      <c r="CK32" s="277">
        <v>340</v>
      </c>
      <c r="CL32" s="278">
        <v>340</v>
      </c>
      <c r="CM32" s="273">
        <v>0</v>
      </c>
      <c r="CN32" s="274">
        <v>0</v>
      </c>
      <c r="CO32" s="275">
        <v>0</v>
      </c>
      <c r="CP32" s="276">
        <v>0</v>
      </c>
      <c r="CQ32" s="274">
        <v>0</v>
      </c>
      <c r="CR32" s="274">
        <v>0</v>
      </c>
      <c r="CS32" s="274">
        <v>0</v>
      </c>
      <c r="CT32" s="274">
        <v>0</v>
      </c>
      <c r="CU32" s="274">
        <v>0</v>
      </c>
      <c r="CV32" s="277">
        <v>0</v>
      </c>
      <c r="CW32" s="278">
        <v>0</v>
      </c>
      <c r="CX32" s="273">
        <v>0</v>
      </c>
      <c r="CY32" s="274">
        <v>0</v>
      </c>
      <c r="CZ32" s="275">
        <v>0</v>
      </c>
      <c r="DA32" s="279"/>
      <c r="DB32" s="274">
        <v>0</v>
      </c>
      <c r="DC32" s="274">
        <v>0</v>
      </c>
      <c r="DD32" s="274">
        <v>0</v>
      </c>
      <c r="DE32" s="274">
        <v>0</v>
      </c>
      <c r="DF32" s="274">
        <v>0</v>
      </c>
      <c r="DG32" s="277">
        <v>0</v>
      </c>
      <c r="DH32" s="278">
        <v>0</v>
      </c>
      <c r="DI32" s="273">
        <v>0</v>
      </c>
      <c r="DJ32" s="274">
        <v>0</v>
      </c>
      <c r="DK32" s="275">
        <v>0</v>
      </c>
      <c r="DL32" s="276">
        <v>0</v>
      </c>
      <c r="DM32" s="274">
        <v>182</v>
      </c>
      <c r="DN32" s="274">
        <v>42053</v>
      </c>
      <c r="DO32" s="274">
        <v>271737</v>
      </c>
      <c r="DP32" s="274">
        <v>316121</v>
      </c>
      <c r="DQ32" s="274">
        <v>191330</v>
      </c>
      <c r="DR32" s="277">
        <v>821423</v>
      </c>
      <c r="DS32" s="280">
        <v>821423</v>
      </c>
      <c r="DT32" s="273">
        <v>0</v>
      </c>
      <c r="DU32" s="274">
        <v>0</v>
      </c>
      <c r="DV32" s="275">
        <v>0</v>
      </c>
      <c r="DW32" s="279"/>
      <c r="DX32" s="274">
        <v>0</v>
      </c>
      <c r="DY32" s="274">
        <v>26505</v>
      </c>
      <c r="DZ32" s="274">
        <v>77686</v>
      </c>
      <c r="EA32" s="274">
        <v>243722</v>
      </c>
      <c r="EB32" s="274">
        <v>144832</v>
      </c>
      <c r="EC32" s="277">
        <v>492745</v>
      </c>
      <c r="ED32" s="278">
        <v>492745</v>
      </c>
      <c r="EE32" s="273">
        <v>0</v>
      </c>
      <c r="EF32" s="274">
        <v>0</v>
      </c>
      <c r="EG32" s="275">
        <v>0</v>
      </c>
      <c r="EH32" s="279"/>
      <c r="EI32" s="274">
        <v>182</v>
      </c>
      <c r="EJ32" s="274">
        <v>749</v>
      </c>
      <c r="EK32" s="274">
        <v>11802</v>
      </c>
      <c r="EL32" s="274">
        <v>686</v>
      </c>
      <c r="EM32" s="274">
        <v>9127</v>
      </c>
      <c r="EN32" s="277">
        <v>22546</v>
      </c>
      <c r="EO32" s="278">
        <v>22546</v>
      </c>
      <c r="EP32" s="273">
        <v>0</v>
      </c>
      <c r="EQ32" s="274">
        <v>0</v>
      </c>
      <c r="ER32" s="275">
        <v>0</v>
      </c>
      <c r="ES32" s="279"/>
      <c r="ET32" s="274">
        <v>0</v>
      </c>
      <c r="EU32" s="274">
        <v>0</v>
      </c>
      <c r="EV32" s="274">
        <v>0</v>
      </c>
      <c r="EW32" s="274">
        <v>0</v>
      </c>
      <c r="EX32" s="274">
        <v>0</v>
      </c>
      <c r="EY32" s="277">
        <v>0</v>
      </c>
      <c r="EZ32" s="278">
        <v>0</v>
      </c>
      <c r="FA32" s="273">
        <v>0</v>
      </c>
      <c r="FB32" s="274">
        <v>0</v>
      </c>
      <c r="FC32" s="275">
        <v>0</v>
      </c>
      <c r="FD32" s="279"/>
      <c r="FE32" s="274">
        <v>0</v>
      </c>
      <c r="FF32" s="274">
        <v>0</v>
      </c>
      <c r="FG32" s="274">
        <v>0</v>
      </c>
      <c r="FH32" s="274">
        <v>0</v>
      </c>
      <c r="FI32" s="274">
        <v>0</v>
      </c>
      <c r="FJ32" s="277">
        <v>0</v>
      </c>
      <c r="FK32" s="278">
        <v>0</v>
      </c>
      <c r="FL32" s="273">
        <v>0</v>
      </c>
      <c r="FM32" s="274">
        <v>0</v>
      </c>
      <c r="FN32" s="275">
        <v>0</v>
      </c>
      <c r="FO32" s="279"/>
      <c r="FP32" s="274">
        <v>0</v>
      </c>
      <c r="FQ32" s="274">
        <v>0</v>
      </c>
      <c r="FR32" s="274">
        <v>159836</v>
      </c>
      <c r="FS32" s="274">
        <v>64272</v>
      </c>
      <c r="FT32" s="274">
        <v>32457</v>
      </c>
      <c r="FU32" s="277">
        <v>256565</v>
      </c>
      <c r="FV32" s="278">
        <v>256565</v>
      </c>
      <c r="FW32" s="273">
        <v>0</v>
      </c>
      <c r="FX32" s="274">
        <v>0</v>
      </c>
      <c r="FY32" s="275">
        <v>0</v>
      </c>
      <c r="FZ32" s="276">
        <v>0</v>
      </c>
      <c r="GA32" s="274">
        <v>0</v>
      </c>
      <c r="GB32" s="274">
        <v>14799</v>
      </c>
      <c r="GC32" s="274">
        <v>21423</v>
      </c>
      <c r="GD32" s="274">
        <v>7441</v>
      </c>
      <c r="GE32" s="274">
        <v>4914</v>
      </c>
      <c r="GF32" s="277">
        <v>48577</v>
      </c>
      <c r="GG32" s="278">
        <v>48577</v>
      </c>
      <c r="GH32" s="273">
        <v>0</v>
      </c>
      <c r="GI32" s="274">
        <v>0</v>
      </c>
      <c r="GJ32" s="275">
        <v>0</v>
      </c>
      <c r="GK32" s="276">
        <v>0</v>
      </c>
      <c r="GL32" s="274">
        <v>0</v>
      </c>
      <c r="GM32" s="274">
        <v>0</v>
      </c>
      <c r="GN32" s="274">
        <v>990</v>
      </c>
      <c r="GO32" s="274">
        <v>0</v>
      </c>
      <c r="GP32" s="274">
        <v>0</v>
      </c>
      <c r="GQ32" s="277">
        <v>990</v>
      </c>
      <c r="GR32" s="278">
        <v>990</v>
      </c>
      <c r="GS32" s="273">
        <v>0</v>
      </c>
      <c r="GT32" s="274">
        <v>0</v>
      </c>
      <c r="GU32" s="275">
        <v>0</v>
      </c>
      <c r="GV32" s="276">
        <v>0</v>
      </c>
      <c r="GW32" s="274">
        <v>0</v>
      </c>
      <c r="GX32" s="274">
        <v>0</v>
      </c>
      <c r="GY32" s="274">
        <v>0</v>
      </c>
      <c r="GZ32" s="274">
        <v>0</v>
      </c>
      <c r="HA32" s="274">
        <v>0</v>
      </c>
      <c r="HB32" s="277">
        <v>0</v>
      </c>
      <c r="HC32" s="278">
        <v>0</v>
      </c>
      <c r="HD32" s="273">
        <v>0</v>
      </c>
      <c r="HE32" s="274">
        <v>0</v>
      </c>
      <c r="HF32" s="275">
        <v>0</v>
      </c>
      <c r="HG32" s="279"/>
      <c r="HH32" s="274">
        <v>0</v>
      </c>
      <c r="HI32" s="274">
        <v>0</v>
      </c>
      <c r="HJ32" s="274">
        <v>0</v>
      </c>
      <c r="HK32" s="274">
        <v>0</v>
      </c>
      <c r="HL32" s="274">
        <v>0</v>
      </c>
      <c r="HM32" s="277">
        <v>0</v>
      </c>
      <c r="HN32" s="278">
        <v>0</v>
      </c>
      <c r="HO32" s="273">
        <v>0</v>
      </c>
      <c r="HP32" s="274">
        <v>0</v>
      </c>
      <c r="HQ32" s="275">
        <v>0</v>
      </c>
      <c r="HR32" s="276">
        <v>0</v>
      </c>
      <c r="HS32" s="274">
        <v>2392</v>
      </c>
      <c r="HT32" s="274">
        <v>158123</v>
      </c>
      <c r="HU32" s="274">
        <v>531687</v>
      </c>
      <c r="HV32" s="274">
        <v>707756</v>
      </c>
      <c r="HW32" s="274">
        <v>404760</v>
      </c>
      <c r="HX32" s="277">
        <v>1804718</v>
      </c>
      <c r="HY32" s="278">
        <v>1804718</v>
      </c>
    </row>
    <row r="33" spans="2:233" ht="21" customHeight="1" x14ac:dyDescent="0.2">
      <c r="B33" s="472" t="s">
        <v>30</v>
      </c>
      <c r="C33" s="273">
        <v>0</v>
      </c>
      <c r="D33" s="274">
        <v>0</v>
      </c>
      <c r="E33" s="275">
        <v>0</v>
      </c>
      <c r="F33" s="276">
        <v>0</v>
      </c>
      <c r="G33" s="274">
        <v>112215</v>
      </c>
      <c r="H33" s="274">
        <v>9235</v>
      </c>
      <c r="I33" s="274">
        <v>232880</v>
      </c>
      <c r="J33" s="274">
        <v>388620</v>
      </c>
      <c r="K33" s="274">
        <v>166310</v>
      </c>
      <c r="L33" s="277">
        <v>909260</v>
      </c>
      <c r="M33" s="278">
        <v>909260</v>
      </c>
      <c r="N33" s="273">
        <v>0</v>
      </c>
      <c r="O33" s="274">
        <v>0</v>
      </c>
      <c r="P33" s="275">
        <v>0</v>
      </c>
      <c r="Q33" s="279"/>
      <c r="R33" s="274">
        <v>0</v>
      </c>
      <c r="S33" s="274">
        <v>510</v>
      </c>
      <c r="T33" s="274">
        <v>135660</v>
      </c>
      <c r="U33" s="274">
        <v>333285</v>
      </c>
      <c r="V33" s="274">
        <v>125860</v>
      </c>
      <c r="W33" s="277">
        <v>595315</v>
      </c>
      <c r="X33" s="278">
        <v>595315</v>
      </c>
      <c r="Y33" s="273">
        <v>0</v>
      </c>
      <c r="Z33" s="274">
        <v>0</v>
      </c>
      <c r="AA33" s="275">
        <v>0</v>
      </c>
      <c r="AB33" s="279"/>
      <c r="AC33" s="274">
        <v>108590</v>
      </c>
      <c r="AD33" s="274">
        <v>1615</v>
      </c>
      <c r="AE33" s="274">
        <v>59840</v>
      </c>
      <c r="AF33" s="274">
        <v>51925</v>
      </c>
      <c r="AG33" s="274">
        <v>5270</v>
      </c>
      <c r="AH33" s="277">
        <v>227240</v>
      </c>
      <c r="AI33" s="278">
        <v>227240</v>
      </c>
      <c r="AJ33" s="273">
        <v>0</v>
      </c>
      <c r="AK33" s="274">
        <v>0</v>
      </c>
      <c r="AL33" s="275">
        <v>0</v>
      </c>
      <c r="AM33" s="279"/>
      <c r="AN33" s="274">
        <v>0</v>
      </c>
      <c r="AO33" s="274">
        <v>0</v>
      </c>
      <c r="AP33" s="274">
        <v>0</v>
      </c>
      <c r="AQ33" s="274">
        <v>0</v>
      </c>
      <c r="AR33" s="274">
        <v>0</v>
      </c>
      <c r="AS33" s="277">
        <v>0</v>
      </c>
      <c r="AT33" s="278">
        <v>0</v>
      </c>
      <c r="AU33" s="273">
        <v>0</v>
      </c>
      <c r="AV33" s="274">
        <v>0</v>
      </c>
      <c r="AW33" s="275">
        <v>0</v>
      </c>
      <c r="AX33" s="279"/>
      <c r="AY33" s="274">
        <v>0</v>
      </c>
      <c r="AZ33" s="274">
        <v>0</v>
      </c>
      <c r="BA33" s="274">
        <v>35495</v>
      </c>
      <c r="BB33" s="274">
        <v>0</v>
      </c>
      <c r="BC33" s="274">
        <v>32705</v>
      </c>
      <c r="BD33" s="277">
        <v>68200</v>
      </c>
      <c r="BE33" s="278">
        <v>68200</v>
      </c>
      <c r="BF33" s="273">
        <v>0</v>
      </c>
      <c r="BG33" s="274">
        <v>0</v>
      </c>
      <c r="BH33" s="275">
        <v>0</v>
      </c>
      <c r="BI33" s="279"/>
      <c r="BJ33" s="274">
        <v>0</v>
      </c>
      <c r="BK33" s="274">
        <v>0</v>
      </c>
      <c r="BL33" s="274">
        <v>0</v>
      </c>
      <c r="BM33" s="274">
        <v>0</v>
      </c>
      <c r="BN33" s="274">
        <v>0</v>
      </c>
      <c r="BO33" s="277">
        <v>0</v>
      </c>
      <c r="BP33" s="278">
        <v>0</v>
      </c>
      <c r="BQ33" s="273">
        <v>0</v>
      </c>
      <c r="BR33" s="274">
        <v>0</v>
      </c>
      <c r="BS33" s="275">
        <v>0</v>
      </c>
      <c r="BT33" s="276">
        <v>0</v>
      </c>
      <c r="BU33" s="274">
        <v>3190</v>
      </c>
      <c r="BV33" s="274">
        <v>7110</v>
      </c>
      <c r="BW33" s="274">
        <v>1885</v>
      </c>
      <c r="BX33" s="274">
        <v>3410</v>
      </c>
      <c r="BY33" s="274">
        <v>2475</v>
      </c>
      <c r="BZ33" s="277">
        <v>18070</v>
      </c>
      <c r="CA33" s="278">
        <v>18070</v>
      </c>
      <c r="CB33" s="273">
        <v>0</v>
      </c>
      <c r="CC33" s="274">
        <v>0</v>
      </c>
      <c r="CD33" s="275">
        <v>0</v>
      </c>
      <c r="CE33" s="276">
        <v>0</v>
      </c>
      <c r="CF33" s="274">
        <v>435</v>
      </c>
      <c r="CG33" s="274">
        <v>0</v>
      </c>
      <c r="CH33" s="274">
        <v>0</v>
      </c>
      <c r="CI33" s="274">
        <v>0</v>
      </c>
      <c r="CJ33" s="274">
        <v>0</v>
      </c>
      <c r="CK33" s="277">
        <v>435</v>
      </c>
      <c r="CL33" s="278">
        <v>435</v>
      </c>
      <c r="CM33" s="273">
        <v>0</v>
      </c>
      <c r="CN33" s="274">
        <v>0</v>
      </c>
      <c r="CO33" s="275">
        <v>0</v>
      </c>
      <c r="CP33" s="276">
        <v>0</v>
      </c>
      <c r="CQ33" s="274">
        <v>0</v>
      </c>
      <c r="CR33" s="274">
        <v>0</v>
      </c>
      <c r="CS33" s="274">
        <v>0</v>
      </c>
      <c r="CT33" s="274">
        <v>0</v>
      </c>
      <c r="CU33" s="274">
        <v>0</v>
      </c>
      <c r="CV33" s="277">
        <v>0</v>
      </c>
      <c r="CW33" s="278">
        <v>0</v>
      </c>
      <c r="CX33" s="273">
        <v>0</v>
      </c>
      <c r="CY33" s="274">
        <v>0</v>
      </c>
      <c r="CZ33" s="275">
        <v>0</v>
      </c>
      <c r="DA33" s="279"/>
      <c r="DB33" s="274">
        <v>0</v>
      </c>
      <c r="DC33" s="274">
        <v>0</v>
      </c>
      <c r="DD33" s="274">
        <v>0</v>
      </c>
      <c r="DE33" s="274">
        <v>0</v>
      </c>
      <c r="DF33" s="274">
        <v>0</v>
      </c>
      <c r="DG33" s="277">
        <v>0</v>
      </c>
      <c r="DH33" s="278">
        <v>0</v>
      </c>
      <c r="DI33" s="273">
        <v>0</v>
      </c>
      <c r="DJ33" s="274">
        <v>0</v>
      </c>
      <c r="DK33" s="275">
        <v>0</v>
      </c>
      <c r="DL33" s="276">
        <v>0</v>
      </c>
      <c r="DM33" s="274">
        <v>45526</v>
      </c>
      <c r="DN33" s="274">
        <v>18372</v>
      </c>
      <c r="DO33" s="274">
        <v>318369</v>
      </c>
      <c r="DP33" s="274">
        <v>326145</v>
      </c>
      <c r="DQ33" s="274">
        <v>205453</v>
      </c>
      <c r="DR33" s="277">
        <v>913865</v>
      </c>
      <c r="DS33" s="280">
        <v>913865</v>
      </c>
      <c r="DT33" s="273">
        <v>0</v>
      </c>
      <c r="DU33" s="274">
        <v>0</v>
      </c>
      <c r="DV33" s="275">
        <v>0</v>
      </c>
      <c r="DW33" s="279"/>
      <c r="DX33" s="274">
        <v>0</v>
      </c>
      <c r="DY33" s="274">
        <v>2910</v>
      </c>
      <c r="DZ33" s="274">
        <v>276945</v>
      </c>
      <c r="EA33" s="274">
        <v>317363</v>
      </c>
      <c r="EB33" s="274">
        <v>191394</v>
      </c>
      <c r="EC33" s="277">
        <v>788612</v>
      </c>
      <c r="ED33" s="278">
        <v>788612</v>
      </c>
      <c r="EE33" s="273">
        <v>0</v>
      </c>
      <c r="EF33" s="274">
        <v>0</v>
      </c>
      <c r="EG33" s="275">
        <v>0</v>
      </c>
      <c r="EH33" s="279"/>
      <c r="EI33" s="274">
        <v>36379</v>
      </c>
      <c r="EJ33" s="274">
        <v>6802</v>
      </c>
      <c r="EK33" s="274">
        <v>19067</v>
      </c>
      <c r="EL33" s="274">
        <v>651</v>
      </c>
      <c r="EM33" s="274">
        <v>10447</v>
      </c>
      <c r="EN33" s="277">
        <v>73346</v>
      </c>
      <c r="EO33" s="278">
        <v>73346</v>
      </c>
      <c r="EP33" s="273">
        <v>0</v>
      </c>
      <c r="EQ33" s="274">
        <v>0</v>
      </c>
      <c r="ER33" s="275">
        <v>0</v>
      </c>
      <c r="ES33" s="279"/>
      <c r="ET33" s="274">
        <v>0</v>
      </c>
      <c r="EU33" s="274">
        <v>0</v>
      </c>
      <c r="EV33" s="274">
        <v>0</v>
      </c>
      <c r="EW33" s="274">
        <v>0</v>
      </c>
      <c r="EX33" s="274">
        <v>0</v>
      </c>
      <c r="EY33" s="277">
        <v>0</v>
      </c>
      <c r="EZ33" s="278">
        <v>0</v>
      </c>
      <c r="FA33" s="273">
        <v>0</v>
      </c>
      <c r="FB33" s="274">
        <v>0</v>
      </c>
      <c r="FC33" s="275">
        <v>0</v>
      </c>
      <c r="FD33" s="279"/>
      <c r="FE33" s="274">
        <v>0</v>
      </c>
      <c r="FF33" s="274">
        <v>0</v>
      </c>
      <c r="FG33" s="274">
        <v>11687</v>
      </c>
      <c r="FH33" s="274">
        <v>0</v>
      </c>
      <c r="FI33" s="274">
        <v>217</v>
      </c>
      <c r="FJ33" s="277">
        <v>11904</v>
      </c>
      <c r="FK33" s="278">
        <v>11904</v>
      </c>
      <c r="FL33" s="273">
        <v>0</v>
      </c>
      <c r="FM33" s="274">
        <v>0</v>
      </c>
      <c r="FN33" s="275">
        <v>0</v>
      </c>
      <c r="FO33" s="279"/>
      <c r="FP33" s="274">
        <v>0</v>
      </c>
      <c r="FQ33" s="274">
        <v>0</v>
      </c>
      <c r="FR33" s="274">
        <v>0</v>
      </c>
      <c r="FS33" s="274">
        <v>0</v>
      </c>
      <c r="FT33" s="274">
        <v>0</v>
      </c>
      <c r="FU33" s="277">
        <v>0</v>
      </c>
      <c r="FV33" s="278">
        <v>0</v>
      </c>
      <c r="FW33" s="273">
        <v>0</v>
      </c>
      <c r="FX33" s="274">
        <v>0</v>
      </c>
      <c r="FY33" s="275">
        <v>0</v>
      </c>
      <c r="FZ33" s="276">
        <v>0</v>
      </c>
      <c r="GA33" s="274">
        <v>8073</v>
      </c>
      <c r="GB33" s="274">
        <v>8660</v>
      </c>
      <c r="GC33" s="274">
        <v>10670</v>
      </c>
      <c r="GD33" s="274">
        <v>8131</v>
      </c>
      <c r="GE33" s="274">
        <v>3395</v>
      </c>
      <c r="GF33" s="277">
        <v>38929</v>
      </c>
      <c r="GG33" s="278">
        <v>38929</v>
      </c>
      <c r="GH33" s="273">
        <v>0</v>
      </c>
      <c r="GI33" s="274">
        <v>0</v>
      </c>
      <c r="GJ33" s="275">
        <v>0</v>
      </c>
      <c r="GK33" s="276">
        <v>0</v>
      </c>
      <c r="GL33" s="274">
        <v>1074</v>
      </c>
      <c r="GM33" s="274">
        <v>0</v>
      </c>
      <c r="GN33" s="274">
        <v>0</v>
      </c>
      <c r="GO33" s="274">
        <v>0</v>
      </c>
      <c r="GP33" s="274">
        <v>0</v>
      </c>
      <c r="GQ33" s="277">
        <v>1074</v>
      </c>
      <c r="GR33" s="278">
        <v>1074</v>
      </c>
      <c r="GS33" s="273">
        <v>0</v>
      </c>
      <c r="GT33" s="274">
        <v>0</v>
      </c>
      <c r="GU33" s="275">
        <v>0</v>
      </c>
      <c r="GV33" s="276">
        <v>0</v>
      </c>
      <c r="GW33" s="274">
        <v>0</v>
      </c>
      <c r="GX33" s="274">
        <v>0</v>
      </c>
      <c r="GY33" s="274">
        <v>0</v>
      </c>
      <c r="GZ33" s="274">
        <v>0</v>
      </c>
      <c r="HA33" s="274">
        <v>0</v>
      </c>
      <c r="HB33" s="277">
        <v>0</v>
      </c>
      <c r="HC33" s="278">
        <v>0</v>
      </c>
      <c r="HD33" s="273">
        <v>0</v>
      </c>
      <c r="HE33" s="274">
        <v>0</v>
      </c>
      <c r="HF33" s="275">
        <v>0</v>
      </c>
      <c r="HG33" s="279"/>
      <c r="HH33" s="274">
        <v>0</v>
      </c>
      <c r="HI33" s="274">
        <v>0</v>
      </c>
      <c r="HJ33" s="274">
        <v>0</v>
      </c>
      <c r="HK33" s="274">
        <v>0</v>
      </c>
      <c r="HL33" s="274">
        <v>0</v>
      </c>
      <c r="HM33" s="277">
        <v>0</v>
      </c>
      <c r="HN33" s="278">
        <v>0</v>
      </c>
      <c r="HO33" s="273">
        <v>0</v>
      </c>
      <c r="HP33" s="274">
        <v>0</v>
      </c>
      <c r="HQ33" s="275">
        <v>0</v>
      </c>
      <c r="HR33" s="276">
        <v>0</v>
      </c>
      <c r="HS33" s="274">
        <v>157741</v>
      </c>
      <c r="HT33" s="274">
        <v>27607</v>
      </c>
      <c r="HU33" s="274">
        <v>551249</v>
      </c>
      <c r="HV33" s="274">
        <v>714765</v>
      </c>
      <c r="HW33" s="274">
        <v>371763</v>
      </c>
      <c r="HX33" s="277">
        <v>1823125</v>
      </c>
      <c r="HY33" s="278">
        <v>1823125</v>
      </c>
    </row>
    <row r="34" spans="2:233" ht="21" customHeight="1" x14ac:dyDescent="0.2">
      <c r="B34" s="472" t="s">
        <v>31</v>
      </c>
      <c r="C34" s="273">
        <v>0</v>
      </c>
      <c r="D34" s="274">
        <v>0</v>
      </c>
      <c r="E34" s="275">
        <v>0</v>
      </c>
      <c r="F34" s="276">
        <v>0</v>
      </c>
      <c r="G34" s="274">
        <v>58800</v>
      </c>
      <c r="H34" s="274">
        <v>119010</v>
      </c>
      <c r="I34" s="274">
        <v>171795</v>
      </c>
      <c r="J34" s="274">
        <v>259055</v>
      </c>
      <c r="K34" s="274">
        <v>110245</v>
      </c>
      <c r="L34" s="277">
        <v>718905</v>
      </c>
      <c r="M34" s="278">
        <v>718905</v>
      </c>
      <c r="N34" s="273">
        <v>0</v>
      </c>
      <c r="O34" s="274">
        <v>0</v>
      </c>
      <c r="P34" s="275">
        <v>0</v>
      </c>
      <c r="Q34" s="279"/>
      <c r="R34" s="274">
        <v>24645</v>
      </c>
      <c r="S34" s="274">
        <v>57350</v>
      </c>
      <c r="T34" s="274">
        <v>155810</v>
      </c>
      <c r="U34" s="274">
        <v>151855</v>
      </c>
      <c r="V34" s="274">
        <v>110245</v>
      </c>
      <c r="W34" s="277">
        <v>499905</v>
      </c>
      <c r="X34" s="278">
        <v>499905</v>
      </c>
      <c r="Y34" s="273">
        <v>0</v>
      </c>
      <c r="Z34" s="274">
        <v>0</v>
      </c>
      <c r="AA34" s="275">
        <v>0</v>
      </c>
      <c r="AB34" s="279"/>
      <c r="AC34" s="274">
        <v>0</v>
      </c>
      <c r="AD34" s="274">
        <v>29915</v>
      </c>
      <c r="AE34" s="274">
        <v>14535</v>
      </c>
      <c r="AF34" s="274">
        <v>65255</v>
      </c>
      <c r="AG34" s="274">
        <v>0</v>
      </c>
      <c r="AH34" s="277">
        <v>109705</v>
      </c>
      <c r="AI34" s="278">
        <v>109705</v>
      </c>
      <c r="AJ34" s="273">
        <v>0</v>
      </c>
      <c r="AK34" s="274">
        <v>0</v>
      </c>
      <c r="AL34" s="275">
        <v>0</v>
      </c>
      <c r="AM34" s="279"/>
      <c r="AN34" s="274">
        <v>0</v>
      </c>
      <c r="AO34" s="274">
        <v>0</v>
      </c>
      <c r="AP34" s="274">
        <v>0</v>
      </c>
      <c r="AQ34" s="274">
        <v>0</v>
      </c>
      <c r="AR34" s="274">
        <v>0</v>
      </c>
      <c r="AS34" s="277">
        <v>0</v>
      </c>
      <c r="AT34" s="278">
        <v>0</v>
      </c>
      <c r="AU34" s="273">
        <v>0</v>
      </c>
      <c r="AV34" s="274">
        <v>0</v>
      </c>
      <c r="AW34" s="275">
        <v>0</v>
      </c>
      <c r="AX34" s="279"/>
      <c r="AY34" s="274">
        <v>32705</v>
      </c>
      <c r="AZ34" s="274">
        <v>24645</v>
      </c>
      <c r="BA34" s="274">
        <v>0</v>
      </c>
      <c r="BB34" s="274">
        <v>32705</v>
      </c>
      <c r="BC34" s="274">
        <v>0</v>
      </c>
      <c r="BD34" s="277">
        <v>90055</v>
      </c>
      <c r="BE34" s="278">
        <v>90055</v>
      </c>
      <c r="BF34" s="273">
        <v>0</v>
      </c>
      <c r="BG34" s="274">
        <v>0</v>
      </c>
      <c r="BH34" s="275">
        <v>0</v>
      </c>
      <c r="BI34" s="279"/>
      <c r="BJ34" s="274">
        <v>0</v>
      </c>
      <c r="BK34" s="274">
        <v>0</v>
      </c>
      <c r="BL34" s="274">
        <v>0</v>
      </c>
      <c r="BM34" s="274">
        <v>0</v>
      </c>
      <c r="BN34" s="274">
        <v>0</v>
      </c>
      <c r="BO34" s="277">
        <v>0</v>
      </c>
      <c r="BP34" s="278">
        <v>0</v>
      </c>
      <c r="BQ34" s="273">
        <v>0</v>
      </c>
      <c r="BR34" s="274">
        <v>0</v>
      </c>
      <c r="BS34" s="275">
        <v>0</v>
      </c>
      <c r="BT34" s="276">
        <v>0</v>
      </c>
      <c r="BU34" s="274">
        <v>1450</v>
      </c>
      <c r="BV34" s="274">
        <v>7100</v>
      </c>
      <c r="BW34" s="274">
        <v>1450</v>
      </c>
      <c r="BX34" s="274">
        <v>9240</v>
      </c>
      <c r="BY34" s="274">
        <v>0</v>
      </c>
      <c r="BZ34" s="277">
        <v>19240</v>
      </c>
      <c r="CA34" s="278">
        <v>19240</v>
      </c>
      <c r="CB34" s="273">
        <v>0</v>
      </c>
      <c r="CC34" s="274">
        <v>0</v>
      </c>
      <c r="CD34" s="275">
        <v>0</v>
      </c>
      <c r="CE34" s="276">
        <v>0</v>
      </c>
      <c r="CF34" s="274">
        <v>0</v>
      </c>
      <c r="CG34" s="274">
        <v>0</v>
      </c>
      <c r="CH34" s="274">
        <v>0</v>
      </c>
      <c r="CI34" s="274">
        <v>0</v>
      </c>
      <c r="CJ34" s="274">
        <v>0</v>
      </c>
      <c r="CK34" s="277">
        <v>0</v>
      </c>
      <c r="CL34" s="278">
        <v>0</v>
      </c>
      <c r="CM34" s="273">
        <v>0</v>
      </c>
      <c r="CN34" s="274">
        <v>0</v>
      </c>
      <c r="CO34" s="275">
        <v>0</v>
      </c>
      <c r="CP34" s="276">
        <v>0</v>
      </c>
      <c r="CQ34" s="274">
        <v>0</v>
      </c>
      <c r="CR34" s="274">
        <v>0</v>
      </c>
      <c r="CS34" s="274">
        <v>0</v>
      </c>
      <c r="CT34" s="274">
        <v>0</v>
      </c>
      <c r="CU34" s="274">
        <v>0</v>
      </c>
      <c r="CV34" s="277">
        <v>0</v>
      </c>
      <c r="CW34" s="278">
        <v>0</v>
      </c>
      <c r="CX34" s="273">
        <v>0</v>
      </c>
      <c r="CY34" s="274">
        <v>0</v>
      </c>
      <c r="CZ34" s="275">
        <v>0</v>
      </c>
      <c r="DA34" s="279"/>
      <c r="DB34" s="274">
        <v>0</v>
      </c>
      <c r="DC34" s="274">
        <v>0</v>
      </c>
      <c r="DD34" s="274">
        <v>0</v>
      </c>
      <c r="DE34" s="274">
        <v>0</v>
      </c>
      <c r="DF34" s="274">
        <v>0</v>
      </c>
      <c r="DG34" s="277">
        <v>0</v>
      </c>
      <c r="DH34" s="278">
        <v>0</v>
      </c>
      <c r="DI34" s="273">
        <v>0</v>
      </c>
      <c r="DJ34" s="274">
        <v>0</v>
      </c>
      <c r="DK34" s="275">
        <v>0</v>
      </c>
      <c r="DL34" s="276">
        <v>0</v>
      </c>
      <c r="DM34" s="274">
        <v>26356</v>
      </c>
      <c r="DN34" s="274">
        <v>64213</v>
      </c>
      <c r="DO34" s="274">
        <v>239837</v>
      </c>
      <c r="DP34" s="274">
        <v>302250</v>
      </c>
      <c r="DQ34" s="274">
        <v>152064</v>
      </c>
      <c r="DR34" s="277">
        <v>784720</v>
      </c>
      <c r="DS34" s="280">
        <v>784720</v>
      </c>
      <c r="DT34" s="273">
        <v>0</v>
      </c>
      <c r="DU34" s="274">
        <v>0</v>
      </c>
      <c r="DV34" s="275">
        <v>0</v>
      </c>
      <c r="DW34" s="279"/>
      <c r="DX34" s="274">
        <v>21576</v>
      </c>
      <c r="DY34" s="274">
        <v>51801</v>
      </c>
      <c r="DZ34" s="274">
        <v>230733</v>
      </c>
      <c r="EA34" s="274">
        <v>287898</v>
      </c>
      <c r="EB34" s="274">
        <v>152064</v>
      </c>
      <c r="EC34" s="277">
        <v>744072</v>
      </c>
      <c r="ED34" s="278">
        <v>744072</v>
      </c>
      <c r="EE34" s="273">
        <v>0</v>
      </c>
      <c r="EF34" s="274">
        <v>0</v>
      </c>
      <c r="EG34" s="275">
        <v>0</v>
      </c>
      <c r="EH34" s="279"/>
      <c r="EI34" s="274">
        <v>0</v>
      </c>
      <c r="EJ34" s="274">
        <v>620</v>
      </c>
      <c r="EK34" s="274">
        <v>1197</v>
      </c>
      <c r="EL34" s="274">
        <v>1085</v>
      </c>
      <c r="EM34" s="274">
        <v>0</v>
      </c>
      <c r="EN34" s="277">
        <v>2902</v>
      </c>
      <c r="EO34" s="278">
        <v>2902</v>
      </c>
      <c r="EP34" s="273">
        <v>0</v>
      </c>
      <c r="EQ34" s="274">
        <v>0</v>
      </c>
      <c r="ER34" s="275">
        <v>0</v>
      </c>
      <c r="ES34" s="279"/>
      <c r="ET34" s="274">
        <v>0</v>
      </c>
      <c r="EU34" s="274">
        <v>0</v>
      </c>
      <c r="EV34" s="274">
        <v>0</v>
      </c>
      <c r="EW34" s="274">
        <v>0</v>
      </c>
      <c r="EX34" s="274">
        <v>0</v>
      </c>
      <c r="EY34" s="277">
        <v>0</v>
      </c>
      <c r="EZ34" s="278">
        <v>0</v>
      </c>
      <c r="FA34" s="273">
        <v>0</v>
      </c>
      <c r="FB34" s="274">
        <v>0</v>
      </c>
      <c r="FC34" s="275">
        <v>0</v>
      </c>
      <c r="FD34" s="279"/>
      <c r="FE34" s="274">
        <v>217</v>
      </c>
      <c r="FF34" s="274">
        <v>217</v>
      </c>
      <c r="FG34" s="274">
        <v>0</v>
      </c>
      <c r="FH34" s="274">
        <v>217</v>
      </c>
      <c r="FI34" s="274">
        <v>0</v>
      </c>
      <c r="FJ34" s="277">
        <v>651</v>
      </c>
      <c r="FK34" s="278">
        <v>651</v>
      </c>
      <c r="FL34" s="273">
        <v>0</v>
      </c>
      <c r="FM34" s="274">
        <v>0</v>
      </c>
      <c r="FN34" s="275">
        <v>0</v>
      </c>
      <c r="FO34" s="279"/>
      <c r="FP34" s="274">
        <v>0</v>
      </c>
      <c r="FQ34" s="274">
        <v>0</v>
      </c>
      <c r="FR34" s="274">
        <v>0</v>
      </c>
      <c r="FS34" s="274">
        <v>0</v>
      </c>
      <c r="FT34" s="274">
        <v>0</v>
      </c>
      <c r="FU34" s="277">
        <v>0</v>
      </c>
      <c r="FV34" s="278">
        <v>0</v>
      </c>
      <c r="FW34" s="273">
        <v>0</v>
      </c>
      <c r="FX34" s="274">
        <v>0</v>
      </c>
      <c r="FY34" s="275">
        <v>0</v>
      </c>
      <c r="FZ34" s="276">
        <v>0</v>
      </c>
      <c r="GA34" s="274">
        <v>4563</v>
      </c>
      <c r="GB34" s="274">
        <v>11575</v>
      </c>
      <c r="GC34" s="274">
        <v>7907</v>
      </c>
      <c r="GD34" s="274">
        <v>13050</v>
      </c>
      <c r="GE34" s="274">
        <v>0</v>
      </c>
      <c r="GF34" s="277">
        <v>37095</v>
      </c>
      <c r="GG34" s="278">
        <v>37095</v>
      </c>
      <c r="GH34" s="273">
        <v>0</v>
      </c>
      <c r="GI34" s="274">
        <v>0</v>
      </c>
      <c r="GJ34" s="275">
        <v>0</v>
      </c>
      <c r="GK34" s="276">
        <v>0</v>
      </c>
      <c r="GL34" s="274">
        <v>0</v>
      </c>
      <c r="GM34" s="274">
        <v>0</v>
      </c>
      <c r="GN34" s="274">
        <v>0</v>
      </c>
      <c r="GO34" s="274">
        <v>0</v>
      </c>
      <c r="GP34" s="274">
        <v>0</v>
      </c>
      <c r="GQ34" s="277">
        <v>0</v>
      </c>
      <c r="GR34" s="278">
        <v>0</v>
      </c>
      <c r="GS34" s="273">
        <v>0</v>
      </c>
      <c r="GT34" s="274">
        <v>0</v>
      </c>
      <c r="GU34" s="275">
        <v>0</v>
      </c>
      <c r="GV34" s="276">
        <v>0</v>
      </c>
      <c r="GW34" s="274">
        <v>0</v>
      </c>
      <c r="GX34" s="274">
        <v>0</v>
      </c>
      <c r="GY34" s="274">
        <v>0</v>
      </c>
      <c r="GZ34" s="274">
        <v>0</v>
      </c>
      <c r="HA34" s="274">
        <v>0</v>
      </c>
      <c r="HB34" s="277">
        <v>0</v>
      </c>
      <c r="HC34" s="278">
        <v>0</v>
      </c>
      <c r="HD34" s="273">
        <v>0</v>
      </c>
      <c r="HE34" s="274">
        <v>0</v>
      </c>
      <c r="HF34" s="275">
        <v>0</v>
      </c>
      <c r="HG34" s="279"/>
      <c r="HH34" s="274">
        <v>0</v>
      </c>
      <c r="HI34" s="274">
        <v>0</v>
      </c>
      <c r="HJ34" s="274">
        <v>0</v>
      </c>
      <c r="HK34" s="274">
        <v>0</v>
      </c>
      <c r="HL34" s="274">
        <v>0</v>
      </c>
      <c r="HM34" s="277">
        <v>0</v>
      </c>
      <c r="HN34" s="278">
        <v>0</v>
      </c>
      <c r="HO34" s="273">
        <v>0</v>
      </c>
      <c r="HP34" s="274">
        <v>0</v>
      </c>
      <c r="HQ34" s="275">
        <v>0</v>
      </c>
      <c r="HR34" s="276">
        <v>0</v>
      </c>
      <c r="HS34" s="274">
        <v>85156</v>
      </c>
      <c r="HT34" s="274">
        <v>183223</v>
      </c>
      <c r="HU34" s="274">
        <v>411632</v>
      </c>
      <c r="HV34" s="274">
        <v>561305</v>
      </c>
      <c r="HW34" s="274">
        <v>262309</v>
      </c>
      <c r="HX34" s="277">
        <v>1503625</v>
      </c>
      <c r="HY34" s="278">
        <v>1503625</v>
      </c>
    </row>
    <row r="35" spans="2:233" ht="21" customHeight="1" x14ac:dyDescent="0.2">
      <c r="B35" s="472" t="s">
        <v>32</v>
      </c>
      <c r="C35" s="273">
        <v>0</v>
      </c>
      <c r="D35" s="274">
        <v>0</v>
      </c>
      <c r="E35" s="275">
        <v>0</v>
      </c>
      <c r="F35" s="276">
        <v>0</v>
      </c>
      <c r="G35" s="274">
        <v>69290</v>
      </c>
      <c r="H35" s="274">
        <v>58523</v>
      </c>
      <c r="I35" s="274">
        <v>309810</v>
      </c>
      <c r="J35" s="274">
        <v>389060</v>
      </c>
      <c r="K35" s="274">
        <v>172545</v>
      </c>
      <c r="L35" s="277">
        <v>999228</v>
      </c>
      <c r="M35" s="278">
        <v>999228</v>
      </c>
      <c r="N35" s="273">
        <v>0</v>
      </c>
      <c r="O35" s="274">
        <v>0</v>
      </c>
      <c r="P35" s="275">
        <v>0</v>
      </c>
      <c r="Q35" s="279"/>
      <c r="R35" s="274">
        <v>35495</v>
      </c>
      <c r="S35" s="274">
        <v>0</v>
      </c>
      <c r="T35" s="274">
        <v>112380</v>
      </c>
      <c r="U35" s="274">
        <v>210115</v>
      </c>
      <c r="V35" s="274">
        <v>70080</v>
      </c>
      <c r="W35" s="277">
        <v>428070</v>
      </c>
      <c r="X35" s="278">
        <v>428070</v>
      </c>
      <c r="Y35" s="273">
        <v>0</v>
      </c>
      <c r="Z35" s="274">
        <v>0</v>
      </c>
      <c r="AA35" s="275">
        <v>0</v>
      </c>
      <c r="AB35" s="279"/>
      <c r="AC35" s="274">
        <v>33215</v>
      </c>
      <c r="AD35" s="274">
        <v>46413</v>
      </c>
      <c r="AE35" s="274">
        <v>62620</v>
      </c>
      <c r="AF35" s="274">
        <v>140705</v>
      </c>
      <c r="AG35" s="274">
        <v>38130</v>
      </c>
      <c r="AH35" s="277">
        <v>321083</v>
      </c>
      <c r="AI35" s="278">
        <v>321083</v>
      </c>
      <c r="AJ35" s="273">
        <v>0</v>
      </c>
      <c r="AK35" s="274">
        <v>0</v>
      </c>
      <c r="AL35" s="275">
        <v>0</v>
      </c>
      <c r="AM35" s="279"/>
      <c r="AN35" s="274">
        <v>0</v>
      </c>
      <c r="AO35" s="274">
        <v>0</v>
      </c>
      <c r="AP35" s="274">
        <v>0</v>
      </c>
      <c r="AQ35" s="274">
        <v>0</v>
      </c>
      <c r="AR35" s="274">
        <v>0</v>
      </c>
      <c r="AS35" s="277">
        <v>0</v>
      </c>
      <c r="AT35" s="278">
        <v>0</v>
      </c>
      <c r="AU35" s="273">
        <v>0</v>
      </c>
      <c r="AV35" s="274">
        <v>0</v>
      </c>
      <c r="AW35" s="275">
        <v>0</v>
      </c>
      <c r="AX35" s="279"/>
      <c r="AY35" s="274">
        <v>0</v>
      </c>
      <c r="AZ35" s="274">
        <v>0</v>
      </c>
      <c r="BA35" s="274">
        <v>0</v>
      </c>
      <c r="BB35" s="274">
        <v>0</v>
      </c>
      <c r="BC35" s="274">
        <v>32705</v>
      </c>
      <c r="BD35" s="277">
        <v>32705</v>
      </c>
      <c r="BE35" s="278">
        <v>32705</v>
      </c>
      <c r="BF35" s="273">
        <v>0</v>
      </c>
      <c r="BG35" s="274">
        <v>0</v>
      </c>
      <c r="BH35" s="275">
        <v>0</v>
      </c>
      <c r="BI35" s="279"/>
      <c r="BJ35" s="274">
        <v>0</v>
      </c>
      <c r="BK35" s="274">
        <v>0</v>
      </c>
      <c r="BL35" s="274">
        <v>128950</v>
      </c>
      <c r="BM35" s="274">
        <v>37975</v>
      </c>
      <c r="BN35" s="274">
        <v>27280</v>
      </c>
      <c r="BO35" s="277">
        <v>194205</v>
      </c>
      <c r="BP35" s="278">
        <v>194205</v>
      </c>
      <c r="BQ35" s="273">
        <v>0</v>
      </c>
      <c r="BR35" s="274">
        <v>0</v>
      </c>
      <c r="BS35" s="275">
        <v>0</v>
      </c>
      <c r="BT35" s="276">
        <v>0</v>
      </c>
      <c r="BU35" s="274">
        <v>0</v>
      </c>
      <c r="BV35" s="274">
        <v>12110</v>
      </c>
      <c r="BW35" s="274">
        <v>5570</v>
      </c>
      <c r="BX35" s="274">
        <v>0</v>
      </c>
      <c r="BY35" s="274">
        <v>4350</v>
      </c>
      <c r="BZ35" s="277">
        <v>22030</v>
      </c>
      <c r="CA35" s="278">
        <v>22030</v>
      </c>
      <c r="CB35" s="273">
        <v>0</v>
      </c>
      <c r="CC35" s="274">
        <v>0</v>
      </c>
      <c r="CD35" s="275">
        <v>0</v>
      </c>
      <c r="CE35" s="276">
        <v>0</v>
      </c>
      <c r="CF35" s="274">
        <v>580</v>
      </c>
      <c r="CG35" s="274">
        <v>0</v>
      </c>
      <c r="CH35" s="274">
        <v>290</v>
      </c>
      <c r="CI35" s="274">
        <v>265</v>
      </c>
      <c r="CJ35" s="274">
        <v>0</v>
      </c>
      <c r="CK35" s="277">
        <v>1135</v>
      </c>
      <c r="CL35" s="278">
        <v>1135</v>
      </c>
      <c r="CM35" s="273">
        <v>0</v>
      </c>
      <c r="CN35" s="274">
        <v>0</v>
      </c>
      <c r="CO35" s="275">
        <v>0</v>
      </c>
      <c r="CP35" s="276">
        <v>0</v>
      </c>
      <c r="CQ35" s="274">
        <v>0</v>
      </c>
      <c r="CR35" s="274">
        <v>0</v>
      </c>
      <c r="CS35" s="274">
        <v>0</v>
      </c>
      <c r="CT35" s="274">
        <v>0</v>
      </c>
      <c r="CU35" s="274">
        <v>0</v>
      </c>
      <c r="CV35" s="277">
        <v>0</v>
      </c>
      <c r="CW35" s="278">
        <v>0</v>
      </c>
      <c r="CX35" s="273">
        <v>0</v>
      </c>
      <c r="CY35" s="274">
        <v>0</v>
      </c>
      <c r="CZ35" s="275">
        <v>0</v>
      </c>
      <c r="DA35" s="279"/>
      <c r="DB35" s="274">
        <v>0</v>
      </c>
      <c r="DC35" s="274">
        <v>0</v>
      </c>
      <c r="DD35" s="274">
        <v>0</v>
      </c>
      <c r="DE35" s="274">
        <v>0</v>
      </c>
      <c r="DF35" s="274">
        <v>0</v>
      </c>
      <c r="DG35" s="277">
        <v>0</v>
      </c>
      <c r="DH35" s="278">
        <v>0</v>
      </c>
      <c r="DI35" s="273">
        <v>0</v>
      </c>
      <c r="DJ35" s="274">
        <v>0</v>
      </c>
      <c r="DK35" s="275">
        <v>0</v>
      </c>
      <c r="DL35" s="276">
        <v>0</v>
      </c>
      <c r="DM35" s="274">
        <v>26799</v>
      </c>
      <c r="DN35" s="274">
        <v>24227</v>
      </c>
      <c r="DO35" s="274">
        <v>298182</v>
      </c>
      <c r="DP35" s="274">
        <v>392287</v>
      </c>
      <c r="DQ35" s="274">
        <v>169333</v>
      </c>
      <c r="DR35" s="277">
        <v>910828</v>
      </c>
      <c r="DS35" s="280">
        <v>910828</v>
      </c>
      <c r="DT35" s="273">
        <v>0</v>
      </c>
      <c r="DU35" s="274">
        <v>0</v>
      </c>
      <c r="DV35" s="275">
        <v>0</v>
      </c>
      <c r="DW35" s="279"/>
      <c r="DX35" s="274">
        <v>26505</v>
      </c>
      <c r="DY35" s="274">
        <v>0</v>
      </c>
      <c r="DZ35" s="274">
        <v>150098</v>
      </c>
      <c r="EA35" s="274">
        <v>307310</v>
      </c>
      <c r="EB35" s="274">
        <v>120900</v>
      </c>
      <c r="EC35" s="277">
        <v>604813</v>
      </c>
      <c r="ED35" s="278">
        <v>604813</v>
      </c>
      <c r="EE35" s="273">
        <v>0</v>
      </c>
      <c r="EF35" s="274">
        <v>0</v>
      </c>
      <c r="EG35" s="275">
        <v>0</v>
      </c>
      <c r="EH35" s="279"/>
      <c r="EI35" s="274">
        <v>259</v>
      </c>
      <c r="EJ35" s="274">
        <v>277</v>
      </c>
      <c r="EK35" s="274">
        <v>11718</v>
      </c>
      <c r="EL35" s="274">
        <v>37456</v>
      </c>
      <c r="EM35" s="274">
        <v>11904</v>
      </c>
      <c r="EN35" s="277">
        <v>61614</v>
      </c>
      <c r="EO35" s="278">
        <v>61614</v>
      </c>
      <c r="EP35" s="273">
        <v>0</v>
      </c>
      <c r="EQ35" s="274">
        <v>0</v>
      </c>
      <c r="ER35" s="275">
        <v>0</v>
      </c>
      <c r="ES35" s="279"/>
      <c r="ET35" s="274">
        <v>0</v>
      </c>
      <c r="EU35" s="274">
        <v>0</v>
      </c>
      <c r="EV35" s="274">
        <v>0</v>
      </c>
      <c r="EW35" s="274">
        <v>0</v>
      </c>
      <c r="EX35" s="274">
        <v>0</v>
      </c>
      <c r="EY35" s="277">
        <v>0</v>
      </c>
      <c r="EZ35" s="278">
        <v>0</v>
      </c>
      <c r="FA35" s="273">
        <v>0</v>
      </c>
      <c r="FB35" s="274">
        <v>0</v>
      </c>
      <c r="FC35" s="275">
        <v>0</v>
      </c>
      <c r="FD35" s="279"/>
      <c r="FE35" s="274">
        <v>0</v>
      </c>
      <c r="FF35" s="274">
        <v>0</v>
      </c>
      <c r="FG35" s="274">
        <v>0</v>
      </c>
      <c r="FH35" s="274">
        <v>0</v>
      </c>
      <c r="FI35" s="274">
        <v>217</v>
      </c>
      <c r="FJ35" s="277">
        <v>217</v>
      </c>
      <c r="FK35" s="278">
        <v>217</v>
      </c>
      <c r="FL35" s="273">
        <v>0</v>
      </c>
      <c r="FM35" s="274">
        <v>0</v>
      </c>
      <c r="FN35" s="275">
        <v>0</v>
      </c>
      <c r="FO35" s="279"/>
      <c r="FP35" s="274">
        <v>0</v>
      </c>
      <c r="FQ35" s="274">
        <v>0</v>
      </c>
      <c r="FR35" s="274">
        <v>125233</v>
      </c>
      <c r="FS35" s="274">
        <v>45043</v>
      </c>
      <c r="FT35" s="274">
        <v>21762</v>
      </c>
      <c r="FU35" s="277">
        <v>192038</v>
      </c>
      <c r="FV35" s="278">
        <v>192038</v>
      </c>
      <c r="FW35" s="273">
        <v>0</v>
      </c>
      <c r="FX35" s="274">
        <v>0</v>
      </c>
      <c r="FY35" s="275">
        <v>0</v>
      </c>
      <c r="FZ35" s="276">
        <v>0</v>
      </c>
      <c r="GA35" s="274">
        <v>0</v>
      </c>
      <c r="GB35" s="274">
        <v>23950</v>
      </c>
      <c r="GC35" s="274">
        <v>8985</v>
      </c>
      <c r="GD35" s="274">
        <v>1404</v>
      </c>
      <c r="GE35" s="274">
        <v>14550</v>
      </c>
      <c r="GF35" s="277">
        <v>48889</v>
      </c>
      <c r="GG35" s="278">
        <v>48889</v>
      </c>
      <c r="GH35" s="273">
        <v>0</v>
      </c>
      <c r="GI35" s="274">
        <v>0</v>
      </c>
      <c r="GJ35" s="275">
        <v>0</v>
      </c>
      <c r="GK35" s="276">
        <v>0</v>
      </c>
      <c r="GL35" s="274">
        <v>35</v>
      </c>
      <c r="GM35" s="274">
        <v>0</v>
      </c>
      <c r="GN35" s="274">
        <v>2148</v>
      </c>
      <c r="GO35" s="274">
        <v>1074</v>
      </c>
      <c r="GP35" s="274">
        <v>0</v>
      </c>
      <c r="GQ35" s="277">
        <v>3257</v>
      </c>
      <c r="GR35" s="278">
        <v>3257</v>
      </c>
      <c r="GS35" s="273">
        <v>0</v>
      </c>
      <c r="GT35" s="274">
        <v>0</v>
      </c>
      <c r="GU35" s="275">
        <v>0</v>
      </c>
      <c r="GV35" s="276">
        <v>0</v>
      </c>
      <c r="GW35" s="274">
        <v>0</v>
      </c>
      <c r="GX35" s="274">
        <v>0</v>
      </c>
      <c r="GY35" s="274">
        <v>0</v>
      </c>
      <c r="GZ35" s="274">
        <v>0</v>
      </c>
      <c r="HA35" s="274">
        <v>0</v>
      </c>
      <c r="HB35" s="277">
        <v>0</v>
      </c>
      <c r="HC35" s="278">
        <v>0</v>
      </c>
      <c r="HD35" s="273">
        <v>0</v>
      </c>
      <c r="HE35" s="274">
        <v>0</v>
      </c>
      <c r="HF35" s="275">
        <v>0</v>
      </c>
      <c r="HG35" s="279"/>
      <c r="HH35" s="274">
        <v>0</v>
      </c>
      <c r="HI35" s="274">
        <v>0</v>
      </c>
      <c r="HJ35" s="274">
        <v>0</v>
      </c>
      <c r="HK35" s="274">
        <v>0</v>
      </c>
      <c r="HL35" s="274">
        <v>0</v>
      </c>
      <c r="HM35" s="277">
        <v>0</v>
      </c>
      <c r="HN35" s="278">
        <v>0</v>
      </c>
      <c r="HO35" s="273">
        <v>0</v>
      </c>
      <c r="HP35" s="274">
        <v>0</v>
      </c>
      <c r="HQ35" s="275">
        <v>0</v>
      </c>
      <c r="HR35" s="276">
        <v>0</v>
      </c>
      <c r="HS35" s="274">
        <v>96089</v>
      </c>
      <c r="HT35" s="274">
        <v>82750</v>
      </c>
      <c r="HU35" s="274">
        <v>607992</v>
      </c>
      <c r="HV35" s="274">
        <v>781347</v>
      </c>
      <c r="HW35" s="274">
        <v>341878</v>
      </c>
      <c r="HX35" s="277">
        <v>1910056</v>
      </c>
      <c r="HY35" s="278">
        <v>1910056</v>
      </c>
    </row>
    <row r="36" spans="2:233" ht="21" customHeight="1" x14ac:dyDescent="0.2">
      <c r="B36" s="472" t="s">
        <v>33</v>
      </c>
      <c r="C36" s="273">
        <v>0</v>
      </c>
      <c r="D36" s="274">
        <v>0</v>
      </c>
      <c r="E36" s="275">
        <v>0</v>
      </c>
      <c r="F36" s="276">
        <v>0</v>
      </c>
      <c r="G36" s="274">
        <v>118485</v>
      </c>
      <c r="H36" s="274">
        <v>177190</v>
      </c>
      <c r="I36" s="274">
        <v>487540</v>
      </c>
      <c r="J36" s="274">
        <v>518015</v>
      </c>
      <c r="K36" s="274">
        <v>308015</v>
      </c>
      <c r="L36" s="277">
        <v>1609245</v>
      </c>
      <c r="M36" s="278">
        <v>1609245</v>
      </c>
      <c r="N36" s="273">
        <v>0</v>
      </c>
      <c r="O36" s="274">
        <v>0</v>
      </c>
      <c r="P36" s="275">
        <v>0</v>
      </c>
      <c r="Q36" s="279"/>
      <c r="R36" s="274">
        <v>0</v>
      </c>
      <c r="S36" s="274">
        <v>29915</v>
      </c>
      <c r="T36" s="274">
        <v>225365</v>
      </c>
      <c r="U36" s="274">
        <v>309380</v>
      </c>
      <c r="V36" s="274">
        <v>237335</v>
      </c>
      <c r="W36" s="277">
        <v>801995</v>
      </c>
      <c r="X36" s="278">
        <v>801995</v>
      </c>
      <c r="Y36" s="273">
        <v>0</v>
      </c>
      <c r="Z36" s="274">
        <v>0</v>
      </c>
      <c r="AA36" s="275">
        <v>0</v>
      </c>
      <c r="AB36" s="279"/>
      <c r="AC36" s="274">
        <v>97760</v>
      </c>
      <c r="AD36" s="274">
        <v>66090</v>
      </c>
      <c r="AE36" s="274">
        <v>141670</v>
      </c>
      <c r="AF36" s="274">
        <v>160735</v>
      </c>
      <c r="AG36" s="274">
        <v>28480</v>
      </c>
      <c r="AH36" s="277">
        <v>494735</v>
      </c>
      <c r="AI36" s="278">
        <v>494735</v>
      </c>
      <c r="AJ36" s="273">
        <v>0</v>
      </c>
      <c r="AK36" s="274">
        <v>0</v>
      </c>
      <c r="AL36" s="275">
        <v>0</v>
      </c>
      <c r="AM36" s="279"/>
      <c r="AN36" s="274">
        <v>0</v>
      </c>
      <c r="AO36" s="274">
        <v>0</v>
      </c>
      <c r="AP36" s="274">
        <v>0</v>
      </c>
      <c r="AQ36" s="274">
        <v>0</v>
      </c>
      <c r="AR36" s="274">
        <v>0</v>
      </c>
      <c r="AS36" s="277">
        <v>0</v>
      </c>
      <c r="AT36" s="278">
        <v>0</v>
      </c>
      <c r="AU36" s="273">
        <v>0</v>
      </c>
      <c r="AV36" s="274">
        <v>0</v>
      </c>
      <c r="AW36" s="275">
        <v>0</v>
      </c>
      <c r="AX36" s="279"/>
      <c r="AY36" s="274">
        <v>14310</v>
      </c>
      <c r="AZ36" s="274">
        <v>62775</v>
      </c>
      <c r="BA36" s="274">
        <v>111270</v>
      </c>
      <c r="BB36" s="274">
        <v>35495</v>
      </c>
      <c r="BC36" s="274">
        <v>37975</v>
      </c>
      <c r="BD36" s="277">
        <v>261825</v>
      </c>
      <c r="BE36" s="278">
        <v>261825</v>
      </c>
      <c r="BF36" s="273">
        <v>0</v>
      </c>
      <c r="BG36" s="274">
        <v>0</v>
      </c>
      <c r="BH36" s="275">
        <v>0</v>
      </c>
      <c r="BI36" s="279"/>
      <c r="BJ36" s="274">
        <v>0</v>
      </c>
      <c r="BK36" s="274">
        <v>0</v>
      </c>
      <c r="BL36" s="274">
        <v>0</v>
      </c>
      <c r="BM36" s="274">
        <v>0</v>
      </c>
      <c r="BN36" s="274">
        <v>0</v>
      </c>
      <c r="BO36" s="277">
        <v>0</v>
      </c>
      <c r="BP36" s="278">
        <v>0</v>
      </c>
      <c r="BQ36" s="273">
        <v>0</v>
      </c>
      <c r="BR36" s="274">
        <v>0</v>
      </c>
      <c r="BS36" s="275">
        <v>0</v>
      </c>
      <c r="BT36" s="276">
        <v>0</v>
      </c>
      <c r="BU36" s="274">
        <v>6415</v>
      </c>
      <c r="BV36" s="274">
        <v>18410</v>
      </c>
      <c r="BW36" s="274">
        <v>9235</v>
      </c>
      <c r="BX36" s="274">
        <v>12405</v>
      </c>
      <c r="BY36" s="274">
        <v>4225</v>
      </c>
      <c r="BZ36" s="277">
        <v>50690</v>
      </c>
      <c r="CA36" s="278">
        <v>50690</v>
      </c>
      <c r="CB36" s="273">
        <v>0</v>
      </c>
      <c r="CC36" s="274">
        <v>0</v>
      </c>
      <c r="CD36" s="275">
        <v>0</v>
      </c>
      <c r="CE36" s="276">
        <v>0</v>
      </c>
      <c r="CF36" s="274">
        <v>0</v>
      </c>
      <c r="CG36" s="274">
        <v>0</v>
      </c>
      <c r="CH36" s="274">
        <v>0</v>
      </c>
      <c r="CI36" s="274">
        <v>0</v>
      </c>
      <c r="CJ36" s="274">
        <v>0</v>
      </c>
      <c r="CK36" s="277">
        <v>0</v>
      </c>
      <c r="CL36" s="278">
        <v>0</v>
      </c>
      <c r="CM36" s="273">
        <v>0</v>
      </c>
      <c r="CN36" s="274">
        <v>0</v>
      </c>
      <c r="CO36" s="275">
        <v>0</v>
      </c>
      <c r="CP36" s="276">
        <v>0</v>
      </c>
      <c r="CQ36" s="274">
        <v>0</v>
      </c>
      <c r="CR36" s="274">
        <v>0</v>
      </c>
      <c r="CS36" s="274">
        <v>0</v>
      </c>
      <c r="CT36" s="274">
        <v>0</v>
      </c>
      <c r="CU36" s="274">
        <v>0</v>
      </c>
      <c r="CV36" s="277">
        <v>0</v>
      </c>
      <c r="CW36" s="278">
        <v>0</v>
      </c>
      <c r="CX36" s="273">
        <v>0</v>
      </c>
      <c r="CY36" s="274">
        <v>0</v>
      </c>
      <c r="CZ36" s="275">
        <v>0</v>
      </c>
      <c r="DA36" s="279"/>
      <c r="DB36" s="274">
        <v>0</v>
      </c>
      <c r="DC36" s="274">
        <v>0</v>
      </c>
      <c r="DD36" s="274">
        <v>0</v>
      </c>
      <c r="DE36" s="274">
        <v>0</v>
      </c>
      <c r="DF36" s="274">
        <v>0</v>
      </c>
      <c r="DG36" s="277">
        <v>0</v>
      </c>
      <c r="DH36" s="278">
        <v>0</v>
      </c>
      <c r="DI36" s="273">
        <v>0</v>
      </c>
      <c r="DJ36" s="274">
        <v>0</v>
      </c>
      <c r="DK36" s="275">
        <v>0</v>
      </c>
      <c r="DL36" s="276">
        <v>0</v>
      </c>
      <c r="DM36" s="274">
        <v>25346</v>
      </c>
      <c r="DN36" s="274">
        <v>87578</v>
      </c>
      <c r="DO36" s="274">
        <v>334600</v>
      </c>
      <c r="DP36" s="274">
        <v>383665</v>
      </c>
      <c r="DQ36" s="274">
        <v>218761</v>
      </c>
      <c r="DR36" s="277">
        <v>1049950</v>
      </c>
      <c r="DS36" s="280">
        <v>1049950</v>
      </c>
      <c r="DT36" s="273">
        <v>0</v>
      </c>
      <c r="DU36" s="274">
        <v>0</v>
      </c>
      <c r="DV36" s="275">
        <v>0</v>
      </c>
      <c r="DW36" s="279"/>
      <c r="DX36" s="274">
        <v>0</v>
      </c>
      <c r="DY36" s="274">
        <v>51646</v>
      </c>
      <c r="DZ36" s="274">
        <v>287497</v>
      </c>
      <c r="EA36" s="274">
        <v>357692</v>
      </c>
      <c r="EB36" s="274">
        <v>213016</v>
      </c>
      <c r="EC36" s="277">
        <v>909851</v>
      </c>
      <c r="ED36" s="278">
        <v>909851</v>
      </c>
      <c r="EE36" s="273">
        <v>0</v>
      </c>
      <c r="EF36" s="274">
        <v>0</v>
      </c>
      <c r="EG36" s="275">
        <v>0</v>
      </c>
      <c r="EH36" s="279"/>
      <c r="EI36" s="274">
        <v>18193</v>
      </c>
      <c r="EJ36" s="274">
        <v>12401</v>
      </c>
      <c r="EK36" s="274">
        <v>24025</v>
      </c>
      <c r="EL36" s="274">
        <v>1519</v>
      </c>
      <c r="EM36" s="274">
        <v>588</v>
      </c>
      <c r="EN36" s="277">
        <v>56726</v>
      </c>
      <c r="EO36" s="278">
        <v>56726</v>
      </c>
      <c r="EP36" s="273">
        <v>0</v>
      </c>
      <c r="EQ36" s="274">
        <v>0</v>
      </c>
      <c r="ER36" s="275">
        <v>0</v>
      </c>
      <c r="ES36" s="279"/>
      <c r="ET36" s="274">
        <v>0</v>
      </c>
      <c r="EU36" s="274">
        <v>0</v>
      </c>
      <c r="EV36" s="274">
        <v>0</v>
      </c>
      <c r="EW36" s="274">
        <v>0</v>
      </c>
      <c r="EX36" s="274">
        <v>0</v>
      </c>
      <c r="EY36" s="277">
        <v>0</v>
      </c>
      <c r="EZ36" s="278">
        <v>0</v>
      </c>
      <c r="FA36" s="273">
        <v>0</v>
      </c>
      <c r="FB36" s="274">
        <v>0</v>
      </c>
      <c r="FC36" s="275">
        <v>0</v>
      </c>
      <c r="FD36" s="279"/>
      <c r="FE36" s="274">
        <v>133</v>
      </c>
      <c r="FF36" s="274">
        <v>12121</v>
      </c>
      <c r="FG36" s="274">
        <v>12548</v>
      </c>
      <c r="FH36" s="274">
        <v>11687</v>
      </c>
      <c r="FI36" s="274">
        <v>651</v>
      </c>
      <c r="FJ36" s="277">
        <v>37140</v>
      </c>
      <c r="FK36" s="278">
        <v>37140</v>
      </c>
      <c r="FL36" s="273">
        <v>0</v>
      </c>
      <c r="FM36" s="274">
        <v>0</v>
      </c>
      <c r="FN36" s="275">
        <v>0</v>
      </c>
      <c r="FO36" s="279"/>
      <c r="FP36" s="274">
        <v>0</v>
      </c>
      <c r="FQ36" s="274">
        <v>0</v>
      </c>
      <c r="FR36" s="274">
        <v>0</v>
      </c>
      <c r="FS36" s="274">
        <v>0</v>
      </c>
      <c r="FT36" s="274">
        <v>0</v>
      </c>
      <c r="FU36" s="277">
        <v>0</v>
      </c>
      <c r="FV36" s="278">
        <v>0</v>
      </c>
      <c r="FW36" s="273">
        <v>0</v>
      </c>
      <c r="FX36" s="274">
        <v>0</v>
      </c>
      <c r="FY36" s="275">
        <v>0</v>
      </c>
      <c r="FZ36" s="276">
        <v>0</v>
      </c>
      <c r="GA36" s="274">
        <v>7020</v>
      </c>
      <c r="GB36" s="274">
        <v>11410</v>
      </c>
      <c r="GC36" s="274">
        <v>10530</v>
      </c>
      <c r="GD36" s="274">
        <v>12767</v>
      </c>
      <c r="GE36" s="274">
        <v>4506</v>
      </c>
      <c r="GF36" s="277">
        <v>46233</v>
      </c>
      <c r="GG36" s="278">
        <v>46233</v>
      </c>
      <c r="GH36" s="273">
        <v>0</v>
      </c>
      <c r="GI36" s="274">
        <v>0</v>
      </c>
      <c r="GJ36" s="275">
        <v>0</v>
      </c>
      <c r="GK36" s="276">
        <v>0</v>
      </c>
      <c r="GL36" s="274">
        <v>0</v>
      </c>
      <c r="GM36" s="274">
        <v>0</v>
      </c>
      <c r="GN36" s="274">
        <v>0</v>
      </c>
      <c r="GO36" s="274">
        <v>0</v>
      </c>
      <c r="GP36" s="274">
        <v>0</v>
      </c>
      <c r="GQ36" s="277">
        <v>0</v>
      </c>
      <c r="GR36" s="278">
        <v>0</v>
      </c>
      <c r="GS36" s="273">
        <v>0</v>
      </c>
      <c r="GT36" s="274">
        <v>0</v>
      </c>
      <c r="GU36" s="275">
        <v>0</v>
      </c>
      <c r="GV36" s="276">
        <v>0</v>
      </c>
      <c r="GW36" s="274">
        <v>0</v>
      </c>
      <c r="GX36" s="274">
        <v>0</v>
      </c>
      <c r="GY36" s="274">
        <v>0</v>
      </c>
      <c r="GZ36" s="274">
        <v>0</v>
      </c>
      <c r="HA36" s="274">
        <v>0</v>
      </c>
      <c r="HB36" s="277">
        <v>0</v>
      </c>
      <c r="HC36" s="278">
        <v>0</v>
      </c>
      <c r="HD36" s="273">
        <v>0</v>
      </c>
      <c r="HE36" s="274">
        <v>0</v>
      </c>
      <c r="HF36" s="275">
        <v>0</v>
      </c>
      <c r="HG36" s="279"/>
      <c r="HH36" s="274">
        <v>0</v>
      </c>
      <c r="HI36" s="274">
        <v>0</v>
      </c>
      <c r="HJ36" s="274">
        <v>0</v>
      </c>
      <c r="HK36" s="274">
        <v>0</v>
      </c>
      <c r="HL36" s="274">
        <v>0</v>
      </c>
      <c r="HM36" s="277">
        <v>0</v>
      </c>
      <c r="HN36" s="278">
        <v>0</v>
      </c>
      <c r="HO36" s="273">
        <v>0</v>
      </c>
      <c r="HP36" s="274">
        <v>0</v>
      </c>
      <c r="HQ36" s="275">
        <v>0</v>
      </c>
      <c r="HR36" s="276">
        <v>0</v>
      </c>
      <c r="HS36" s="274">
        <v>143831</v>
      </c>
      <c r="HT36" s="274">
        <v>264768</v>
      </c>
      <c r="HU36" s="274">
        <v>822140</v>
      </c>
      <c r="HV36" s="274">
        <v>901680</v>
      </c>
      <c r="HW36" s="274">
        <v>526776</v>
      </c>
      <c r="HX36" s="277">
        <v>2659195</v>
      </c>
      <c r="HY36" s="278">
        <v>2659195</v>
      </c>
    </row>
    <row r="37" spans="2:233" ht="21" customHeight="1" x14ac:dyDescent="0.2">
      <c r="B37" s="472" t="s">
        <v>34</v>
      </c>
      <c r="C37" s="273">
        <v>0</v>
      </c>
      <c r="D37" s="274">
        <v>0</v>
      </c>
      <c r="E37" s="275">
        <v>0</v>
      </c>
      <c r="F37" s="276">
        <v>0</v>
      </c>
      <c r="G37" s="274">
        <v>27280</v>
      </c>
      <c r="H37" s="274">
        <v>103245</v>
      </c>
      <c r="I37" s="274">
        <v>70625</v>
      </c>
      <c r="J37" s="274">
        <v>311830</v>
      </c>
      <c r="K37" s="274">
        <v>238952</v>
      </c>
      <c r="L37" s="277">
        <v>751932</v>
      </c>
      <c r="M37" s="278">
        <v>751932</v>
      </c>
      <c r="N37" s="273">
        <v>0</v>
      </c>
      <c r="O37" s="274">
        <v>0</v>
      </c>
      <c r="P37" s="275">
        <v>0</v>
      </c>
      <c r="Q37" s="279"/>
      <c r="R37" s="274">
        <v>0</v>
      </c>
      <c r="S37" s="274">
        <v>0</v>
      </c>
      <c r="T37" s="274">
        <v>40610</v>
      </c>
      <c r="U37" s="274">
        <v>287225</v>
      </c>
      <c r="V37" s="274">
        <v>201345</v>
      </c>
      <c r="W37" s="277">
        <v>529180</v>
      </c>
      <c r="X37" s="278">
        <v>529180</v>
      </c>
      <c r="Y37" s="273">
        <v>0</v>
      </c>
      <c r="Z37" s="274">
        <v>0</v>
      </c>
      <c r="AA37" s="275">
        <v>0</v>
      </c>
      <c r="AB37" s="279"/>
      <c r="AC37" s="274">
        <v>27280</v>
      </c>
      <c r="AD37" s="274">
        <v>103045</v>
      </c>
      <c r="AE37" s="274">
        <v>27280</v>
      </c>
      <c r="AF37" s="274">
        <v>2635</v>
      </c>
      <c r="AG37" s="274">
        <v>35340</v>
      </c>
      <c r="AH37" s="277">
        <v>195580</v>
      </c>
      <c r="AI37" s="278">
        <v>195580</v>
      </c>
      <c r="AJ37" s="273">
        <v>0</v>
      </c>
      <c r="AK37" s="274">
        <v>0</v>
      </c>
      <c r="AL37" s="275">
        <v>0</v>
      </c>
      <c r="AM37" s="279"/>
      <c r="AN37" s="274">
        <v>0</v>
      </c>
      <c r="AO37" s="274">
        <v>0</v>
      </c>
      <c r="AP37" s="274">
        <v>0</v>
      </c>
      <c r="AQ37" s="274">
        <v>0</v>
      </c>
      <c r="AR37" s="274">
        <v>0</v>
      </c>
      <c r="AS37" s="277">
        <v>0</v>
      </c>
      <c r="AT37" s="278">
        <v>0</v>
      </c>
      <c r="AU37" s="273">
        <v>0</v>
      </c>
      <c r="AV37" s="274">
        <v>0</v>
      </c>
      <c r="AW37" s="275">
        <v>0</v>
      </c>
      <c r="AX37" s="279"/>
      <c r="AY37" s="274">
        <v>0</v>
      </c>
      <c r="AZ37" s="274">
        <v>0</v>
      </c>
      <c r="BA37" s="274">
        <v>0</v>
      </c>
      <c r="BB37" s="274">
        <v>0</v>
      </c>
      <c r="BC37" s="274">
        <v>0</v>
      </c>
      <c r="BD37" s="277">
        <v>0</v>
      </c>
      <c r="BE37" s="278">
        <v>0</v>
      </c>
      <c r="BF37" s="273">
        <v>0</v>
      </c>
      <c r="BG37" s="274">
        <v>0</v>
      </c>
      <c r="BH37" s="275">
        <v>0</v>
      </c>
      <c r="BI37" s="279"/>
      <c r="BJ37" s="274">
        <v>0</v>
      </c>
      <c r="BK37" s="274">
        <v>0</v>
      </c>
      <c r="BL37" s="274">
        <v>0</v>
      </c>
      <c r="BM37" s="274">
        <v>0</v>
      </c>
      <c r="BN37" s="274">
        <v>0</v>
      </c>
      <c r="BO37" s="277">
        <v>0</v>
      </c>
      <c r="BP37" s="278">
        <v>0</v>
      </c>
      <c r="BQ37" s="273">
        <v>0</v>
      </c>
      <c r="BR37" s="274">
        <v>0</v>
      </c>
      <c r="BS37" s="275">
        <v>0</v>
      </c>
      <c r="BT37" s="276">
        <v>0</v>
      </c>
      <c r="BU37" s="274">
        <v>0</v>
      </c>
      <c r="BV37" s="274">
        <v>200</v>
      </c>
      <c r="BW37" s="274">
        <v>2735</v>
      </c>
      <c r="BX37" s="274">
        <v>21970</v>
      </c>
      <c r="BY37" s="274">
        <v>2267</v>
      </c>
      <c r="BZ37" s="277">
        <v>27172</v>
      </c>
      <c r="CA37" s="278">
        <v>27172</v>
      </c>
      <c r="CB37" s="273">
        <v>0</v>
      </c>
      <c r="CC37" s="274">
        <v>0</v>
      </c>
      <c r="CD37" s="275">
        <v>0</v>
      </c>
      <c r="CE37" s="276">
        <v>0</v>
      </c>
      <c r="CF37" s="274">
        <v>0</v>
      </c>
      <c r="CG37" s="274">
        <v>0</v>
      </c>
      <c r="CH37" s="274">
        <v>0</v>
      </c>
      <c r="CI37" s="274">
        <v>0</v>
      </c>
      <c r="CJ37" s="274">
        <v>0</v>
      </c>
      <c r="CK37" s="277">
        <v>0</v>
      </c>
      <c r="CL37" s="278">
        <v>0</v>
      </c>
      <c r="CM37" s="273">
        <v>0</v>
      </c>
      <c r="CN37" s="274">
        <v>0</v>
      </c>
      <c r="CO37" s="275">
        <v>0</v>
      </c>
      <c r="CP37" s="276">
        <v>0</v>
      </c>
      <c r="CQ37" s="274">
        <v>0</v>
      </c>
      <c r="CR37" s="274">
        <v>0</v>
      </c>
      <c r="CS37" s="274">
        <v>0</v>
      </c>
      <c r="CT37" s="274">
        <v>0</v>
      </c>
      <c r="CU37" s="274">
        <v>0</v>
      </c>
      <c r="CV37" s="277">
        <v>0</v>
      </c>
      <c r="CW37" s="278">
        <v>0</v>
      </c>
      <c r="CX37" s="273">
        <v>0</v>
      </c>
      <c r="CY37" s="274">
        <v>0</v>
      </c>
      <c r="CZ37" s="275">
        <v>0</v>
      </c>
      <c r="DA37" s="279"/>
      <c r="DB37" s="274">
        <v>0</v>
      </c>
      <c r="DC37" s="274">
        <v>0</v>
      </c>
      <c r="DD37" s="274">
        <v>0</v>
      </c>
      <c r="DE37" s="274">
        <v>0</v>
      </c>
      <c r="DF37" s="274">
        <v>0</v>
      </c>
      <c r="DG37" s="277">
        <v>0</v>
      </c>
      <c r="DH37" s="278">
        <v>0</v>
      </c>
      <c r="DI37" s="273">
        <v>0</v>
      </c>
      <c r="DJ37" s="274">
        <v>0</v>
      </c>
      <c r="DK37" s="275">
        <v>0</v>
      </c>
      <c r="DL37" s="276">
        <v>0</v>
      </c>
      <c r="DM37" s="274">
        <v>403</v>
      </c>
      <c r="DN37" s="274">
        <v>14381</v>
      </c>
      <c r="DO37" s="274">
        <v>107559</v>
      </c>
      <c r="DP37" s="274">
        <v>332113</v>
      </c>
      <c r="DQ37" s="274">
        <v>185515</v>
      </c>
      <c r="DR37" s="277">
        <v>639971</v>
      </c>
      <c r="DS37" s="280">
        <v>639971</v>
      </c>
      <c r="DT37" s="273">
        <v>0</v>
      </c>
      <c r="DU37" s="274">
        <v>0</v>
      </c>
      <c r="DV37" s="275">
        <v>0</v>
      </c>
      <c r="DW37" s="279"/>
      <c r="DX37" s="274">
        <v>0</v>
      </c>
      <c r="DY37" s="274">
        <v>0</v>
      </c>
      <c r="DZ37" s="274">
        <v>101494</v>
      </c>
      <c r="EA37" s="274">
        <v>317894</v>
      </c>
      <c r="EB37" s="274">
        <v>180905</v>
      </c>
      <c r="EC37" s="277">
        <v>600293</v>
      </c>
      <c r="ED37" s="278">
        <v>600293</v>
      </c>
      <c r="EE37" s="273">
        <v>0</v>
      </c>
      <c r="EF37" s="274">
        <v>0</v>
      </c>
      <c r="EG37" s="275">
        <v>0</v>
      </c>
      <c r="EH37" s="279"/>
      <c r="EI37" s="274">
        <v>403</v>
      </c>
      <c r="EJ37" s="274">
        <v>12989</v>
      </c>
      <c r="EK37" s="274">
        <v>434</v>
      </c>
      <c r="EL37" s="274">
        <v>217</v>
      </c>
      <c r="EM37" s="274">
        <v>434</v>
      </c>
      <c r="EN37" s="277">
        <v>14477</v>
      </c>
      <c r="EO37" s="278">
        <v>14477</v>
      </c>
      <c r="EP37" s="273">
        <v>0</v>
      </c>
      <c r="EQ37" s="274">
        <v>0</v>
      </c>
      <c r="ER37" s="275">
        <v>0</v>
      </c>
      <c r="ES37" s="279"/>
      <c r="ET37" s="274">
        <v>0</v>
      </c>
      <c r="EU37" s="274">
        <v>0</v>
      </c>
      <c r="EV37" s="274">
        <v>0</v>
      </c>
      <c r="EW37" s="274">
        <v>0</v>
      </c>
      <c r="EX37" s="274">
        <v>0</v>
      </c>
      <c r="EY37" s="277">
        <v>0</v>
      </c>
      <c r="EZ37" s="278">
        <v>0</v>
      </c>
      <c r="FA37" s="273">
        <v>0</v>
      </c>
      <c r="FB37" s="274">
        <v>0</v>
      </c>
      <c r="FC37" s="275">
        <v>0</v>
      </c>
      <c r="FD37" s="279"/>
      <c r="FE37" s="274">
        <v>0</v>
      </c>
      <c r="FF37" s="274">
        <v>0</v>
      </c>
      <c r="FG37" s="274">
        <v>0</v>
      </c>
      <c r="FH37" s="274">
        <v>0</v>
      </c>
      <c r="FI37" s="274">
        <v>0</v>
      </c>
      <c r="FJ37" s="277">
        <v>0</v>
      </c>
      <c r="FK37" s="278">
        <v>0</v>
      </c>
      <c r="FL37" s="273">
        <v>0</v>
      </c>
      <c r="FM37" s="274">
        <v>0</v>
      </c>
      <c r="FN37" s="275">
        <v>0</v>
      </c>
      <c r="FO37" s="279"/>
      <c r="FP37" s="274">
        <v>0</v>
      </c>
      <c r="FQ37" s="274">
        <v>0</v>
      </c>
      <c r="FR37" s="274">
        <v>0</v>
      </c>
      <c r="FS37" s="274">
        <v>0</v>
      </c>
      <c r="FT37" s="274">
        <v>0</v>
      </c>
      <c r="FU37" s="277">
        <v>0</v>
      </c>
      <c r="FV37" s="278">
        <v>0</v>
      </c>
      <c r="FW37" s="273">
        <v>0</v>
      </c>
      <c r="FX37" s="274">
        <v>0</v>
      </c>
      <c r="FY37" s="275">
        <v>0</v>
      </c>
      <c r="FZ37" s="276">
        <v>0</v>
      </c>
      <c r="GA37" s="274">
        <v>0</v>
      </c>
      <c r="GB37" s="274">
        <v>1392</v>
      </c>
      <c r="GC37" s="274">
        <v>5631</v>
      </c>
      <c r="GD37" s="274">
        <v>14002</v>
      </c>
      <c r="GE37" s="274">
        <v>4176</v>
      </c>
      <c r="GF37" s="277">
        <v>25201</v>
      </c>
      <c r="GG37" s="278">
        <v>25201</v>
      </c>
      <c r="GH37" s="273">
        <v>0</v>
      </c>
      <c r="GI37" s="274">
        <v>0</v>
      </c>
      <c r="GJ37" s="275">
        <v>0</v>
      </c>
      <c r="GK37" s="276">
        <v>0</v>
      </c>
      <c r="GL37" s="274">
        <v>0</v>
      </c>
      <c r="GM37" s="274">
        <v>0</v>
      </c>
      <c r="GN37" s="274">
        <v>0</v>
      </c>
      <c r="GO37" s="274">
        <v>0</v>
      </c>
      <c r="GP37" s="274">
        <v>0</v>
      </c>
      <c r="GQ37" s="277">
        <v>0</v>
      </c>
      <c r="GR37" s="278">
        <v>0</v>
      </c>
      <c r="GS37" s="273">
        <v>0</v>
      </c>
      <c r="GT37" s="274">
        <v>0</v>
      </c>
      <c r="GU37" s="275">
        <v>0</v>
      </c>
      <c r="GV37" s="276">
        <v>0</v>
      </c>
      <c r="GW37" s="274">
        <v>0</v>
      </c>
      <c r="GX37" s="274">
        <v>0</v>
      </c>
      <c r="GY37" s="274">
        <v>0</v>
      </c>
      <c r="GZ37" s="274">
        <v>0</v>
      </c>
      <c r="HA37" s="274">
        <v>0</v>
      </c>
      <c r="HB37" s="277">
        <v>0</v>
      </c>
      <c r="HC37" s="278">
        <v>0</v>
      </c>
      <c r="HD37" s="273">
        <v>0</v>
      </c>
      <c r="HE37" s="274">
        <v>0</v>
      </c>
      <c r="HF37" s="275">
        <v>0</v>
      </c>
      <c r="HG37" s="279"/>
      <c r="HH37" s="274">
        <v>0</v>
      </c>
      <c r="HI37" s="274">
        <v>0</v>
      </c>
      <c r="HJ37" s="274">
        <v>0</v>
      </c>
      <c r="HK37" s="274">
        <v>0</v>
      </c>
      <c r="HL37" s="274">
        <v>0</v>
      </c>
      <c r="HM37" s="277">
        <v>0</v>
      </c>
      <c r="HN37" s="278">
        <v>0</v>
      </c>
      <c r="HO37" s="273">
        <v>0</v>
      </c>
      <c r="HP37" s="274">
        <v>0</v>
      </c>
      <c r="HQ37" s="275">
        <v>0</v>
      </c>
      <c r="HR37" s="276">
        <v>0</v>
      </c>
      <c r="HS37" s="274">
        <v>27683</v>
      </c>
      <c r="HT37" s="274">
        <v>117626</v>
      </c>
      <c r="HU37" s="274">
        <v>178184</v>
      </c>
      <c r="HV37" s="274">
        <v>643943</v>
      </c>
      <c r="HW37" s="274">
        <v>424467</v>
      </c>
      <c r="HX37" s="277">
        <v>1391903</v>
      </c>
      <c r="HY37" s="278">
        <v>1391903</v>
      </c>
    </row>
    <row r="38" spans="2:233" ht="21" customHeight="1" x14ac:dyDescent="0.2">
      <c r="B38" s="472" t="s">
        <v>35</v>
      </c>
      <c r="C38" s="273">
        <v>1885</v>
      </c>
      <c r="D38" s="274">
        <v>0</v>
      </c>
      <c r="E38" s="275">
        <v>1885</v>
      </c>
      <c r="F38" s="276">
        <v>0</v>
      </c>
      <c r="G38" s="274">
        <v>203695</v>
      </c>
      <c r="H38" s="274">
        <v>303900</v>
      </c>
      <c r="I38" s="274">
        <v>891690</v>
      </c>
      <c r="J38" s="274">
        <v>846650</v>
      </c>
      <c r="K38" s="274">
        <v>642445</v>
      </c>
      <c r="L38" s="277">
        <v>2888380</v>
      </c>
      <c r="M38" s="278">
        <v>2890265</v>
      </c>
      <c r="N38" s="273">
        <v>0</v>
      </c>
      <c r="O38" s="274">
        <v>0</v>
      </c>
      <c r="P38" s="275">
        <v>0</v>
      </c>
      <c r="Q38" s="279"/>
      <c r="R38" s="274">
        <v>5185</v>
      </c>
      <c r="S38" s="274">
        <v>89000</v>
      </c>
      <c r="T38" s="274">
        <v>538975</v>
      </c>
      <c r="U38" s="274">
        <v>633525</v>
      </c>
      <c r="V38" s="274">
        <v>551045</v>
      </c>
      <c r="W38" s="277">
        <v>1817730</v>
      </c>
      <c r="X38" s="278">
        <v>1817730</v>
      </c>
      <c r="Y38" s="273">
        <v>0</v>
      </c>
      <c r="Z38" s="274">
        <v>0</v>
      </c>
      <c r="AA38" s="275">
        <v>0</v>
      </c>
      <c r="AB38" s="279"/>
      <c r="AC38" s="274">
        <v>146630</v>
      </c>
      <c r="AD38" s="274">
        <v>214755</v>
      </c>
      <c r="AE38" s="274">
        <v>272730</v>
      </c>
      <c r="AF38" s="274">
        <v>73315</v>
      </c>
      <c r="AG38" s="274">
        <v>24645</v>
      </c>
      <c r="AH38" s="277">
        <v>732075</v>
      </c>
      <c r="AI38" s="278">
        <v>732075</v>
      </c>
      <c r="AJ38" s="273">
        <v>0</v>
      </c>
      <c r="AK38" s="274">
        <v>0</v>
      </c>
      <c r="AL38" s="275">
        <v>0</v>
      </c>
      <c r="AM38" s="279"/>
      <c r="AN38" s="274">
        <v>0</v>
      </c>
      <c r="AO38" s="274">
        <v>0</v>
      </c>
      <c r="AP38" s="274">
        <v>0</v>
      </c>
      <c r="AQ38" s="274">
        <v>0</v>
      </c>
      <c r="AR38" s="274">
        <v>0</v>
      </c>
      <c r="AS38" s="277">
        <v>0</v>
      </c>
      <c r="AT38" s="278">
        <v>0</v>
      </c>
      <c r="AU38" s="273">
        <v>0</v>
      </c>
      <c r="AV38" s="274">
        <v>0</v>
      </c>
      <c r="AW38" s="275">
        <v>0</v>
      </c>
      <c r="AX38" s="279"/>
      <c r="AY38" s="274">
        <v>35340</v>
      </c>
      <c r="AZ38" s="274">
        <v>0</v>
      </c>
      <c r="BA38" s="274">
        <v>70990</v>
      </c>
      <c r="BB38" s="274">
        <v>131130</v>
      </c>
      <c r="BC38" s="274">
        <v>66755</v>
      </c>
      <c r="BD38" s="277">
        <v>304215</v>
      </c>
      <c r="BE38" s="278">
        <v>304215</v>
      </c>
      <c r="BF38" s="273">
        <v>0</v>
      </c>
      <c r="BG38" s="274">
        <v>0</v>
      </c>
      <c r="BH38" s="275">
        <v>0</v>
      </c>
      <c r="BI38" s="279"/>
      <c r="BJ38" s="274">
        <v>0</v>
      </c>
      <c r="BK38" s="274">
        <v>0</v>
      </c>
      <c r="BL38" s="274">
        <v>0</v>
      </c>
      <c r="BM38" s="274">
        <v>0</v>
      </c>
      <c r="BN38" s="274">
        <v>0</v>
      </c>
      <c r="BO38" s="277">
        <v>0</v>
      </c>
      <c r="BP38" s="278">
        <v>0</v>
      </c>
      <c r="BQ38" s="273">
        <v>1885</v>
      </c>
      <c r="BR38" s="274">
        <v>0</v>
      </c>
      <c r="BS38" s="275">
        <v>1885</v>
      </c>
      <c r="BT38" s="276">
        <v>0</v>
      </c>
      <c r="BU38" s="274">
        <v>16540</v>
      </c>
      <c r="BV38" s="274">
        <v>145</v>
      </c>
      <c r="BW38" s="274">
        <v>7745</v>
      </c>
      <c r="BX38" s="274">
        <v>7135</v>
      </c>
      <c r="BY38" s="274">
        <v>0</v>
      </c>
      <c r="BZ38" s="277">
        <v>31565</v>
      </c>
      <c r="CA38" s="278">
        <v>33450</v>
      </c>
      <c r="CB38" s="273">
        <v>0</v>
      </c>
      <c r="CC38" s="274">
        <v>0</v>
      </c>
      <c r="CD38" s="275">
        <v>0</v>
      </c>
      <c r="CE38" s="276">
        <v>0</v>
      </c>
      <c r="CF38" s="274">
        <v>0</v>
      </c>
      <c r="CG38" s="274">
        <v>0</v>
      </c>
      <c r="CH38" s="274">
        <v>1250</v>
      </c>
      <c r="CI38" s="274">
        <v>1545</v>
      </c>
      <c r="CJ38" s="274">
        <v>0</v>
      </c>
      <c r="CK38" s="277">
        <v>2795</v>
      </c>
      <c r="CL38" s="278">
        <v>2795</v>
      </c>
      <c r="CM38" s="273">
        <v>0</v>
      </c>
      <c r="CN38" s="274">
        <v>0</v>
      </c>
      <c r="CO38" s="275">
        <v>0</v>
      </c>
      <c r="CP38" s="276">
        <v>0</v>
      </c>
      <c r="CQ38" s="274">
        <v>0</v>
      </c>
      <c r="CR38" s="274">
        <v>0</v>
      </c>
      <c r="CS38" s="274">
        <v>0</v>
      </c>
      <c r="CT38" s="274">
        <v>0</v>
      </c>
      <c r="CU38" s="274">
        <v>0</v>
      </c>
      <c r="CV38" s="277">
        <v>0</v>
      </c>
      <c r="CW38" s="278">
        <v>0</v>
      </c>
      <c r="CX38" s="273">
        <v>0</v>
      </c>
      <c r="CY38" s="274">
        <v>0</v>
      </c>
      <c r="CZ38" s="275">
        <v>0</v>
      </c>
      <c r="DA38" s="279"/>
      <c r="DB38" s="274">
        <v>0</v>
      </c>
      <c r="DC38" s="274">
        <v>0</v>
      </c>
      <c r="DD38" s="274">
        <v>0</v>
      </c>
      <c r="DE38" s="274">
        <v>0</v>
      </c>
      <c r="DF38" s="274">
        <v>0</v>
      </c>
      <c r="DG38" s="277">
        <v>0</v>
      </c>
      <c r="DH38" s="278">
        <v>0</v>
      </c>
      <c r="DI38" s="273">
        <v>1410</v>
      </c>
      <c r="DJ38" s="274">
        <v>0</v>
      </c>
      <c r="DK38" s="275">
        <v>1410</v>
      </c>
      <c r="DL38" s="276">
        <v>0</v>
      </c>
      <c r="DM38" s="274">
        <v>73721</v>
      </c>
      <c r="DN38" s="274">
        <v>66905</v>
      </c>
      <c r="DO38" s="274">
        <v>552561</v>
      </c>
      <c r="DP38" s="274">
        <v>691109</v>
      </c>
      <c r="DQ38" s="274">
        <v>514288</v>
      </c>
      <c r="DR38" s="277">
        <v>1898584</v>
      </c>
      <c r="DS38" s="280">
        <v>1899994</v>
      </c>
      <c r="DT38" s="273">
        <v>0</v>
      </c>
      <c r="DU38" s="274">
        <v>0</v>
      </c>
      <c r="DV38" s="275">
        <v>0</v>
      </c>
      <c r="DW38" s="279"/>
      <c r="DX38" s="274">
        <v>29585</v>
      </c>
      <c r="DY38" s="274">
        <v>51161</v>
      </c>
      <c r="DZ38" s="274">
        <v>518650</v>
      </c>
      <c r="EA38" s="274">
        <v>643890</v>
      </c>
      <c r="EB38" s="274">
        <v>490480</v>
      </c>
      <c r="EC38" s="277">
        <v>1733766</v>
      </c>
      <c r="ED38" s="278">
        <v>1733766</v>
      </c>
      <c r="EE38" s="273">
        <v>0</v>
      </c>
      <c r="EF38" s="274">
        <v>0</v>
      </c>
      <c r="EG38" s="275">
        <v>0</v>
      </c>
      <c r="EH38" s="279"/>
      <c r="EI38" s="274">
        <v>22847</v>
      </c>
      <c r="EJ38" s="274">
        <v>12834</v>
      </c>
      <c r="EK38" s="274">
        <v>2609</v>
      </c>
      <c r="EL38" s="274">
        <v>1085</v>
      </c>
      <c r="EM38" s="274">
        <v>217</v>
      </c>
      <c r="EN38" s="277">
        <v>39592</v>
      </c>
      <c r="EO38" s="278">
        <v>39592</v>
      </c>
      <c r="EP38" s="273">
        <v>0</v>
      </c>
      <c r="EQ38" s="274">
        <v>0</v>
      </c>
      <c r="ER38" s="275">
        <v>0</v>
      </c>
      <c r="ES38" s="279"/>
      <c r="ET38" s="274">
        <v>0</v>
      </c>
      <c r="EU38" s="274">
        <v>0</v>
      </c>
      <c r="EV38" s="274">
        <v>0</v>
      </c>
      <c r="EW38" s="274">
        <v>0</v>
      </c>
      <c r="EX38" s="274">
        <v>0</v>
      </c>
      <c r="EY38" s="277">
        <v>0</v>
      </c>
      <c r="EZ38" s="278">
        <v>0</v>
      </c>
      <c r="FA38" s="273">
        <v>0</v>
      </c>
      <c r="FB38" s="274">
        <v>0</v>
      </c>
      <c r="FC38" s="275">
        <v>0</v>
      </c>
      <c r="FD38" s="279"/>
      <c r="FE38" s="274">
        <v>434</v>
      </c>
      <c r="FF38" s="274">
        <v>0</v>
      </c>
      <c r="FG38" s="274">
        <v>23374</v>
      </c>
      <c r="FH38" s="274">
        <v>35278</v>
      </c>
      <c r="FI38" s="274">
        <v>23591</v>
      </c>
      <c r="FJ38" s="277">
        <v>82677</v>
      </c>
      <c r="FK38" s="278">
        <v>82677</v>
      </c>
      <c r="FL38" s="273">
        <v>0</v>
      </c>
      <c r="FM38" s="274">
        <v>0</v>
      </c>
      <c r="FN38" s="275">
        <v>0</v>
      </c>
      <c r="FO38" s="279"/>
      <c r="FP38" s="274">
        <v>0</v>
      </c>
      <c r="FQ38" s="274">
        <v>0</v>
      </c>
      <c r="FR38" s="274">
        <v>0</v>
      </c>
      <c r="FS38" s="274">
        <v>0</v>
      </c>
      <c r="FT38" s="274">
        <v>0</v>
      </c>
      <c r="FU38" s="277">
        <v>0</v>
      </c>
      <c r="FV38" s="278">
        <v>0</v>
      </c>
      <c r="FW38" s="273">
        <v>1410</v>
      </c>
      <c r="FX38" s="274">
        <v>0</v>
      </c>
      <c r="FY38" s="275">
        <v>1410</v>
      </c>
      <c r="FZ38" s="276">
        <v>0</v>
      </c>
      <c r="GA38" s="274">
        <v>20855</v>
      </c>
      <c r="GB38" s="274">
        <v>2910</v>
      </c>
      <c r="GC38" s="274">
        <v>7900</v>
      </c>
      <c r="GD38" s="274">
        <v>10835</v>
      </c>
      <c r="GE38" s="274">
        <v>0</v>
      </c>
      <c r="GF38" s="277">
        <v>42500</v>
      </c>
      <c r="GG38" s="278">
        <v>43910</v>
      </c>
      <c r="GH38" s="273">
        <v>0</v>
      </c>
      <c r="GI38" s="274">
        <v>0</v>
      </c>
      <c r="GJ38" s="275">
        <v>0</v>
      </c>
      <c r="GK38" s="276">
        <v>0</v>
      </c>
      <c r="GL38" s="274">
        <v>0</v>
      </c>
      <c r="GM38" s="274">
        <v>0</v>
      </c>
      <c r="GN38" s="274">
        <v>28</v>
      </c>
      <c r="GO38" s="274">
        <v>21</v>
      </c>
      <c r="GP38" s="274">
        <v>0</v>
      </c>
      <c r="GQ38" s="277">
        <v>49</v>
      </c>
      <c r="GR38" s="278">
        <v>49</v>
      </c>
      <c r="GS38" s="273">
        <v>0</v>
      </c>
      <c r="GT38" s="274">
        <v>0</v>
      </c>
      <c r="GU38" s="275">
        <v>0</v>
      </c>
      <c r="GV38" s="276">
        <v>0</v>
      </c>
      <c r="GW38" s="274">
        <v>0</v>
      </c>
      <c r="GX38" s="274">
        <v>0</v>
      </c>
      <c r="GY38" s="274">
        <v>0</v>
      </c>
      <c r="GZ38" s="274">
        <v>0</v>
      </c>
      <c r="HA38" s="274">
        <v>0</v>
      </c>
      <c r="HB38" s="277">
        <v>0</v>
      </c>
      <c r="HC38" s="278">
        <v>0</v>
      </c>
      <c r="HD38" s="273">
        <v>0</v>
      </c>
      <c r="HE38" s="274">
        <v>0</v>
      </c>
      <c r="HF38" s="275">
        <v>0</v>
      </c>
      <c r="HG38" s="279"/>
      <c r="HH38" s="274">
        <v>0</v>
      </c>
      <c r="HI38" s="274">
        <v>0</v>
      </c>
      <c r="HJ38" s="274">
        <v>0</v>
      </c>
      <c r="HK38" s="274">
        <v>0</v>
      </c>
      <c r="HL38" s="274">
        <v>0</v>
      </c>
      <c r="HM38" s="277">
        <v>0</v>
      </c>
      <c r="HN38" s="278">
        <v>0</v>
      </c>
      <c r="HO38" s="273">
        <v>3295</v>
      </c>
      <c r="HP38" s="274">
        <v>0</v>
      </c>
      <c r="HQ38" s="275">
        <v>3295</v>
      </c>
      <c r="HR38" s="276">
        <v>0</v>
      </c>
      <c r="HS38" s="274">
        <v>277416</v>
      </c>
      <c r="HT38" s="274">
        <v>370805</v>
      </c>
      <c r="HU38" s="274">
        <v>1444251</v>
      </c>
      <c r="HV38" s="274">
        <v>1537759</v>
      </c>
      <c r="HW38" s="274">
        <v>1156733</v>
      </c>
      <c r="HX38" s="277">
        <v>4786964</v>
      </c>
      <c r="HY38" s="278">
        <v>4790259</v>
      </c>
    </row>
    <row r="39" spans="2:233" ht="21" customHeight="1" x14ac:dyDescent="0.2">
      <c r="B39" s="472" t="s">
        <v>36</v>
      </c>
      <c r="C39" s="273">
        <v>0</v>
      </c>
      <c r="D39" s="274">
        <v>0</v>
      </c>
      <c r="E39" s="275">
        <v>0</v>
      </c>
      <c r="F39" s="276">
        <v>0</v>
      </c>
      <c r="G39" s="274">
        <v>125910</v>
      </c>
      <c r="H39" s="274">
        <v>150586</v>
      </c>
      <c r="I39" s="274">
        <v>866955</v>
      </c>
      <c r="J39" s="274">
        <v>908260</v>
      </c>
      <c r="K39" s="274">
        <v>692990</v>
      </c>
      <c r="L39" s="277">
        <v>2744701</v>
      </c>
      <c r="M39" s="278">
        <v>2744701</v>
      </c>
      <c r="N39" s="273">
        <v>0</v>
      </c>
      <c r="O39" s="274">
        <v>0</v>
      </c>
      <c r="P39" s="275">
        <v>0</v>
      </c>
      <c r="Q39" s="279"/>
      <c r="R39" s="274">
        <v>0</v>
      </c>
      <c r="S39" s="274">
        <v>32705</v>
      </c>
      <c r="T39" s="274">
        <v>532590</v>
      </c>
      <c r="U39" s="274">
        <v>673655</v>
      </c>
      <c r="V39" s="274">
        <v>436530</v>
      </c>
      <c r="W39" s="277">
        <v>1675480</v>
      </c>
      <c r="X39" s="278">
        <v>1675480</v>
      </c>
      <c r="Y39" s="273">
        <v>0</v>
      </c>
      <c r="Z39" s="274">
        <v>0</v>
      </c>
      <c r="AA39" s="275">
        <v>0</v>
      </c>
      <c r="AB39" s="279"/>
      <c r="AC39" s="274">
        <v>111445</v>
      </c>
      <c r="AD39" s="274">
        <v>65255</v>
      </c>
      <c r="AE39" s="274">
        <v>313265</v>
      </c>
      <c r="AF39" s="274">
        <v>180070</v>
      </c>
      <c r="AG39" s="274">
        <v>195445</v>
      </c>
      <c r="AH39" s="277">
        <v>865480</v>
      </c>
      <c r="AI39" s="278">
        <v>865480</v>
      </c>
      <c r="AJ39" s="273">
        <v>0</v>
      </c>
      <c r="AK39" s="274">
        <v>0</v>
      </c>
      <c r="AL39" s="275">
        <v>0</v>
      </c>
      <c r="AM39" s="279"/>
      <c r="AN39" s="274">
        <v>0</v>
      </c>
      <c r="AO39" s="274">
        <v>0</v>
      </c>
      <c r="AP39" s="274">
        <v>0</v>
      </c>
      <c r="AQ39" s="274">
        <v>0</v>
      </c>
      <c r="AR39" s="274">
        <v>0</v>
      </c>
      <c r="AS39" s="277">
        <v>0</v>
      </c>
      <c r="AT39" s="278">
        <v>0</v>
      </c>
      <c r="AU39" s="273">
        <v>0</v>
      </c>
      <c r="AV39" s="274">
        <v>0</v>
      </c>
      <c r="AW39" s="275">
        <v>0</v>
      </c>
      <c r="AX39" s="279"/>
      <c r="AY39" s="274">
        <v>0</v>
      </c>
      <c r="AZ39" s="274">
        <v>0</v>
      </c>
      <c r="BA39" s="274">
        <v>0</v>
      </c>
      <c r="BB39" s="274">
        <v>51925</v>
      </c>
      <c r="BC39" s="274">
        <v>29540</v>
      </c>
      <c r="BD39" s="277">
        <v>81465</v>
      </c>
      <c r="BE39" s="278">
        <v>81465</v>
      </c>
      <c r="BF39" s="273">
        <v>0</v>
      </c>
      <c r="BG39" s="274">
        <v>0</v>
      </c>
      <c r="BH39" s="275">
        <v>0</v>
      </c>
      <c r="BI39" s="279"/>
      <c r="BJ39" s="274">
        <v>0</v>
      </c>
      <c r="BK39" s="274">
        <v>0</v>
      </c>
      <c r="BL39" s="274">
        <v>0</v>
      </c>
      <c r="BM39" s="274">
        <v>0</v>
      </c>
      <c r="BN39" s="274">
        <v>0</v>
      </c>
      <c r="BO39" s="277">
        <v>0</v>
      </c>
      <c r="BP39" s="278">
        <v>0</v>
      </c>
      <c r="BQ39" s="273">
        <v>0</v>
      </c>
      <c r="BR39" s="274">
        <v>0</v>
      </c>
      <c r="BS39" s="275">
        <v>0</v>
      </c>
      <c r="BT39" s="276">
        <v>0</v>
      </c>
      <c r="BU39" s="274">
        <v>10375</v>
      </c>
      <c r="BV39" s="274">
        <v>52626</v>
      </c>
      <c r="BW39" s="274">
        <v>21100</v>
      </c>
      <c r="BX39" s="274">
        <v>2610</v>
      </c>
      <c r="BY39" s="274">
        <v>31475</v>
      </c>
      <c r="BZ39" s="277">
        <v>118186</v>
      </c>
      <c r="CA39" s="278">
        <v>118186</v>
      </c>
      <c r="CB39" s="273">
        <v>0</v>
      </c>
      <c r="CC39" s="274">
        <v>0</v>
      </c>
      <c r="CD39" s="275">
        <v>0</v>
      </c>
      <c r="CE39" s="276">
        <v>0</v>
      </c>
      <c r="CF39" s="274">
        <v>4090</v>
      </c>
      <c r="CG39" s="274">
        <v>0</v>
      </c>
      <c r="CH39" s="274">
        <v>0</v>
      </c>
      <c r="CI39" s="274">
        <v>0</v>
      </c>
      <c r="CJ39" s="274">
        <v>0</v>
      </c>
      <c r="CK39" s="277">
        <v>4090</v>
      </c>
      <c r="CL39" s="278">
        <v>4090</v>
      </c>
      <c r="CM39" s="273">
        <v>0</v>
      </c>
      <c r="CN39" s="274">
        <v>0</v>
      </c>
      <c r="CO39" s="275">
        <v>0</v>
      </c>
      <c r="CP39" s="276">
        <v>0</v>
      </c>
      <c r="CQ39" s="274">
        <v>0</v>
      </c>
      <c r="CR39" s="274">
        <v>0</v>
      </c>
      <c r="CS39" s="274">
        <v>0</v>
      </c>
      <c r="CT39" s="274">
        <v>0</v>
      </c>
      <c r="CU39" s="274">
        <v>0</v>
      </c>
      <c r="CV39" s="277">
        <v>0</v>
      </c>
      <c r="CW39" s="278">
        <v>0</v>
      </c>
      <c r="CX39" s="273">
        <v>0</v>
      </c>
      <c r="CY39" s="274">
        <v>0</v>
      </c>
      <c r="CZ39" s="275">
        <v>0</v>
      </c>
      <c r="DA39" s="279"/>
      <c r="DB39" s="274">
        <v>0</v>
      </c>
      <c r="DC39" s="274">
        <v>0</v>
      </c>
      <c r="DD39" s="274">
        <v>0</v>
      </c>
      <c r="DE39" s="274">
        <v>0</v>
      </c>
      <c r="DF39" s="274">
        <v>0</v>
      </c>
      <c r="DG39" s="277">
        <v>0</v>
      </c>
      <c r="DH39" s="278">
        <v>0</v>
      </c>
      <c r="DI39" s="273">
        <v>0</v>
      </c>
      <c r="DJ39" s="274">
        <v>0</v>
      </c>
      <c r="DK39" s="275">
        <v>0</v>
      </c>
      <c r="DL39" s="276">
        <v>0</v>
      </c>
      <c r="DM39" s="274">
        <v>24412</v>
      </c>
      <c r="DN39" s="274">
        <v>71734</v>
      </c>
      <c r="DO39" s="274">
        <v>715464</v>
      </c>
      <c r="DP39" s="274">
        <v>912173</v>
      </c>
      <c r="DQ39" s="274">
        <v>707821</v>
      </c>
      <c r="DR39" s="277">
        <v>2431604</v>
      </c>
      <c r="DS39" s="280">
        <v>2431604</v>
      </c>
      <c r="DT39" s="273">
        <v>0</v>
      </c>
      <c r="DU39" s="274">
        <v>0</v>
      </c>
      <c r="DV39" s="275">
        <v>0</v>
      </c>
      <c r="DW39" s="279"/>
      <c r="DX39" s="274">
        <v>0</v>
      </c>
      <c r="DY39" s="274">
        <v>15035</v>
      </c>
      <c r="DZ39" s="274">
        <v>657191</v>
      </c>
      <c r="EA39" s="274">
        <v>887936</v>
      </c>
      <c r="EB39" s="274">
        <v>669207</v>
      </c>
      <c r="EC39" s="277">
        <v>2229369</v>
      </c>
      <c r="ED39" s="278">
        <v>2229369</v>
      </c>
      <c r="EE39" s="273">
        <v>0</v>
      </c>
      <c r="EF39" s="274">
        <v>0</v>
      </c>
      <c r="EG39" s="275">
        <v>0</v>
      </c>
      <c r="EH39" s="279"/>
      <c r="EI39" s="274">
        <v>12989</v>
      </c>
      <c r="EJ39" s="274">
        <v>1085</v>
      </c>
      <c r="EK39" s="274">
        <v>4508</v>
      </c>
      <c r="EL39" s="274">
        <v>8148</v>
      </c>
      <c r="EM39" s="274">
        <v>2625</v>
      </c>
      <c r="EN39" s="277">
        <v>29355</v>
      </c>
      <c r="EO39" s="278">
        <v>29355</v>
      </c>
      <c r="EP39" s="273">
        <v>0</v>
      </c>
      <c r="EQ39" s="274">
        <v>0</v>
      </c>
      <c r="ER39" s="275">
        <v>0</v>
      </c>
      <c r="ES39" s="279"/>
      <c r="ET39" s="274">
        <v>0</v>
      </c>
      <c r="EU39" s="274">
        <v>0</v>
      </c>
      <c r="EV39" s="274">
        <v>0</v>
      </c>
      <c r="EW39" s="274">
        <v>0</v>
      </c>
      <c r="EX39" s="274">
        <v>0</v>
      </c>
      <c r="EY39" s="277">
        <v>0</v>
      </c>
      <c r="EZ39" s="278">
        <v>0</v>
      </c>
      <c r="FA39" s="273">
        <v>0</v>
      </c>
      <c r="FB39" s="274">
        <v>0</v>
      </c>
      <c r="FC39" s="275">
        <v>0</v>
      </c>
      <c r="FD39" s="279"/>
      <c r="FE39" s="274">
        <v>0</v>
      </c>
      <c r="FF39" s="274">
        <v>0</v>
      </c>
      <c r="FG39" s="274">
        <v>0</v>
      </c>
      <c r="FH39" s="274">
        <v>651</v>
      </c>
      <c r="FI39" s="274">
        <v>217</v>
      </c>
      <c r="FJ39" s="277">
        <v>868</v>
      </c>
      <c r="FK39" s="278">
        <v>868</v>
      </c>
      <c r="FL39" s="273">
        <v>0</v>
      </c>
      <c r="FM39" s="274">
        <v>0</v>
      </c>
      <c r="FN39" s="275">
        <v>0</v>
      </c>
      <c r="FO39" s="279"/>
      <c r="FP39" s="274">
        <v>0</v>
      </c>
      <c r="FQ39" s="274">
        <v>0</v>
      </c>
      <c r="FR39" s="274">
        <v>0</v>
      </c>
      <c r="FS39" s="274">
        <v>0</v>
      </c>
      <c r="FT39" s="274">
        <v>0</v>
      </c>
      <c r="FU39" s="277">
        <v>0</v>
      </c>
      <c r="FV39" s="278">
        <v>0</v>
      </c>
      <c r="FW39" s="273">
        <v>0</v>
      </c>
      <c r="FX39" s="274">
        <v>0</v>
      </c>
      <c r="FY39" s="275">
        <v>0</v>
      </c>
      <c r="FZ39" s="276">
        <v>0</v>
      </c>
      <c r="GA39" s="274">
        <v>11388</v>
      </c>
      <c r="GB39" s="274">
        <v>55614</v>
      </c>
      <c r="GC39" s="274">
        <v>53765</v>
      </c>
      <c r="GD39" s="274">
        <v>15438</v>
      </c>
      <c r="GE39" s="274">
        <v>35772</v>
      </c>
      <c r="GF39" s="277">
        <v>171977</v>
      </c>
      <c r="GG39" s="278">
        <v>171977</v>
      </c>
      <c r="GH39" s="273">
        <v>0</v>
      </c>
      <c r="GI39" s="274">
        <v>0</v>
      </c>
      <c r="GJ39" s="275">
        <v>0</v>
      </c>
      <c r="GK39" s="276">
        <v>0</v>
      </c>
      <c r="GL39" s="274">
        <v>35</v>
      </c>
      <c r="GM39" s="274">
        <v>0</v>
      </c>
      <c r="GN39" s="274">
        <v>0</v>
      </c>
      <c r="GO39" s="274">
        <v>0</v>
      </c>
      <c r="GP39" s="274">
        <v>0</v>
      </c>
      <c r="GQ39" s="277">
        <v>35</v>
      </c>
      <c r="GR39" s="278">
        <v>35</v>
      </c>
      <c r="GS39" s="273">
        <v>0</v>
      </c>
      <c r="GT39" s="274">
        <v>0</v>
      </c>
      <c r="GU39" s="275">
        <v>0</v>
      </c>
      <c r="GV39" s="276">
        <v>0</v>
      </c>
      <c r="GW39" s="274">
        <v>0</v>
      </c>
      <c r="GX39" s="274">
        <v>0</v>
      </c>
      <c r="GY39" s="274">
        <v>0</v>
      </c>
      <c r="GZ39" s="274">
        <v>0</v>
      </c>
      <c r="HA39" s="274">
        <v>0</v>
      </c>
      <c r="HB39" s="277">
        <v>0</v>
      </c>
      <c r="HC39" s="278">
        <v>0</v>
      </c>
      <c r="HD39" s="273">
        <v>0</v>
      </c>
      <c r="HE39" s="274">
        <v>0</v>
      </c>
      <c r="HF39" s="275">
        <v>0</v>
      </c>
      <c r="HG39" s="279"/>
      <c r="HH39" s="274">
        <v>0</v>
      </c>
      <c r="HI39" s="274">
        <v>0</v>
      </c>
      <c r="HJ39" s="274">
        <v>0</v>
      </c>
      <c r="HK39" s="274">
        <v>0</v>
      </c>
      <c r="HL39" s="274">
        <v>0</v>
      </c>
      <c r="HM39" s="277">
        <v>0</v>
      </c>
      <c r="HN39" s="278">
        <v>0</v>
      </c>
      <c r="HO39" s="273">
        <v>0</v>
      </c>
      <c r="HP39" s="274">
        <v>0</v>
      </c>
      <c r="HQ39" s="275">
        <v>0</v>
      </c>
      <c r="HR39" s="276">
        <v>0</v>
      </c>
      <c r="HS39" s="274">
        <v>150322</v>
      </c>
      <c r="HT39" s="274">
        <v>222320</v>
      </c>
      <c r="HU39" s="274">
        <v>1582419</v>
      </c>
      <c r="HV39" s="274">
        <v>1820433</v>
      </c>
      <c r="HW39" s="274">
        <v>1400811</v>
      </c>
      <c r="HX39" s="277">
        <v>5176305</v>
      </c>
      <c r="HY39" s="278">
        <v>5176305</v>
      </c>
    </row>
    <row r="40" spans="2:233" ht="21" customHeight="1" thickBot="1" x14ac:dyDescent="0.25">
      <c r="B40" s="473" t="s">
        <v>37</v>
      </c>
      <c r="C40" s="281">
        <v>0</v>
      </c>
      <c r="D40" s="282">
        <v>0</v>
      </c>
      <c r="E40" s="283">
        <v>0</v>
      </c>
      <c r="F40" s="284">
        <v>0</v>
      </c>
      <c r="G40" s="282">
        <v>27180</v>
      </c>
      <c r="H40" s="282">
        <v>0</v>
      </c>
      <c r="I40" s="282">
        <v>106040</v>
      </c>
      <c r="J40" s="282">
        <v>62620</v>
      </c>
      <c r="K40" s="282">
        <v>36355</v>
      </c>
      <c r="L40" s="285">
        <v>232195</v>
      </c>
      <c r="M40" s="286">
        <v>232195</v>
      </c>
      <c r="N40" s="281">
        <v>0</v>
      </c>
      <c r="O40" s="282">
        <v>0</v>
      </c>
      <c r="P40" s="283">
        <v>0</v>
      </c>
      <c r="Q40" s="287"/>
      <c r="R40" s="282">
        <v>0</v>
      </c>
      <c r="S40" s="282">
        <v>0</v>
      </c>
      <c r="T40" s="282">
        <v>73310</v>
      </c>
      <c r="U40" s="282">
        <v>29915</v>
      </c>
      <c r="V40" s="282">
        <v>35340</v>
      </c>
      <c r="W40" s="285">
        <v>138565</v>
      </c>
      <c r="X40" s="286">
        <v>138565</v>
      </c>
      <c r="Y40" s="281">
        <v>0</v>
      </c>
      <c r="Z40" s="282">
        <v>0</v>
      </c>
      <c r="AA40" s="283">
        <v>0</v>
      </c>
      <c r="AB40" s="287"/>
      <c r="AC40" s="282">
        <v>24645</v>
      </c>
      <c r="AD40" s="282">
        <v>0</v>
      </c>
      <c r="AE40" s="282">
        <v>27280</v>
      </c>
      <c r="AF40" s="282">
        <v>32705</v>
      </c>
      <c r="AG40" s="282">
        <v>0</v>
      </c>
      <c r="AH40" s="285">
        <v>84630</v>
      </c>
      <c r="AI40" s="286">
        <v>84630</v>
      </c>
      <c r="AJ40" s="281">
        <v>0</v>
      </c>
      <c r="AK40" s="282">
        <v>0</v>
      </c>
      <c r="AL40" s="283">
        <v>0</v>
      </c>
      <c r="AM40" s="287"/>
      <c r="AN40" s="282">
        <v>0</v>
      </c>
      <c r="AO40" s="282">
        <v>0</v>
      </c>
      <c r="AP40" s="282">
        <v>0</v>
      </c>
      <c r="AQ40" s="282">
        <v>0</v>
      </c>
      <c r="AR40" s="282">
        <v>0</v>
      </c>
      <c r="AS40" s="285">
        <v>0</v>
      </c>
      <c r="AT40" s="286">
        <v>0</v>
      </c>
      <c r="AU40" s="281">
        <v>0</v>
      </c>
      <c r="AV40" s="282">
        <v>0</v>
      </c>
      <c r="AW40" s="283">
        <v>0</v>
      </c>
      <c r="AX40" s="287"/>
      <c r="AY40" s="282">
        <v>0</v>
      </c>
      <c r="AZ40" s="282">
        <v>0</v>
      </c>
      <c r="BA40" s="282">
        <v>0</v>
      </c>
      <c r="BB40" s="282">
        <v>0</v>
      </c>
      <c r="BC40" s="282">
        <v>0</v>
      </c>
      <c r="BD40" s="285">
        <v>0</v>
      </c>
      <c r="BE40" s="286">
        <v>0</v>
      </c>
      <c r="BF40" s="281">
        <v>0</v>
      </c>
      <c r="BG40" s="282">
        <v>0</v>
      </c>
      <c r="BH40" s="283">
        <v>0</v>
      </c>
      <c r="BI40" s="287"/>
      <c r="BJ40" s="282">
        <v>0</v>
      </c>
      <c r="BK40" s="282">
        <v>0</v>
      </c>
      <c r="BL40" s="282">
        <v>0</v>
      </c>
      <c r="BM40" s="282">
        <v>0</v>
      </c>
      <c r="BN40" s="282">
        <v>0</v>
      </c>
      <c r="BO40" s="285">
        <v>0</v>
      </c>
      <c r="BP40" s="286">
        <v>0</v>
      </c>
      <c r="BQ40" s="281">
        <v>0</v>
      </c>
      <c r="BR40" s="282">
        <v>0</v>
      </c>
      <c r="BS40" s="283">
        <v>0</v>
      </c>
      <c r="BT40" s="284">
        <v>0</v>
      </c>
      <c r="BU40" s="282">
        <v>0</v>
      </c>
      <c r="BV40" s="282">
        <v>0</v>
      </c>
      <c r="BW40" s="282">
        <v>5450</v>
      </c>
      <c r="BX40" s="282">
        <v>0</v>
      </c>
      <c r="BY40" s="282">
        <v>1015</v>
      </c>
      <c r="BZ40" s="285">
        <v>6465</v>
      </c>
      <c r="CA40" s="286">
        <v>6465</v>
      </c>
      <c r="CB40" s="281">
        <v>0</v>
      </c>
      <c r="CC40" s="282">
        <v>0</v>
      </c>
      <c r="CD40" s="283">
        <v>0</v>
      </c>
      <c r="CE40" s="284">
        <v>0</v>
      </c>
      <c r="CF40" s="282">
        <v>2535</v>
      </c>
      <c r="CG40" s="282">
        <v>0</v>
      </c>
      <c r="CH40" s="282">
        <v>0</v>
      </c>
      <c r="CI40" s="282">
        <v>0</v>
      </c>
      <c r="CJ40" s="282">
        <v>0</v>
      </c>
      <c r="CK40" s="285">
        <v>2535</v>
      </c>
      <c r="CL40" s="286">
        <v>2535</v>
      </c>
      <c r="CM40" s="281">
        <v>0</v>
      </c>
      <c r="CN40" s="282">
        <v>0</v>
      </c>
      <c r="CO40" s="283">
        <v>0</v>
      </c>
      <c r="CP40" s="284">
        <v>0</v>
      </c>
      <c r="CQ40" s="282">
        <v>0</v>
      </c>
      <c r="CR40" s="282">
        <v>0</v>
      </c>
      <c r="CS40" s="282">
        <v>0</v>
      </c>
      <c r="CT40" s="282">
        <v>0</v>
      </c>
      <c r="CU40" s="282">
        <v>0</v>
      </c>
      <c r="CV40" s="285">
        <v>0</v>
      </c>
      <c r="CW40" s="286">
        <v>0</v>
      </c>
      <c r="CX40" s="281">
        <v>0</v>
      </c>
      <c r="CY40" s="282">
        <v>0</v>
      </c>
      <c r="CZ40" s="283">
        <v>0</v>
      </c>
      <c r="DA40" s="287"/>
      <c r="DB40" s="282">
        <v>0</v>
      </c>
      <c r="DC40" s="282">
        <v>0</v>
      </c>
      <c r="DD40" s="282">
        <v>0</v>
      </c>
      <c r="DE40" s="282">
        <v>0</v>
      </c>
      <c r="DF40" s="282">
        <v>0</v>
      </c>
      <c r="DG40" s="285">
        <v>0</v>
      </c>
      <c r="DH40" s="286">
        <v>0</v>
      </c>
      <c r="DI40" s="281">
        <v>0</v>
      </c>
      <c r="DJ40" s="282">
        <v>0</v>
      </c>
      <c r="DK40" s="283">
        <v>0</v>
      </c>
      <c r="DL40" s="284">
        <v>0</v>
      </c>
      <c r="DM40" s="282">
        <v>238</v>
      </c>
      <c r="DN40" s="282">
        <v>0</v>
      </c>
      <c r="DO40" s="282">
        <v>153202</v>
      </c>
      <c r="DP40" s="282">
        <v>51863</v>
      </c>
      <c r="DQ40" s="282">
        <v>37030</v>
      </c>
      <c r="DR40" s="285">
        <v>242333</v>
      </c>
      <c r="DS40" s="288">
        <v>242333</v>
      </c>
      <c r="DT40" s="281">
        <v>0</v>
      </c>
      <c r="DU40" s="282">
        <v>0</v>
      </c>
      <c r="DV40" s="283">
        <v>0</v>
      </c>
      <c r="DW40" s="287"/>
      <c r="DX40" s="282">
        <v>0</v>
      </c>
      <c r="DY40" s="282">
        <v>0</v>
      </c>
      <c r="DZ40" s="282">
        <v>145413</v>
      </c>
      <c r="EA40" s="282">
        <v>51646</v>
      </c>
      <c r="EB40" s="282">
        <v>30070</v>
      </c>
      <c r="EC40" s="285">
        <v>227129</v>
      </c>
      <c r="ED40" s="286">
        <v>227129</v>
      </c>
      <c r="EE40" s="281">
        <v>0</v>
      </c>
      <c r="EF40" s="282">
        <v>0</v>
      </c>
      <c r="EG40" s="283">
        <v>0</v>
      </c>
      <c r="EH40" s="287"/>
      <c r="EI40" s="282">
        <v>217</v>
      </c>
      <c r="EJ40" s="282">
        <v>0</v>
      </c>
      <c r="EK40" s="282">
        <v>434</v>
      </c>
      <c r="EL40" s="282">
        <v>217</v>
      </c>
      <c r="EM40" s="282">
        <v>0</v>
      </c>
      <c r="EN40" s="285">
        <v>868</v>
      </c>
      <c r="EO40" s="286">
        <v>868</v>
      </c>
      <c r="EP40" s="281">
        <v>0</v>
      </c>
      <c r="EQ40" s="282">
        <v>0</v>
      </c>
      <c r="ER40" s="283">
        <v>0</v>
      </c>
      <c r="ES40" s="287"/>
      <c r="ET40" s="282">
        <v>0</v>
      </c>
      <c r="EU40" s="282">
        <v>0</v>
      </c>
      <c r="EV40" s="282">
        <v>0</v>
      </c>
      <c r="EW40" s="282">
        <v>0</v>
      </c>
      <c r="EX40" s="282">
        <v>0</v>
      </c>
      <c r="EY40" s="285">
        <v>0</v>
      </c>
      <c r="EZ40" s="286">
        <v>0</v>
      </c>
      <c r="FA40" s="281">
        <v>0</v>
      </c>
      <c r="FB40" s="282">
        <v>0</v>
      </c>
      <c r="FC40" s="283">
        <v>0</v>
      </c>
      <c r="FD40" s="287"/>
      <c r="FE40" s="282">
        <v>0</v>
      </c>
      <c r="FF40" s="282">
        <v>0</v>
      </c>
      <c r="FG40" s="282">
        <v>0</v>
      </c>
      <c r="FH40" s="282">
        <v>0</v>
      </c>
      <c r="FI40" s="282">
        <v>0</v>
      </c>
      <c r="FJ40" s="285">
        <v>0</v>
      </c>
      <c r="FK40" s="286">
        <v>0</v>
      </c>
      <c r="FL40" s="281">
        <v>0</v>
      </c>
      <c r="FM40" s="282">
        <v>0</v>
      </c>
      <c r="FN40" s="283">
        <v>0</v>
      </c>
      <c r="FO40" s="287"/>
      <c r="FP40" s="282">
        <v>0</v>
      </c>
      <c r="FQ40" s="282">
        <v>0</v>
      </c>
      <c r="FR40" s="282">
        <v>0</v>
      </c>
      <c r="FS40" s="282">
        <v>0</v>
      </c>
      <c r="FT40" s="282">
        <v>0</v>
      </c>
      <c r="FU40" s="285">
        <v>0</v>
      </c>
      <c r="FV40" s="286">
        <v>0</v>
      </c>
      <c r="FW40" s="281">
        <v>0</v>
      </c>
      <c r="FX40" s="282">
        <v>0</v>
      </c>
      <c r="FY40" s="283">
        <v>0</v>
      </c>
      <c r="FZ40" s="284">
        <v>0</v>
      </c>
      <c r="GA40" s="282">
        <v>0</v>
      </c>
      <c r="GB40" s="282">
        <v>0</v>
      </c>
      <c r="GC40" s="282">
        <v>7355</v>
      </c>
      <c r="GD40" s="282">
        <v>0</v>
      </c>
      <c r="GE40" s="282">
        <v>6960</v>
      </c>
      <c r="GF40" s="285">
        <v>14315</v>
      </c>
      <c r="GG40" s="286">
        <v>14315</v>
      </c>
      <c r="GH40" s="281">
        <v>0</v>
      </c>
      <c r="GI40" s="282">
        <v>0</v>
      </c>
      <c r="GJ40" s="283">
        <v>0</v>
      </c>
      <c r="GK40" s="284">
        <v>0</v>
      </c>
      <c r="GL40" s="282">
        <v>21</v>
      </c>
      <c r="GM40" s="282">
        <v>0</v>
      </c>
      <c r="GN40" s="282">
        <v>0</v>
      </c>
      <c r="GO40" s="282">
        <v>0</v>
      </c>
      <c r="GP40" s="282">
        <v>0</v>
      </c>
      <c r="GQ40" s="285">
        <v>21</v>
      </c>
      <c r="GR40" s="286">
        <v>21</v>
      </c>
      <c r="GS40" s="281">
        <v>0</v>
      </c>
      <c r="GT40" s="282">
        <v>0</v>
      </c>
      <c r="GU40" s="283">
        <v>0</v>
      </c>
      <c r="GV40" s="284">
        <v>0</v>
      </c>
      <c r="GW40" s="282">
        <v>0</v>
      </c>
      <c r="GX40" s="282">
        <v>0</v>
      </c>
      <c r="GY40" s="282">
        <v>0</v>
      </c>
      <c r="GZ40" s="282">
        <v>0</v>
      </c>
      <c r="HA40" s="282">
        <v>0</v>
      </c>
      <c r="HB40" s="285">
        <v>0</v>
      </c>
      <c r="HC40" s="286">
        <v>0</v>
      </c>
      <c r="HD40" s="281">
        <v>0</v>
      </c>
      <c r="HE40" s="282">
        <v>0</v>
      </c>
      <c r="HF40" s="283">
        <v>0</v>
      </c>
      <c r="HG40" s="287"/>
      <c r="HH40" s="282">
        <v>0</v>
      </c>
      <c r="HI40" s="282">
        <v>0</v>
      </c>
      <c r="HJ40" s="282">
        <v>0</v>
      </c>
      <c r="HK40" s="282">
        <v>0</v>
      </c>
      <c r="HL40" s="282">
        <v>0</v>
      </c>
      <c r="HM40" s="285">
        <v>0</v>
      </c>
      <c r="HN40" s="286">
        <v>0</v>
      </c>
      <c r="HO40" s="281">
        <v>0</v>
      </c>
      <c r="HP40" s="282">
        <v>0</v>
      </c>
      <c r="HQ40" s="283">
        <v>0</v>
      </c>
      <c r="HR40" s="284">
        <v>0</v>
      </c>
      <c r="HS40" s="282">
        <v>27418</v>
      </c>
      <c r="HT40" s="282">
        <v>0</v>
      </c>
      <c r="HU40" s="282">
        <v>259242</v>
      </c>
      <c r="HV40" s="282">
        <v>114483</v>
      </c>
      <c r="HW40" s="282">
        <v>73385</v>
      </c>
      <c r="HX40" s="285">
        <v>474528</v>
      </c>
      <c r="HY40" s="286">
        <v>474528</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59055118110236227" right="0.39370078740157483" top="0.74803149606299213" bottom="0.74803149606299213" header="0.31496062992125984" footer="0.31496062992125984"/>
  <pageSetup paperSize="9" scale="40" orientation="landscape" r:id="rId1"/>
  <headerFooter>
    <oddFooter>&amp;L&amp;20&amp;A&amp;C&amp;P/&amp;N</oddFooter>
  </headerFooter>
  <colBreaks count="6" manualBreakCount="6">
    <brk id="35" max="1048575" man="1"/>
    <brk id="68" max="1048575" man="1"/>
    <brk id="102" max="1048575" man="1"/>
    <brk id="134" max="1048575" man="1"/>
    <brk id="167" max="1048575" man="1"/>
    <brk id="200"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499">
        <f>第１表!F2</f>
        <v>5</v>
      </c>
      <c r="G1" s="499"/>
      <c r="H1" s="235">
        <f>第１表!G2</f>
        <v>9</v>
      </c>
      <c r="I1" s="481">
        <f>H1</f>
        <v>9</v>
      </c>
      <c r="J1" s="481"/>
    </row>
    <row r="2" spans="2:299" ht="24" customHeight="1" thickBot="1" x14ac:dyDescent="0.25">
      <c r="B2" s="15" t="s">
        <v>131</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295" t="s">
        <v>42</v>
      </c>
      <c r="C6" s="43" t="s">
        <v>43</v>
      </c>
      <c r="D6" s="41" t="s">
        <v>44</v>
      </c>
      <c r="E6" s="42" t="s">
        <v>45</v>
      </c>
      <c r="F6" s="44" t="s">
        <v>46</v>
      </c>
      <c r="G6" s="41" t="s">
        <v>47</v>
      </c>
      <c r="H6" s="41" t="s">
        <v>48</v>
      </c>
      <c r="I6" s="41" t="s">
        <v>49</v>
      </c>
      <c r="J6" s="41" t="s">
        <v>50</v>
      </c>
      <c r="K6" s="41" t="s">
        <v>51</v>
      </c>
      <c r="L6" s="42" t="s">
        <v>45</v>
      </c>
      <c r="M6" s="45"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45"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45"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4159</v>
      </c>
      <c r="D7" s="68">
        <v>4039</v>
      </c>
      <c r="E7" s="69">
        <v>8198</v>
      </c>
      <c r="F7" s="227"/>
      <c r="G7" s="68">
        <v>5752</v>
      </c>
      <c r="H7" s="68">
        <v>5141</v>
      </c>
      <c r="I7" s="68">
        <v>3393</v>
      </c>
      <c r="J7" s="68">
        <v>2820</v>
      </c>
      <c r="K7" s="68">
        <v>1606</v>
      </c>
      <c r="L7" s="70">
        <v>18712</v>
      </c>
      <c r="M7" s="71">
        <v>26910</v>
      </c>
      <c r="N7" s="56">
        <v>45</v>
      </c>
      <c r="O7" s="57">
        <v>66</v>
      </c>
      <c r="P7" s="58">
        <v>111</v>
      </c>
      <c r="Q7" s="230"/>
      <c r="R7" s="57">
        <v>79</v>
      </c>
      <c r="S7" s="57">
        <v>82</v>
      </c>
      <c r="T7" s="57">
        <v>60</v>
      </c>
      <c r="U7" s="57">
        <v>46</v>
      </c>
      <c r="V7" s="57">
        <v>33</v>
      </c>
      <c r="W7" s="58">
        <v>300</v>
      </c>
      <c r="X7" s="59">
        <v>411</v>
      </c>
      <c r="Y7" s="56">
        <v>151</v>
      </c>
      <c r="Z7" s="57">
        <v>175</v>
      </c>
      <c r="AA7" s="58">
        <v>326</v>
      </c>
      <c r="AB7" s="230"/>
      <c r="AC7" s="57">
        <v>199</v>
      </c>
      <c r="AD7" s="57">
        <v>231</v>
      </c>
      <c r="AE7" s="57">
        <v>145</v>
      </c>
      <c r="AF7" s="57">
        <v>131</v>
      </c>
      <c r="AG7" s="57">
        <v>92</v>
      </c>
      <c r="AH7" s="58">
        <v>798</v>
      </c>
      <c r="AI7" s="59">
        <v>1124</v>
      </c>
      <c r="AJ7" s="56">
        <v>326</v>
      </c>
      <c r="AK7" s="57">
        <v>353</v>
      </c>
      <c r="AL7" s="58">
        <v>679</v>
      </c>
      <c r="AM7" s="230"/>
      <c r="AN7" s="57">
        <v>429</v>
      </c>
      <c r="AO7" s="57">
        <v>370</v>
      </c>
      <c r="AP7" s="57">
        <v>262</v>
      </c>
      <c r="AQ7" s="57">
        <v>224</v>
      </c>
      <c r="AR7" s="57">
        <v>145</v>
      </c>
      <c r="AS7" s="58">
        <v>1430</v>
      </c>
      <c r="AT7" s="59">
        <v>2109</v>
      </c>
      <c r="AU7" s="56">
        <v>814</v>
      </c>
      <c r="AV7" s="57">
        <v>763</v>
      </c>
      <c r="AW7" s="58">
        <v>1577</v>
      </c>
      <c r="AX7" s="230"/>
      <c r="AY7" s="57">
        <v>1103</v>
      </c>
      <c r="AZ7" s="57">
        <v>930</v>
      </c>
      <c r="BA7" s="57">
        <v>554</v>
      </c>
      <c r="BB7" s="57">
        <v>448</v>
      </c>
      <c r="BC7" s="57">
        <v>298</v>
      </c>
      <c r="BD7" s="58">
        <v>3333</v>
      </c>
      <c r="BE7" s="59">
        <v>4910</v>
      </c>
      <c r="BF7" s="56">
        <v>1498</v>
      </c>
      <c r="BG7" s="57">
        <v>1340</v>
      </c>
      <c r="BH7" s="58">
        <v>2838</v>
      </c>
      <c r="BI7" s="230"/>
      <c r="BJ7" s="57">
        <v>1960</v>
      </c>
      <c r="BK7" s="57">
        <v>1532</v>
      </c>
      <c r="BL7" s="57">
        <v>988</v>
      </c>
      <c r="BM7" s="57">
        <v>801</v>
      </c>
      <c r="BN7" s="57">
        <v>457</v>
      </c>
      <c r="BO7" s="58">
        <v>5738</v>
      </c>
      <c r="BP7" s="59">
        <v>8576</v>
      </c>
      <c r="BQ7" s="56">
        <v>1325</v>
      </c>
      <c r="BR7" s="57">
        <v>1342</v>
      </c>
      <c r="BS7" s="58">
        <v>2667</v>
      </c>
      <c r="BT7" s="230"/>
      <c r="BU7" s="57">
        <v>1982</v>
      </c>
      <c r="BV7" s="57">
        <v>1996</v>
      </c>
      <c r="BW7" s="57">
        <v>1384</v>
      </c>
      <c r="BX7" s="57">
        <v>1170</v>
      </c>
      <c r="BY7" s="57">
        <v>581</v>
      </c>
      <c r="BZ7" s="58">
        <v>7113</v>
      </c>
      <c r="CA7" s="59">
        <v>9780</v>
      </c>
      <c r="CB7" s="56">
        <v>0</v>
      </c>
      <c r="CC7" s="57">
        <v>0</v>
      </c>
      <c r="CD7" s="58">
        <v>0</v>
      </c>
      <c r="CE7" s="230"/>
      <c r="CF7" s="57">
        <v>0</v>
      </c>
      <c r="CG7" s="57">
        <v>0</v>
      </c>
      <c r="CH7" s="57">
        <v>0</v>
      </c>
      <c r="CI7" s="57">
        <v>0</v>
      </c>
      <c r="CJ7" s="57">
        <v>0</v>
      </c>
      <c r="CK7" s="58">
        <v>0</v>
      </c>
      <c r="CL7" s="59">
        <v>0</v>
      </c>
      <c r="CM7" s="56">
        <v>4159</v>
      </c>
      <c r="CN7" s="57">
        <v>4039</v>
      </c>
      <c r="CO7" s="58">
        <v>8198</v>
      </c>
      <c r="CP7" s="230"/>
      <c r="CQ7" s="57">
        <v>5752</v>
      </c>
      <c r="CR7" s="57">
        <v>5141</v>
      </c>
      <c r="CS7" s="57">
        <v>3393</v>
      </c>
      <c r="CT7" s="57">
        <v>2820</v>
      </c>
      <c r="CU7" s="57">
        <v>1606</v>
      </c>
      <c r="CV7" s="58">
        <v>18712</v>
      </c>
      <c r="CW7" s="59">
        <v>26910</v>
      </c>
      <c r="CX7" s="112">
        <v>605</v>
      </c>
      <c r="CY7" s="68">
        <v>677</v>
      </c>
      <c r="CZ7" s="69">
        <v>1282</v>
      </c>
      <c r="DA7" s="227"/>
      <c r="DB7" s="68">
        <v>782</v>
      </c>
      <c r="DC7" s="68">
        <v>751</v>
      </c>
      <c r="DD7" s="68">
        <v>546</v>
      </c>
      <c r="DE7" s="68">
        <v>545</v>
      </c>
      <c r="DF7" s="68">
        <v>336</v>
      </c>
      <c r="DG7" s="70">
        <v>2960</v>
      </c>
      <c r="DH7" s="71">
        <v>4242</v>
      </c>
      <c r="DI7" s="56">
        <v>18</v>
      </c>
      <c r="DJ7" s="57">
        <v>14</v>
      </c>
      <c r="DK7" s="58">
        <v>32</v>
      </c>
      <c r="DL7" s="230"/>
      <c r="DM7" s="57">
        <v>8</v>
      </c>
      <c r="DN7" s="57">
        <v>8</v>
      </c>
      <c r="DO7" s="57">
        <v>6</v>
      </c>
      <c r="DP7" s="57">
        <v>8</v>
      </c>
      <c r="DQ7" s="57">
        <v>8</v>
      </c>
      <c r="DR7" s="58">
        <v>38</v>
      </c>
      <c r="DS7" s="59">
        <v>70</v>
      </c>
      <c r="DT7" s="56">
        <v>41</v>
      </c>
      <c r="DU7" s="57">
        <v>47</v>
      </c>
      <c r="DV7" s="58">
        <v>88</v>
      </c>
      <c r="DW7" s="230"/>
      <c r="DX7" s="57">
        <v>32</v>
      </c>
      <c r="DY7" s="57">
        <v>26</v>
      </c>
      <c r="DZ7" s="57">
        <v>28</v>
      </c>
      <c r="EA7" s="57">
        <v>22</v>
      </c>
      <c r="EB7" s="57">
        <v>12</v>
      </c>
      <c r="EC7" s="58">
        <v>120</v>
      </c>
      <c r="ED7" s="59">
        <v>208</v>
      </c>
      <c r="EE7" s="56">
        <v>73</v>
      </c>
      <c r="EF7" s="57">
        <v>87</v>
      </c>
      <c r="EG7" s="58">
        <v>160</v>
      </c>
      <c r="EH7" s="230"/>
      <c r="EI7" s="57">
        <v>65</v>
      </c>
      <c r="EJ7" s="57">
        <v>46</v>
      </c>
      <c r="EK7" s="57">
        <v>45</v>
      </c>
      <c r="EL7" s="57">
        <v>25</v>
      </c>
      <c r="EM7" s="57">
        <v>25</v>
      </c>
      <c r="EN7" s="58">
        <v>206</v>
      </c>
      <c r="EO7" s="59">
        <v>366</v>
      </c>
      <c r="EP7" s="56">
        <v>156</v>
      </c>
      <c r="EQ7" s="57">
        <v>140</v>
      </c>
      <c r="ER7" s="58">
        <v>296</v>
      </c>
      <c r="ES7" s="230"/>
      <c r="ET7" s="57">
        <v>159</v>
      </c>
      <c r="EU7" s="57">
        <v>108</v>
      </c>
      <c r="EV7" s="57">
        <v>72</v>
      </c>
      <c r="EW7" s="57">
        <v>61</v>
      </c>
      <c r="EX7" s="57">
        <v>36</v>
      </c>
      <c r="EY7" s="58">
        <v>436</v>
      </c>
      <c r="EZ7" s="59">
        <v>732</v>
      </c>
      <c r="FA7" s="56">
        <v>184</v>
      </c>
      <c r="FB7" s="57">
        <v>216</v>
      </c>
      <c r="FC7" s="58">
        <v>400</v>
      </c>
      <c r="FD7" s="230"/>
      <c r="FE7" s="57">
        <v>246</v>
      </c>
      <c r="FF7" s="57">
        <v>239</v>
      </c>
      <c r="FG7" s="57">
        <v>125</v>
      </c>
      <c r="FH7" s="57">
        <v>116</v>
      </c>
      <c r="FI7" s="57">
        <v>81</v>
      </c>
      <c r="FJ7" s="58">
        <v>807</v>
      </c>
      <c r="FK7" s="59">
        <v>1207</v>
      </c>
      <c r="FL7" s="56">
        <v>133</v>
      </c>
      <c r="FM7" s="57">
        <v>173</v>
      </c>
      <c r="FN7" s="58">
        <v>306</v>
      </c>
      <c r="FO7" s="230"/>
      <c r="FP7" s="57">
        <v>272</v>
      </c>
      <c r="FQ7" s="57">
        <v>324</v>
      </c>
      <c r="FR7" s="57">
        <v>270</v>
      </c>
      <c r="FS7" s="57">
        <v>313</v>
      </c>
      <c r="FT7" s="57">
        <v>174</v>
      </c>
      <c r="FU7" s="58">
        <v>1353</v>
      </c>
      <c r="FV7" s="59">
        <v>1659</v>
      </c>
      <c r="FW7" s="56">
        <v>0</v>
      </c>
      <c r="FX7" s="57">
        <v>0</v>
      </c>
      <c r="FY7" s="58">
        <v>0</v>
      </c>
      <c r="FZ7" s="230"/>
      <c r="GA7" s="57">
        <v>0</v>
      </c>
      <c r="GB7" s="57">
        <v>0</v>
      </c>
      <c r="GC7" s="57">
        <v>0</v>
      </c>
      <c r="GD7" s="57">
        <v>0</v>
      </c>
      <c r="GE7" s="57">
        <v>0</v>
      </c>
      <c r="GF7" s="58">
        <v>0</v>
      </c>
      <c r="GG7" s="59">
        <v>0</v>
      </c>
      <c r="GH7" s="56">
        <v>605</v>
      </c>
      <c r="GI7" s="57">
        <v>677</v>
      </c>
      <c r="GJ7" s="58">
        <v>1282</v>
      </c>
      <c r="GK7" s="230"/>
      <c r="GL7" s="57">
        <v>782</v>
      </c>
      <c r="GM7" s="57">
        <v>751</v>
      </c>
      <c r="GN7" s="57">
        <v>546</v>
      </c>
      <c r="GO7" s="57">
        <v>545</v>
      </c>
      <c r="GP7" s="57">
        <v>336</v>
      </c>
      <c r="GQ7" s="58">
        <v>2960</v>
      </c>
      <c r="GR7" s="59">
        <v>4242</v>
      </c>
      <c r="GS7" s="112">
        <v>4764</v>
      </c>
      <c r="GT7" s="68">
        <v>4716</v>
      </c>
      <c r="GU7" s="69">
        <v>9480</v>
      </c>
      <c r="GV7" s="227"/>
      <c r="GW7" s="68">
        <v>6534</v>
      </c>
      <c r="GX7" s="68">
        <v>5892</v>
      </c>
      <c r="GY7" s="68">
        <v>3939</v>
      </c>
      <c r="GZ7" s="68">
        <v>3365</v>
      </c>
      <c r="HA7" s="68">
        <v>1942</v>
      </c>
      <c r="HB7" s="70">
        <v>21672</v>
      </c>
      <c r="HC7" s="71">
        <v>31152</v>
      </c>
      <c r="HD7" s="56">
        <v>63</v>
      </c>
      <c r="HE7" s="57">
        <v>80</v>
      </c>
      <c r="HF7" s="58">
        <v>143</v>
      </c>
      <c r="HG7" s="230"/>
      <c r="HH7" s="57">
        <v>87</v>
      </c>
      <c r="HI7" s="57">
        <v>90</v>
      </c>
      <c r="HJ7" s="57">
        <v>66</v>
      </c>
      <c r="HK7" s="57">
        <v>54</v>
      </c>
      <c r="HL7" s="57">
        <v>41</v>
      </c>
      <c r="HM7" s="58">
        <v>338</v>
      </c>
      <c r="HN7" s="59">
        <v>481</v>
      </c>
      <c r="HO7" s="56">
        <v>192</v>
      </c>
      <c r="HP7" s="57">
        <v>222</v>
      </c>
      <c r="HQ7" s="58">
        <v>414</v>
      </c>
      <c r="HR7" s="230"/>
      <c r="HS7" s="57">
        <v>231</v>
      </c>
      <c r="HT7" s="57">
        <v>257</v>
      </c>
      <c r="HU7" s="57">
        <v>173</v>
      </c>
      <c r="HV7" s="57">
        <v>153</v>
      </c>
      <c r="HW7" s="57">
        <v>104</v>
      </c>
      <c r="HX7" s="58">
        <v>918</v>
      </c>
      <c r="HY7" s="59">
        <v>1332</v>
      </c>
      <c r="HZ7" s="56">
        <v>399</v>
      </c>
      <c r="IA7" s="57">
        <v>440</v>
      </c>
      <c r="IB7" s="58">
        <v>839</v>
      </c>
      <c r="IC7" s="230"/>
      <c r="ID7" s="57">
        <v>494</v>
      </c>
      <c r="IE7" s="57">
        <v>416</v>
      </c>
      <c r="IF7" s="57">
        <v>307</v>
      </c>
      <c r="IG7" s="57">
        <v>249</v>
      </c>
      <c r="IH7" s="57">
        <v>170</v>
      </c>
      <c r="II7" s="58">
        <v>1636</v>
      </c>
      <c r="IJ7" s="59">
        <v>2475</v>
      </c>
      <c r="IK7" s="56">
        <v>970</v>
      </c>
      <c r="IL7" s="57">
        <v>903</v>
      </c>
      <c r="IM7" s="58">
        <v>1873</v>
      </c>
      <c r="IN7" s="230"/>
      <c r="IO7" s="57">
        <v>1262</v>
      </c>
      <c r="IP7" s="57">
        <v>1038</v>
      </c>
      <c r="IQ7" s="57">
        <v>626</v>
      </c>
      <c r="IR7" s="57">
        <v>509</v>
      </c>
      <c r="IS7" s="57">
        <v>334</v>
      </c>
      <c r="IT7" s="58">
        <v>3769</v>
      </c>
      <c r="IU7" s="59">
        <v>5642</v>
      </c>
      <c r="IV7" s="56">
        <v>1682</v>
      </c>
      <c r="IW7" s="57">
        <v>1556</v>
      </c>
      <c r="IX7" s="58">
        <v>3238</v>
      </c>
      <c r="IY7" s="230"/>
      <c r="IZ7" s="57">
        <v>2206</v>
      </c>
      <c r="JA7" s="57">
        <v>1771</v>
      </c>
      <c r="JB7" s="57">
        <v>1113</v>
      </c>
      <c r="JC7" s="57">
        <v>917</v>
      </c>
      <c r="JD7" s="57">
        <v>538</v>
      </c>
      <c r="JE7" s="58">
        <v>6545</v>
      </c>
      <c r="JF7" s="59">
        <v>9783</v>
      </c>
      <c r="JG7" s="56">
        <v>1458</v>
      </c>
      <c r="JH7" s="57">
        <v>1515</v>
      </c>
      <c r="JI7" s="58">
        <v>2973</v>
      </c>
      <c r="JJ7" s="230"/>
      <c r="JK7" s="57">
        <v>2254</v>
      </c>
      <c r="JL7" s="57">
        <v>2320</v>
      </c>
      <c r="JM7" s="57">
        <v>1654</v>
      </c>
      <c r="JN7" s="57">
        <v>1483</v>
      </c>
      <c r="JO7" s="57">
        <v>755</v>
      </c>
      <c r="JP7" s="58">
        <v>8466</v>
      </c>
      <c r="JQ7" s="59">
        <v>11439</v>
      </c>
      <c r="JR7" s="56">
        <v>0</v>
      </c>
      <c r="JS7" s="57">
        <v>0</v>
      </c>
      <c r="JT7" s="58">
        <v>0</v>
      </c>
      <c r="JU7" s="230"/>
      <c r="JV7" s="57">
        <v>0</v>
      </c>
      <c r="JW7" s="57">
        <v>0</v>
      </c>
      <c r="JX7" s="57">
        <v>0</v>
      </c>
      <c r="JY7" s="57">
        <v>0</v>
      </c>
      <c r="JZ7" s="57">
        <v>0</v>
      </c>
      <c r="KA7" s="58">
        <v>0</v>
      </c>
      <c r="KB7" s="59">
        <v>0</v>
      </c>
      <c r="KC7" s="56">
        <v>4764</v>
      </c>
      <c r="KD7" s="57">
        <v>4716</v>
      </c>
      <c r="KE7" s="58">
        <v>9480</v>
      </c>
      <c r="KF7" s="230"/>
      <c r="KG7" s="57">
        <v>6534</v>
      </c>
      <c r="KH7" s="57">
        <v>5892</v>
      </c>
      <c r="KI7" s="57">
        <v>3939</v>
      </c>
      <c r="KJ7" s="57">
        <v>3365</v>
      </c>
      <c r="KK7" s="57">
        <v>1942</v>
      </c>
      <c r="KL7" s="58">
        <v>21672</v>
      </c>
      <c r="KM7" s="59">
        <v>31152</v>
      </c>
    </row>
    <row r="8" spans="2:299" ht="21" customHeight="1" x14ac:dyDescent="0.2">
      <c r="B8" s="471" t="s">
        <v>5</v>
      </c>
      <c r="C8" s="293">
        <v>1777</v>
      </c>
      <c r="D8" s="72">
        <v>2053</v>
      </c>
      <c r="E8" s="73">
        <v>3830</v>
      </c>
      <c r="F8" s="228"/>
      <c r="G8" s="72">
        <v>2141</v>
      </c>
      <c r="H8" s="72">
        <v>2398</v>
      </c>
      <c r="I8" s="72">
        <v>1539</v>
      </c>
      <c r="J8" s="72">
        <v>1249</v>
      </c>
      <c r="K8" s="72">
        <v>700</v>
      </c>
      <c r="L8" s="74">
        <v>8027</v>
      </c>
      <c r="M8" s="75">
        <v>11857</v>
      </c>
      <c r="N8" s="60">
        <v>13</v>
      </c>
      <c r="O8" s="61">
        <v>35</v>
      </c>
      <c r="P8" s="62">
        <v>48</v>
      </c>
      <c r="Q8" s="231"/>
      <c r="R8" s="61">
        <v>25</v>
      </c>
      <c r="S8" s="61">
        <v>42</v>
      </c>
      <c r="T8" s="61">
        <v>25</v>
      </c>
      <c r="U8" s="61">
        <v>24</v>
      </c>
      <c r="V8" s="61">
        <v>18</v>
      </c>
      <c r="W8" s="62">
        <v>134</v>
      </c>
      <c r="X8" s="63">
        <v>182</v>
      </c>
      <c r="Y8" s="60">
        <v>63</v>
      </c>
      <c r="Z8" s="61">
        <v>96</v>
      </c>
      <c r="AA8" s="62">
        <v>159</v>
      </c>
      <c r="AB8" s="231"/>
      <c r="AC8" s="61">
        <v>61</v>
      </c>
      <c r="AD8" s="61">
        <v>114</v>
      </c>
      <c r="AE8" s="61">
        <v>69</v>
      </c>
      <c r="AF8" s="61">
        <v>53</v>
      </c>
      <c r="AG8" s="61">
        <v>33</v>
      </c>
      <c r="AH8" s="62">
        <v>330</v>
      </c>
      <c r="AI8" s="63">
        <v>489</v>
      </c>
      <c r="AJ8" s="60">
        <v>135</v>
      </c>
      <c r="AK8" s="61">
        <v>167</v>
      </c>
      <c r="AL8" s="62">
        <v>302</v>
      </c>
      <c r="AM8" s="231"/>
      <c r="AN8" s="61">
        <v>150</v>
      </c>
      <c r="AO8" s="61">
        <v>154</v>
      </c>
      <c r="AP8" s="61">
        <v>116</v>
      </c>
      <c r="AQ8" s="61">
        <v>85</v>
      </c>
      <c r="AR8" s="61">
        <v>62</v>
      </c>
      <c r="AS8" s="62">
        <v>567</v>
      </c>
      <c r="AT8" s="63">
        <v>869</v>
      </c>
      <c r="AU8" s="60">
        <v>328</v>
      </c>
      <c r="AV8" s="61">
        <v>358</v>
      </c>
      <c r="AW8" s="62">
        <v>686</v>
      </c>
      <c r="AX8" s="231"/>
      <c r="AY8" s="61">
        <v>374</v>
      </c>
      <c r="AZ8" s="61">
        <v>395</v>
      </c>
      <c r="BA8" s="61">
        <v>234</v>
      </c>
      <c r="BB8" s="61">
        <v>206</v>
      </c>
      <c r="BC8" s="61">
        <v>120</v>
      </c>
      <c r="BD8" s="62">
        <v>1329</v>
      </c>
      <c r="BE8" s="63">
        <v>2015</v>
      </c>
      <c r="BF8" s="60">
        <v>665</v>
      </c>
      <c r="BG8" s="61">
        <v>678</v>
      </c>
      <c r="BH8" s="62">
        <v>1343</v>
      </c>
      <c r="BI8" s="231"/>
      <c r="BJ8" s="61">
        <v>769</v>
      </c>
      <c r="BK8" s="61">
        <v>718</v>
      </c>
      <c r="BL8" s="61">
        <v>458</v>
      </c>
      <c r="BM8" s="61">
        <v>355</v>
      </c>
      <c r="BN8" s="61">
        <v>197</v>
      </c>
      <c r="BO8" s="62">
        <v>2497</v>
      </c>
      <c r="BP8" s="63">
        <v>3840</v>
      </c>
      <c r="BQ8" s="60">
        <v>573</v>
      </c>
      <c r="BR8" s="61">
        <v>719</v>
      </c>
      <c r="BS8" s="62">
        <v>1292</v>
      </c>
      <c r="BT8" s="231"/>
      <c r="BU8" s="61">
        <v>762</v>
      </c>
      <c r="BV8" s="61">
        <v>975</v>
      </c>
      <c r="BW8" s="61">
        <v>637</v>
      </c>
      <c r="BX8" s="61">
        <v>526</v>
      </c>
      <c r="BY8" s="61">
        <v>270</v>
      </c>
      <c r="BZ8" s="62">
        <v>3170</v>
      </c>
      <c r="CA8" s="63">
        <v>4462</v>
      </c>
      <c r="CB8" s="60">
        <v>0</v>
      </c>
      <c r="CC8" s="61">
        <v>0</v>
      </c>
      <c r="CD8" s="62">
        <v>0</v>
      </c>
      <c r="CE8" s="231"/>
      <c r="CF8" s="61">
        <v>0</v>
      </c>
      <c r="CG8" s="61">
        <v>0</v>
      </c>
      <c r="CH8" s="61">
        <v>0</v>
      </c>
      <c r="CI8" s="61">
        <v>0</v>
      </c>
      <c r="CJ8" s="61">
        <v>0</v>
      </c>
      <c r="CK8" s="62">
        <v>0</v>
      </c>
      <c r="CL8" s="63">
        <v>0</v>
      </c>
      <c r="CM8" s="60">
        <v>1777</v>
      </c>
      <c r="CN8" s="61">
        <v>2053</v>
      </c>
      <c r="CO8" s="62">
        <v>3830</v>
      </c>
      <c r="CP8" s="231"/>
      <c r="CQ8" s="61">
        <v>2141</v>
      </c>
      <c r="CR8" s="61">
        <v>2398</v>
      </c>
      <c r="CS8" s="61">
        <v>1539</v>
      </c>
      <c r="CT8" s="61">
        <v>1249</v>
      </c>
      <c r="CU8" s="61">
        <v>700</v>
      </c>
      <c r="CV8" s="62">
        <v>8027</v>
      </c>
      <c r="CW8" s="63">
        <v>11857</v>
      </c>
      <c r="CX8" s="113">
        <v>247</v>
      </c>
      <c r="CY8" s="72">
        <v>326</v>
      </c>
      <c r="CZ8" s="73">
        <v>573</v>
      </c>
      <c r="DA8" s="228"/>
      <c r="DB8" s="72">
        <v>287</v>
      </c>
      <c r="DC8" s="72">
        <v>350</v>
      </c>
      <c r="DD8" s="72">
        <v>236</v>
      </c>
      <c r="DE8" s="72">
        <v>258</v>
      </c>
      <c r="DF8" s="72">
        <v>154</v>
      </c>
      <c r="DG8" s="74">
        <v>1285</v>
      </c>
      <c r="DH8" s="75">
        <v>1858</v>
      </c>
      <c r="DI8" s="60">
        <v>7</v>
      </c>
      <c r="DJ8" s="61">
        <v>7</v>
      </c>
      <c r="DK8" s="62">
        <v>14</v>
      </c>
      <c r="DL8" s="231"/>
      <c r="DM8" s="61">
        <v>2</v>
      </c>
      <c r="DN8" s="61">
        <v>4</v>
      </c>
      <c r="DO8" s="61">
        <v>1</v>
      </c>
      <c r="DP8" s="61">
        <v>3</v>
      </c>
      <c r="DQ8" s="61">
        <v>3</v>
      </c>
      <c r="DR8" s="62">
        <v>13</v>
      </c>
      <c r="DS8" s="63">
        <v>27</v>
      </c>
      <c r="DT8" s="60">
        <v>16</v>
      </c>
      <c r="DU8" s="61">
        <v>22</v>
      </c>
      <c r="DV8" s="62">
        <v>38</v>
      </c>
      <c r="DW8" s="231"/>
      <c r="DX8" s="61">
        <v>12</v>
      </c>
      <c r="DY8" s="61">
        <v>8</v>
      </c>
      <c r="DZ8" s="61">
        <v>15</v>
      </c>
      <c r="EA8" s="61">
        <v>12</v>
      </c>
      <c r="EB8" s="61">
        <v>9</v>
      </c>
      <c r="EC8" s="62">
        <v>56</v>
      </c>
      <c r="ED8" s="63">
        <v>94</v>
      </c>
      <c r="EE8" s="60">
        <v>24</v>
      </c>
      <c r="EF8" s="61">
        <v>48</v>
      </c>
      <c r="EG8" s="62">
        <v>72</v>
      </c>
      <c r="EH8" s="231"/>
      <c r="EI8" s="61">
        <v>27</v>
      </c>
      <c r="EJ8" s="61">
        <v>22</v>
      </c>
      <c r="EK8" s="61">
        <v>18</v>
      </c>
      <c r="EL8" s="61">
        <v>13</v>
      </c>
      <c r="EM8" s="61">
        <v>12</v>
      </c>
      <c r="EN8" s="62">
        <v>92</v>
      </c>
      <c r="EO8" s="63">
        <v>164</v>
      </c>
      <c r="EP8" s="60">
        <v>57</v>
      </c>
      <c r="EQ8" s="61">
        <v>71</v>
      </c>
      <c r="ER8" s="62">
        <v>128</v>
      </c>
      <c r="ES8" s="231"/>
      <c r="ET8" s="61">
        <v>63</v>
      </c>
      <c r="EU8" s="61">
        <v>52</v>
      </c>
      <c r="EV8" s="61">
        <v>22</v>
      </c>
      <c r="EW8" s="61">
        <v>38</v>
      </c>
      <c r="EX8" s="61">
        <v>14</v>
      </c>
      <c r="EY8" s="62">
        <v>189</v>
      </c>
      <c r="EZ8" s="63">
        <v>317</v>
      </c>
      <c r="FA8" s="60">
        <v>94</v>
      </c>
      <c r="FB8" s="61">
        <v>100</v>
      </c>
      <c r="FC8" s="62">
        <v>194</v>
      </c>
      <c r="FD8" s="231"/>
      <c r="FE8" s="61">
        <v>93</v>
      </c>
      <c r="FF8" s="61">
        <v>107</v>
      </c>
      <c r="FG8" s="61">
        <v>58</v>
      </c>
      <c r="FH8" s="61">
        <v>59</v>
      </c>
      <c r="FI8" s="61">
        <v>31</v>
      </c>
      <c r="FJ8" s="62">
        <v>348</v>
      </c>
      <c r="FK8" s="63">
        <v>542</v>
      </c>
      <c r="FL8" s="60">
        <v>49</v>
      </c>
      <c r="FM8" s="61">
        <v>78</v>
      </c>
      <c r="FN8" s="62">
        <v>127</v>
      </c>
      <c r="FO8" s="231"/>
      <c r="FP8" s="61">
        <v>90</v>
      </c>
      <c r="FQ8" s="61">
        <v>157</v>
      </c>
      <c r="FR8" s="61">
        <v>122</v>
      </c>
      <c r="FS8" s="61">
        <v>133</v>
      </c>
      <c r="FT8" s="61">
        <v>85</v>
      </c>
      <c r="FU8" s="62">
        <v>587</v>
      </c>
      <c r="FV8" s="63">
        <v>714</v>
      </c>
      <c r="FW8" s="60">
        <v>0</v>
      </c>
      <c r="FX8" s="61">
        <v>0</v>
      </c>
      <c r="FY8" s="62">
        <v>0</v>
      </c>
      <c r="FZ8" s="231"/>
      <c r="GA8" s="61">
        <v>0</v>
      </c>
      <c r="GB8" s="61">
        <v>0</v>
      </c>
      <c r="GC8" s="61">
        <v>0</v>
      </c>
      <c r="GD8" s="61">
        <v>0</v>
      </c>
      <c r="GE8" s="61">
        <v>0</v>
      </c>
      <c r="GF8" s="62">
        <v>0</v>
      </c>
      <c r="GG8" s="63">
        <v>0</v>
      </c>
      <c r="GH8" s="60">
        <v>247</v>
      </c>
      <c r="GI8" s="61">
        <v>326</v>
      </c>
      <c r="GJ8" s="62">
        <v>573</v>
      </c>
      <c r="GK8" s="231"/>
      <c r="GL8" s="61">
        <v>287</v>
      </c>
      <c r="GM8" s="61">
        <v>350</v>
      </c>
      <c r="GN8" s="61">
        <v>236</v>
      </c>
      <c r="GO8" s="61">
        <v>258</v>
      </c>
      <c r="GP8" s="61">
        <v>154</v>
      </c>
      <c r="GQ8" s="62">
        <v>1285</v>
      </c>
      <c r="GR8" s="63">
        <v>1858</v>
      </c>
      <c r="GS8" s="113">
        <v>2024</v>
      </c>
      <c r="GT8" s="72">
        <v>2379</v>
      </c>
      <c r="GU8" s="73">
        <v>4403</v>
      </c>
      <c r="GV8" s="228"/>
      <c r="GW8" s="72">
        <v>2428</v>
      </c>
      <c r="GX8" s="72">
        <v>2748</v>
      </c>
      <c r="GY8" s="72">
        <v>1775</v>
      </c>
      <c r="GZ8" s="72">
        <v>1507</v>
      </c>
      <c r="HA8" s="72">
        <v>854</v>
      </c>
      <c r="HB8" s="74">
        <v>9312</v>
      </c>
      <c r="HC8" s="75">
        <v>13715</v>
      </c>
      <c r="HD8" s="60">
        <v>20</v>
      </c>
      <c r="HE8" s="61">
        <v>42</v>
      </c>
      <c r="HF8" s="62">
        <v>62</v>
      </c>
      <c r="HG8" s="231"/>
      <c r="HH8" s="61">
        <v>27</v>
      </c>
      <c r="HI8" s="61">
        <v>46</v>
      </c>
      <c r="HJ8" s="61">
        <v>26</v>
      </c>
      <c r="HK8" s="61">
        <v>27</v>
      </c>
      <c r="HL8" s="61">
        <v>21</v>
      </c>
      <c r="HM8" s="62">
        <v>147</v>
      </c>
      <c r="HN8" s="63">
        <v>209</v>
      </c>
      <c r="HO8" s="60">
        <v>79</v>
      </c>
      <c r="HP8" s="61">
        <v>118</v>
      </c>
      <c r="HQ8" s="62">
        <v>197</v>
      </c>
      <c r="HR8" s="231"/>
      <c r="HS8" s="61">
        <v>73</v>
      </c>
      <c r="HT8" s="61">
        <v>122</v>
      </c>
      <c r="HU8" s="61">
        <v>84</v>
      </c>
      <c r="HV8" s="61">
        <v>65</v>
      </c>
      <c r="HW8" s="61">
        <v>42</v>
      </c>
      <c r="HX8" s="62">
        <v>386</v>
      </c>
      <c r="HY8" s="63">
        <v>583</v>
      </c>
      <c r="HZ8" s="60">
        <v>159</v>
      </c>
      <c r="IA8" s="61">
        <v>215</v>
      </c>
      <c r="IB8" s="62">
        <v>374</v>
      </c>
      <c r="IC8" s="231"/>
      <c r="ID8" s="61">
        <v>177</v>
      </c>
      <c r="IE8" s="61">
        <v>176</v>
      </c>
      <c r="IF8" s="61">
        <v>134</v>
      </c>
      <c r="IG8" s="61">
        <v>98</v>
      </c>
      <c r="IH8" s="61">
        <v>74</v>
      </c>
      <c r="II8" s="62">
        <v>659</v>
      </c>
      <c r="IJ8" s="63">
        <v>1033</v>
      </c>
      <c r="IK8" s="60">
        <v>385</v>
      </c>
      <c r="IL8" s="61">
        <v>429</v>
      </c>
      <c r="IM8" s="62">
        <v>814</v>
      </c>
      <c r="IN8" s="231"/>
      <c r="IO8" s="61">
        <v>437</v>
      </c>
      <c r="IP8" s="61">
        <v>447</v>
      </c>
      <c r="IQ8" s="61">
        <v>256</v>
      </c>
      <c r="IR8" s="61">
        <v>244</v>
      </c>
      <c r="IS8" s="61">
        <v>134</v>
      </c>
      <c r="IT8" s="62">
        <v>1518</v>
      </c>
      <c r="IU8" s="63">
        <v>2332</v>
      </c>
      <c r="IV8" s="60">
        <v>759</v>
      </c>
      <c r="IW8" s="61">
        <v>778</v>
      </c>
      <c r="IX8" s="62">
        <v>1537</v>
      </c>
      <c r="IY8" s="231"/>
      <c r="IZ8" s="61">
        <v>862</v>
      </c>
      <c r="JA8" s="61">
        <v>825</v>
      </c>
      <c r="JB8" s="61">
        <v>516</v>
      </c>
      <c r="JC8" s="61">
        <v>414</v>
      </c>
      <c r="JD8" s="61">
        <v>228</v>
      </c>
      <c r="JE8" s="62">
        <v>2845</v>
      </c>
      <c r="JF8" s="63">
        <v>4382</v>
      </c>
      <c r="JG8" s="60">
        <v>622</v>
      </c>
      <c r="JH8" s="61">
        <v>797</v>
      </c>
      <c r="JI8" s="62">
        <v>1419</v>
      </c>
      <c r="JJ8" s="231"/>
      <c r="JK8" s="61">
        <v>852</v>
      </c>
      <c r="JL8" s="61">
        <v>1132</v>
      </c>
      <c r="JM8" s="61">
        <v>759</v>
      </c>
      <c r="JN8" s="61">
        <v>659</v>
      </c>
      <c r="JO8" s="61">
        <v>355</v>
      </c>
      <c r="JP8" s="62">
        <v>3757</v>
      </c>
      <c r="JQ8" s="63">
        <v>5176</v>
      </c>
      <c r="JR8" s="60">
        <v>0</v>
      </c>
      <c r="JS8" s="61">
        <v>0</v>
      </c>
      <c r="JT8" s="62">
        <v>0</v>
      </c>
      <c r="JU8" s="231"/>
      <c r="JV8" s="61">
        <v>0</v>
      </c>
      <c r="JW8" s="61">
        <v>0</v>
      </c>
      <c r="JX8" s="61">
        <v>0</v>
      </c>
      <c r="JY8" s="61">
        <v>0</v>
      </c>
      <c r="JZ8" s="61">
        <v>0</v>
      </c>
      <c r="KA8" s="62">
        <v>0</v>
      </c>
      <c r="KB8" s="63">
        <v>0</v>
      </c>
      <c r="KC8" s="60">
        <v>2024</v>
      </c>
      <c r="KD8" s="61">
        <v>2379</v>
      </c>
      <c r="KE8" s="62">
        <v>4403</v>
      </c>
      <c r="KF8" s="231"/>
      <c r="KG8" s="61">
        <v>2428</v>
      </c>
      <c r="KH8" s="61">
        <v>2748</v>
      </c>
      <c r="KI8" s="61">
        <v>1775</v>
      </c>
      <c r="KJ8" s="61">
        <v>1507</v>
      </c>
      <c r="KK8" s="61">
        <v>854</v>
      </c>
      <c r="KL8" s="62">
        <v>9312</v>
      </c>
      <c r="KM8" s="63">
        <v>13715</v>
      </c>
    </row>
    <row r="9" spans="2:299" ht="21" customHeight="1" x14ac:dyDescent="0.2">
      <c r="B9" s="472" t="s">
        <v>6</v>
      </c>
      <c r="C9" s="293">
        <v>484</v>
      </c>
      <c r="D9" s="72">
        <v>372</v>
      </c>
      <c r="E9" s="73">
        <v>856</v>
      </c>
      <c r="F9" s="228"/>
      <c r="G9" s="72">
        <v>798</v>
      </c>
      <c r="H9" s="72">
        <v>566</v>
      </c>
      <c r="I9" s="72">
        <v>360</v>
      </c>
      <c r="J9" s="72">
        <v>347</v>
      </c>
      <c r="K9" s="72">
        <v>213</v>
      </c>
      <c r="L9" s="74">
        <v>2284</v>
      </c>
      <c r="M9" s="75">
        <v>3140</v>
      </c>
      <c r="N9" s="60">
        <v>13</v>
      </c>
      <c r="O9" s="61">
        <v>12</v>
      </c>
      <c r="P9" s="62">
        <v>25</v>
      </c>
      <c r="Q9" s="231"/>
      <c r="R9" s="61">
        <v>13</v>
      </c>
      <c r="S9" s="61">
        <v>9</v>
      </c>
      <c r="T9" s="61">
        <v>7</v>
      </c>
      <c r="U9" s="61">
        <v>4</v>
      </c>
      <c r="V9" s="61">
        <v>1</v>
      </c>
      <c r="W9" s="62">
        <v>34</v>
      </c>
      <c r="X9" s="63">
        <v>59</v>
      </c>
      <c r="Y9" s="60">
        <v>27</v>
      </c>
      <c r="Z9" s="61">
        <v>13</v>
      </c>
      <c r="AA9" s="62">
        <v>40</v>
      </c>
      <c r="AB9" s="231"/>
      <c r="AC9" s="61">
        <v>33</v>
      </c>
      <c r="AD9" s="61">
        <v>25</v>
      </c>
      <c r="AE9" s="61">
        <v>10</v>
      </c>
      <c r="AF9" s="61">
        <v>22</v>
      </c>
      <c r="AG9" s="61">
        <v>17</v>
      </c>
      <c r="AH9" s="62">
        <v>107</v>
      </c>
      <c r="AI9" s="63">
        <v>147</v>
      </c>
      <c r="AJ9" s="60">
        <v>39</v>
      </c>
      <c r="AK9" s="61">
        <v>39</v>
      </c>
      <c r="AL9" s="62">
        <v>78</v>
      </c>
      <c r="AM9" s="231"/>
      <c r="AN9" s="61">
        <v>71</v>
      </c>
      <c r="AO9" s="61">
        <v>34</v>
      </c>
      <c r="AP9" s="61">
        <v>27</v>
      </c>
      <c r="AQ9" s="61">
        <v>26</v>
      </c>
      <c r="AR9" s="61">
        <v>16</v>
      </c>
      <c r="AS9" s="62">
        <v>174</v>
      </c>
      <c r="AT9" s="63">
        <v>252</v>
      </c>
      <c r="AU9" s="60">
        <v>90</v>
      </c>
      <c r="AV9" s="61">
        <v>61</v>
      </c>
      <c r="AW9" s="62">
        <v>151</v>
      </c>
      <c r="AX9" s="231"/>
      <c r="AY9" s="61">
        <v>155</v>
      </c>
      <c r="AZ9" s="61">
        <v>108</v>
      </c>
      <c r="BA9" s="61">
        <v>67</v>
      </c>
      <c r="BB9" s="61">
        <v>30</v>
      </c>
      <c r="BC9" s="61">
        <v>43</v>
      </c>
      <c r="BD9" s="62">
        <v>403</v>
      </c>
      <c r="BE9" s="63">
        <v>554</v>
      </c>
      <c r="BF9" s="60">
        <v>164</v>
      </c>
      <c r="BG9" s="61">
        <v>109</v>
      </c>
      <c r="BH9" s="62">
        <v>273</v>
      </c>
      <c r="BI9" s="231"/>
      <c r="BJ9" s="61">
        <v>252</v>
      </c>
      <c r="BK9" s="61">
        <v>184</v>
      </c>
      <c r="BL9" s="61">
        <v>90</v>
      </c>
      <c r="BM9" s="61">
        <v>101</v>
      </c>
      <c r="BN9" s="61">
        <v>55</v>
      </c>
      <c r="BO9" s="62">
        <v>682</v>
      </c>
      <c r="BP9" s="63">
        <v>955</v>
      </c>
      <c r="BQ9" s="60">
        <v>151</v>
      </c>
      <c r="BR9" s="61">
        <v>138</v>
      </c>
      <c r="BS9" s="62">
        <v>289</v>
      </c>
      <c r="BT9" s="231"/>
      <c r="BU9" s="61">
        <v>274</v>
      </c>
      <c r="BV9" s="61">
        <v>206</v>
      </c>
      <c r="BW9" s="61">
        <v>159</v>
      </c>
      <c r="BX9" s="61">
        <v>164</v>
      </c>
      <c r="BY9" s="61">
        <v>81</v>
      </c>
      <c r="BZ9" s="62">
        <v>884</v>
      </c>
      <c r="CA9" s="63">
        <v>1173</v>
      </c>
      <c r="CB9" s="60">
        <v>0</v>
      </c>
      <c r="CC9" s="61">
        <v>0</v>
      </c>
      <c r="CD9" s="62">
        <v>0</v>
      </c>
      <c r="CE9" s="231"/>
      <c r="CF9" s="61">
        <v>0</v>
      </c>
      <c r="CG9" s="61">
        <v>0</v>
      </c>
      <c r="CH9" s="61">
        <v>0</v>
      </c>
      <c r="CI9" s="61">
        <v>0</v>
      </c>
      <c r="CJ9" s="61">
        <v>0</v>
      </c>
      <c r="CK9" s="62">
        <v>0</v>
      </c>
      <c r="CL9" s="63">
        <v>0</v>
      </c>
      <c r="CM9" s="60">
        <v>484</v>
      </c>
      <c r="CN9" s="61">
        <v>372</v>
      </c>
      <c r="CO9" s="62">
        <v>856</v>
      </c>
      <c r="CP9" s="231"/>
      <c r="CQ9" s="61">
        <v>798</v>
      </c>
      <c r="CR9" s="61">
        <v>566</v>
      </c>
      <c r="CS9" s="61">
        <v>360</v>
      </c>
      <c r="CT9" s="61">
        <v>347</v>
      </c>
      <c r="CU9" s="61">
        <v>213</v>
      </c>
      <c r="CV9" s="62">
        <v>2284</v>
      </c>
      <c r="CW9" s="63">
        <v>3140</v>
      </c>
      <c r="CX9" s="113">
        <v>91</v>
      </c>
      <c r="CY9" s="72">
        <v>90</v>
      </c>
      <c r="CZ9" s="73">
        <v>181</v>
      </c>
      <c r="DA9" s="228"/>
      <c r="DB9" s="72">
        <v>132</v>
      </c>
      <c r="DC9" s="72">
        <v>105</v>
      </c>
      <c r="DD9" s="72">
        <v>82</v>
      </c>
      <c r="DE9" s="72">
        <v>80</v>
      </c>
      <c r="DF9" s="72">
        <v>53</v>
      </c>
      <c r="DG9" s="74">
        <v>452</v>
      </c>
      <c r="DH9" s="75">
        <v>633</v>
      </c>
      <c r="DI9" s="60">
        <v>1</v>
      </c>
      <c r="DJ9" s="61">
        <v>3</v>
      </c>
      <c r="DK9" s="62">
        <v>4</v>
      </c>
      <c r="DL9" s="231"/>
      <c r="DM9" s="61">
        <v>0</v>
      </c>
      <c r="DN9" s="61">
        <v>0</v>
      </c>
      <c r="DO9" s="61">
        <v>2</v>
      </c>
      <c r="DP9" s="61">
        <v>3</v>
      </c>
      <c r="DQ9" s="61">
        <v>0</v>
      </c>
      <c r="DR9" s="62">
        <v>5</v>
      </c>
      <c r="DS9" s="63">
        <v>9</v>
      </c>
      <c r="DT9" s="60">
        <v>6</v>
      </c>
      <c r="DU9" s="61">
        <v>4</v>
      </c>
      <c r="DV9" s="62">
        <v>10</v>
      </c>
      <c r="DW9" s="231"/>
      <c r="DX9" s="61">
        <v>9</v>
      </c>
      <c r="DY9" s="61">
        <v>4</v>
      </c>
      <c r="DZ9" s="61">
        <v>3</v>
      </c>
      <c r="EA9" s="61">
        <v>5</v>
      </c>
      <c r="EB9" s="61">
        <v>0</v>
      </c>
      <c r="EC9" s="62">
        <v>21</v>
      </c>
      <c r="ED9" s="63">
        <v>31</v>
      </c>
      <c r="EE9" s="60">
        <v>13</v>
      </c>
      <c r="EF9" s="61">
        <v>6</v>
      </c>
      <c r="EG9" s="62">
        <v>19</v>
      </c>
      <c r="EH9" s="231"/>
      <c r="EI9" s="61">
        <v>8</v>
      </c>
      <c r="EJ9" s="61">
        <v>3</v>
      </c>
      <c r="EK9" s="61">
        <v>5</v>
      </c>
      <c r="EL9" s="61">
        <v>2</v>
      </c>
      <c r="EM9" s="61">
        <v>4</v>
      </c>
      <c r="EN9" s="62">
        <v>22</v>
      </c>
      <c r="EO9" s="63">
        <v>41</v>
      </c>
      <c r="EP9" s="60">
        <v>32</v>
      </c>
      <c r="EQ9" s="61">
        <v>18</v>
      </c>
      <c r="ER9" s="62">
        <v>50</v>
      </c>
      <c r="ES9" s="231"/>
      <c r="ET9" s="61">
        <v>26</v>
      </c>
      <c r="EU9" s="61">
        <v>14</v>
      </c>
      <c r="EV9" s="61">
        <v>13</v>
      </c>
      <c r="EW9" s="61">
        <v>9</v>
      </c>
      <c r="EX9" s="61">
        <v>10</v>
      </c>
      <c r="EY9" s="62">
        <v>72</v>
      </c>
      <c r="EZ9" s="63">
        <v>122</v>
      </c>
      <c r="FA9" s="60">
        <v>19</v>
      </c>
      <c r="FB9" s="61">
        <v>28</v>
      </c>
      <c r="FC9" s="62">
        <v>47</v>
      </c>
      <c r="FD9" s="231"/>
      <c r="FE9" s="61">
        <v>42</v>
      </c>
      <c r="FF9" s="61">
        <v>39</v>
      </c>
      <c r="FG9" s="61">
        <v>20</v>
      </c>
      <c r="FH9" s="61">
        <v>16</v>
      </c>
      <c r="FI9" s="61">
        <v>13</v>
      </c>
      <c r="FJ9" s="62">
        <v>130</v>
      </c>
      <c r="FK9" s="63">
        <v>177</v>
      </c>
      <c r="FL9" s="60">
        <v>20</v>
      </c>
      <c r="FM9" s="61">
        <v>31</v>
      </c>
      <c r="FN9" s="62">
        <v>51</v>
      </c>
      <c r="FO9" s="231"/>
      <c r="FP9" s="61">
        <v>47</v>
      </c>
      <c r="FQ9" s="61">
        <v>45</v>
      </c>
      <c r="FR9" s="61">
        <v>39</v>
      </c>
      <c r="FS9" s="61">
        <v>45</v>
      </c>
      <c r="FT9" s="61">
        <v>26</v>
      </c>
      <c r="FU9" s="62">
        <v>202</v>
      </c>
      <c r="FV9" s="63">
        <v>253</v>
      </c>
      <c r="FW9" s="60">
        <v>0</v>
      </c>
      <c r="FX9" s="61">
        <v>0</v>
      </c>
      <c r="FY9" s="62">
        <v>0</v>
      </c>
      <c r="FZ9" s="231"/>
      <c r="GA9" s="61">
        <v>0</v>
      </c>
      <c r="GB9" s="61">
        <v>0</v>
      </c>
      <c r="GC9" s="61">
        <v>0</v>
      </c>
      <c r="GD9" s="61">
        <v>0</v>
      </c>
      <c r="GE9" s="61">
        <v>0</v>
      </c>
      <c r="GF9" s="62">
        <v>0</v>
      </c>
      <c r="GG9" s="63">
        <v>0</v>
      </c>
      <c r="GH9" s="60">
        <v>91</v>
      </c>
      <c r="GI9" s="61">
        <v>90</v>
      </c>
      <c r="GJ9" s="62">
        <v>181</v>
      </c>
      <c r="GK9" s="231"/>
      <c r="GL9" s="61">
        <v>132</v>
      </c>
      <c r="GM9" s="61">
        <v>105</v>
      </c>
      <c r="GN9" s="61">
        <v>82</v>
      </c>
      <c r="GO9" s="61">
        <v>80</v>
      </c>
      <c r="GP9" s="61">
        <v>53</v>
      </c>
      <c r="GQ9" s="62">
        <v>452</v>
      </c>
      <c r="GR9" s="63">
        <v>633</v>
      </c>
      <c r="GS9" s="113">
        <v>575</v>
      </c>
      <c r="GT9" s="72">
        <v>462</v>
      </c>
      <c r="GU9" s="73">
        <v>1037</v>
      </c>
      <c r="GV9" s="228"/>
      <c r="GW9" s="72">
        <v>930</v>
      </c>
      <c r="GX9" s="72">
        <v>671</v>
      </c>
      <c r="GY9" s="72">
        <v>442</v>
      </c>
      <c r="GZ9" s="72">
        <v>427</v>
      </c>
      <c r="HA9" s="72">
        <v>266</v>
      </c>
      <c r="HB9" s="74">
        <v>2736</v>
      </c>
      <c r="HC9" s="75">
        <v>3773</v>
      </c>
      <c r="HD9" s="60">
        <v>14</v>
      </c>
      <c r="HE9" s="61">
        <v>15</v>
      </c>
      <c r="HF9" s="62">
        <v>29</v>
      </c>
      <c r="HG9" s="231"/>
      <c r="HH9" s="61">
        <v>13</v>
      </c>
      <c r="HI9" s="61">
        <v>9</v>
      </c>
      <c r="HJ9" s="61">
        <v>9</v>
      </c>
      <c r="HK9" s="61">
        <v>7</v>
      </c>
      <c r="HL9" s="61">
        <v>1</v>
      </c>
      <c r="HM9" s="62">
        <v>39</v>
      </c>
      <c r="HN9" s="63">
        <v>68</v>
      </c>
      <c r="HO9" s="60">
        <v>33</v>
      </c>
      <c r="HP9" s="61">
        <v>17</v>
      </c>
      <c r="HQ9" s="62">
        <v>50</v>
      </c>
      <c r="HR9" s="231"/>
      <c r="HS9" s="61">
        <v>42</v>
      </c>
      <c r="HT9" s="61">
        <v>29</v>
      </c>
      <c r="HU9" s="61">
        <v>13</v>
      </c>
      <c r="HV9" s="61">
        <v>27</v>
      </c>
      <c r="HW9" s="61">
        <v>17</v>
      </c>
      <c r="HX9" s="62">
        <v>128</v>
      </c>
      <c r="HY9" s="63">
        <v>178</v>
      </c>
      <c r="HZ9" s="60">
        <v>52</v>
      </c>
      <c r="IA9" s="61">
        <v>45</v>
      </c>
      <c r="IB9" s="62">
        <v>97</v>
      </c>
      <c r="IC9" s="231"/>
      <c r="ID9" s="61">
        <v>79</v>
      </c>
      <c r="IE9" s="61">
        <v>37</v>
      </c>
      <c r="IF9" s="61">
        <v>32</v>
      </c>
      <c r="IG9" s="61">
        <v>28</v>
      </c>
      <c r="IH9" s="61">
        <v>20</v>
      </c>
      <c r="II9" s="62">
        <v>196</v>
      </c>
      <c r="IJ9" s="63">
        <v>293</v>
      </c>
      <c r="IK9" s="60">
        <v>122</v>
      </c>
      <c r="IL9" s="61">
        <v>79</v>
      </c>
      <c r="IM9" s="62">
        <v>201</v>
      </c>
      <c r="IN9" s="231"/>
      <c r="IO9" s="61">
        <v>181</v>
      </c>
      <c r="IP9" s="61">
        <v>122</v>
      </c>
      <c r="IQ9" s="61">
        <v>80</v>
      </c>
      <c r="IR9" s="61">
        <v>39</v>
      </c>
      <c r="IS9" s="61">
        <v>53</v>
      </c>
      <c r="IT9" s="62">
        <v>475</v>
      </c>
      <c r="IU9" s="63">
        <v>676</v>
      </c>
      <c r="IV9" s="60">
        <v>183</v>
      </c>
      <c r="IW9" s="61">
        <v>137</v>
      </c>
      <c r="IX9" s="62">
        <v>320</v>
      </c>
      <c r="IY9" s="231"/>
      <c r="IZ9" s="61">
        <v>294</v>
      </c>
      <c r="JA9" s="61">
        <v>223</v>
      </c>
      <c r="JB9" s="61">
        <v>110</v>
      </c>
      <c r="JC9" s="61">
        <v>117</v>
      </c>
      <c r="JD9" s="61">
        <v>68</v>
      </c>
      <c r="JE9" s="62">
        <v>812</v>
      </c>
      <c r="JF9" s="63">
        <v>1132</v>
      </c>
      <c r="JG9" s="60">
        <v>171</v>
      </c>
      <c r="JH9" s="61">
        <v>169</v>
      </c>
      <c r="JI9" s="62">
        <v>340</v>
      </c>
      <c r="JJ9" s="231"/>
      <c r="JK9" s="61">
        <v>321</v>
      </c>
      <c r="JL9" s="61">
        <v>251</v>
      </c>
      <c r="JM9" s="61">
        <v>198</v>
      </c>
      <c r="JN9" s="61">
        <v>209</v>
      </c>
      <c r="JO9" s="61">
        <v>107</v>
      </c>
      <c r="JP9" s="62">
        <v>1086</v>
      </c>
      <c r="JQ9" s="63">
        <v>1426</v>
      </c>
      <c r="JR9" s="60">
        <v>0</v>
      </c>
      <c r="JS9" s="61">
        <v>0</v>
      </c>
      <c r="JT9" s="62">
        <v>0</v>
      </c>
      <c r="JU9" s="231"/>
      <c r="JV9" s="61">
        <v>0</v>
      </c>
      <c r="JW9" s="61">
        <v>0</v>
      </c>
      <c r="JX9" s="61">
        <v>0</v>
      </c>
      <c r="JY9" s="61">
        <v>0</v>
      </c>
      <c r="JZ9" s="61">
        <v>0</v>
      </c>
      <c r="KA9" s="62">
        <v>0</v>
      </c>
      <c r="KB9" s="63">
        <v>0</v>
      </c>
      <c r="KC9" s="60">
        <v>575</v>
      </c>
      <c r="KD9" s="61">
        <v>462</v>
      </c>
      <c r="KE9" s="62">
        <v>1037</v>
      </c>
      <c r="KF9" s="231"/>
      <c r="KG9" s="61">
        <v>930</v>
      </c>
      <c r="KH9" s="61">
        <v>671</v>
      </c>
      <c r="KI9" s="61">
        <v>442</v>
      </c>
      <c r="KJ9" s="61">
        <v>427</v>
      </c>
      <c r="KK9" s="61">
        <v>266</v>
      </c>
      <c r="KL9" s="62">
        <v>2736</v>
      </c>
      <c r="KM9" s="63">
        <v>3773</v>
      </c>
    </row>
    <row r="10" spans="2:299" ht="21" customHeight="1" x14ac:dyDescent="0.2">
      <c r="B10" s="472" t="s">
        <v>14</v>
      </c>
      <c r="C10" s="293">
        <v>254</v>
      </c>
      <c r="D10" s="72">
        <v>319</v>
      </c>
      <c r="E10" s="73">
        <v>573</v>
      </c>
      <c r="F10" s="228"/>
      <c r="G10" s="72">
        <v>381</v>
      </c>
      <c r="H10" s="72">
        <v>408</v>
      </c>
      <c r="I10" s="72">
        <v>284</v>
      </c>
      <c r="J10" s="72">
        <v>209</v>
      </c>
      <c r="K10" s="72">
        <v>131</v>
      </c>
      <c r="L10" s="74">
        <v>1413</v>
      </c>
      <c r="M10" s="75">
        <v>1986</v>
      </c>
      <c r="N10" s="60">
        <v>4</v>
      </c>
      <c r="O10" s="61">
        <v>6</v>
      </c>
      <c r="P10" s="62">
        <v>10</v>
      </c>
      <c r="Q10" s="231"/>
      <c r="R10" s="61">
        <v>7</v>
      </c>
      <c r="S10" s="61">
        <v>6</v>
      </c>
      <c r="T10" s="61">
        <v>4</v>
      </c>
      <c r="U10" s="61">
        <v>3</v>
      </c>
      <c r="V10" s="61">
        <v>6</v>
      </c>
      <c r="W10" s="62">
        <v>26</v>
      </c>
      <c r="X10" s="63">
        <v>36</v>
      </c>
      <c r="Y10" s="60">
        <v>15</v>
      </c>
      <c r="Z10" s="61">
        <v>12</v>
      </c>
      <c r="AA10" s="62">
        <v>27</v>
      </c>
      <c r="AB10" s="231"/>
      <c r="AC10" s="61">
        <v>13</v>
      </c>
      <c r="AD10" s="61">
        <v>19</v>
      </c>
      <c r="AE10" s="61">
        <v>15</v>
      </c>
      <c r="AF10" s="61">
        <v>8</v>
      </c>
      <c r="AG10" s="61">
        <v>10</v>
      </c>
      <c r="AH10" s="62">
        <v>65</v>
      </c>
      <c r="AI10" s="63">
        <v>92</v>
      </c>
      <c r="AJ10" s="60">
        <v>22</v>
      </c>
      <c r="AK10" s="61">
        <v>37</v>
      </c>
      <c r="AL10" s="62">
        <v>59</v>
      </c>
      <c r="AM10" s="231"/>
      <c r="AN10" s="61">
        <v>26</v>
      </c>
      <c r="AO10" s="61">
        <v>37</v>
      </c>
      <c r="AP10" s="61">
        <v>23</v>
      </c>
      <c r="AQ10" s="61">
        <v>25</v>
      </c>
      <c r="AR10" s="61">
        <v>10</v>
      </c>
      <c r="AS10" s="62">
        <v>121</v>
      </c>
      <c r="AT10" s="63">
        <v>180</v>
      </c>
      <c r="AU10" s="60">
        <v>63</v>
      </c>
      <c r="AV10" s="61">
        <v>85</v>
      </c>
      <c r="AW10" s="62">
        <v>148</v>
      </c>
      <c r="AX10" s="231"/>
      <c r="AY10" s="61">
        <v>81</v>
      </c>
      <c r="AZ10" s="61">
        <v>85</v>
      </c>
      <c r="BA10" s="61">
        <v>52</v>
      </c>
      <c r="BB10" s="61">
        <v>48</v>
      </c>
      <c r="BC10" s="61">
        <v>17</v>
      </c>
      <c r="BD10" s="62">
        <v>283</v>
      </c>
      <c r="BE10" s="63">
        <v>431</v>
      </c>
      <c r="BF10" s="60">
        <v>86</v>
      </c>
      <c r="BG10" s="61">
        <v>89</v>
      </c>
      <c r="BH10" s="62">
        <v>175</v>
      </c>
      <c r="BI10" s="231"/>
      <c r="BJ10" s="61">
        <v>125</v>
      </c>
      <c r="BK10" s="61">
        <v>126</v>
      </c>
      <c r="BL10" s="61">
        <v>80</v>
      </c>
      <c r="BM10" s="61">
        <v>60</v>
      </c>
      <c r="BN10" s="61">
        <v>40</v>
      </c>
      <c r="BO10" s="62">
        <v>431</v>
      </c>
      <c r="BP10" s="63">
        <v>606</v>
      </c>
      <c r="BQ10" s="60">
        <v>64</v>
      </c>
      <c r="BR10" s="61">
        <v>90</v>
      </c>
      <c r="BS10" s="62">
        <v>154</v>
      </c>
      <c r="BT10" s="231"/>
      <c r="BU10" s="61">
        <v>129</v>
      </c>
      <c r="BV10" s="61">
        <v>135</v>
      </c>
      <c r="BW10" s="61">
        <v>110</v>
      </c>
      <c r="BX10" s="61">
        <v>65</v>
      </c>
      <c r="BY10" s="61">
        <v>48</v>
      </c>
      <c r="BZ10" s="62">
        <v>487</v>
      </c>
      <c r="CA10" s="63">
        <v>641</v>
      </c>
      <c r="CB10" s="60">
        <v>0</v>
      </c>
      <c r="CC10" s="61">
        <v>0</v>
      </c>
      <c r="CD10" s="62">
        <v>0</v>
      </c>
      <c r="CE10" s="231"/>
      <c r="CF10" s="61">
        <v>0</v>
      </c>
      <c r="CG10" s="61">
        <v>0</v>
      </c>
      <c r="CH10" s="61">
        <v>0</v>
      </c>
      <c r="CI10" s="61">
        <v>0</v>
      </c>
      <c r="CJ10" s="61">
        <v>0</v>
      </c>
      <c r="CK10" s="62">
        <v>0</v>
      </c>
      <c r="CL10" s="63">
        <v>0</v>
      </c>
      <c r="CM10" s="60">
        <v>254</v>
      </c>
      <c r="CN10" s="61">
        <v>319</v>
      </c>
      <c r="CO10" s="62">
        <v>573</v>
      </c>
      <c r="CP10" s="231"/>
      <c r="CQ10" s="61">
        <v>381</v>
      </c>
      <c r="CR10" s="61">
        <v>408</v>
      </c>
      <c r="CS10" s="61">
        <v>284</v>
      </c>
      <c r="CT10" s="61">
        <v>209</v>
      </c>
      <c r="CU10" s="61">
        <v>131</v>
      </c>
      <c r="CV10" s="62">
        <v>1413</v>
      </c>
      <c r="CW10" s="63">
        <v>1986</v>
      </c>
      <c r="CX10" s="113">
        <v>44</v>
      </c>
      <c r="CY10" s="72">
        <v>47</v>
      </c>
      <c r="CZ10" s="73">
        <v>91</v>
      </c>
      <c r="DA10" s="228"/>
      <c r="DB10" s="72">
        <v>44</v>
      </c>
      <c r="DC10" s="72">
        <v>50</v>
      </c>
      <c r="DD10" s="72">
        <v>41</v>
      </c>
      <c r="DE10" s="72">
        <v>32</v>
      </c>
      <c r="DF10" s="72">
        <v>18</v>
      </c>
      <c r="DG10" s="74">
        <v>185</v>
      </c>
      <c r="DH10" s="75">
        <v>276</v>
      </c>
      <c r="DI10" s="60">
        <v>1</v>
      </c>
      <c r="DJ10" s="61">
        <v>0</v>
      </c>
      <c r="DK10" s="62">
        <v>1</v>
      </c>
      <c r="DL10" s="231"/>
      <c r="DM10" s="61">
        <v>0</v>
      </c>
      <c r="DN10" s="61">
        <v>1</v>
      </c>
      <c r="DO10" s="61">
        <v>1</v>
      </c>
      <c r="DP10" s="61">
        <v>0</v>
      </c>
      <c r="DQ10" s="61">
        <v>1</v>
      </c>
      <c r="DR10" s="62">
        <v>3</v>
      </c>
      <c r="DS10" s="63">
        <v>4</v>
      </c>
      <c r="DT10" s="60">
        <v>1</v>
      </c>
      <c r="DU10" s="61">
        <v>3</v>
      </c>
      <c r="DV10" s="62">
        <v>4</v>
      </c>
      <c r="DW10" s="231"/>
      <c r="DX10" s="61">
        <v>3</v>
      </c>
      <c r="DY10" s="61">
        <v>3</v>
      </c>
      <c r="DZ10" s="61">
        <v>0</v>
      </c>
      <c r="EA10" s="61">
        <v>1</v>
      </c>
      <c r="EB10" s="61">
        <v>1</v>
      </c>
      <c r="EC10" s="62">
        <v>8</v>
      </c>
      <c r="ED10" s="63">
        <v>12</v>
      </c>
      <c r="EE10" s="60">
        <v>7</v>
      </c>
      <c r="EF10" s="61">
        <v>5</v>
      </c>
      <c r="EG10" s="62">
        <v>12</v>
      </c>
      <c r="EH10" s="231"/>
      <c r="EI10" s="61">
        <v>9</v>
      </c>
      <c r="EJ10" s="61">
        <v>6</v>
      </c>
      <c r="EK10" s="61">
        <v>7</v>
      </c>
      <c r="EL10" s="61">
        <v>3</v>
      </c>
      <c r="EM10" s="61">
        <v>1</v>
      </c>
      <c r="EN10" s="62">
        <v>26</v>
      </c>
      <c r="EO10" s="63">
        <v>38</v>
      </c>
      <c r="EP10" s="60">
        <v>11</v>
      </c>
      <c r="EQ10" s="61">
        <v>14</v>
      </c>
      <c r="ER10" s="62">
        <v>25</v>
      </c>
      <c r="ES10" s="231"/>
      <c r="ET10" s="61">
        <v>10</v>
      </c>
      <c r="EU10" s="61">
        <v>10</v>
      </c>
      <c r="EV10" s="61">
        <v>10</v>
      </c>
      <c r="EW10" s="61">
        <v>2</v>
      </c>
      <c r="EX10" s="61">
        <v>1</v>
      </c>
      <c r="EY10" s="62">
        <v>33</v>
      </c>
      <c r="EZ10" s="63">
        <v>58</v>
      </c>
      <c r="FA10" s="60">
        <v>18</v>
      </c>
      <c r="FB10" s="61">
        <v>13</v>
      </c>
      <c r="FC10" s="62">
        <v>31</v>
      </c>
      <c r="FD10" s="231"/>
      <c r="FE10" s="61">
        <v>13</v>
      </c>
      <c r="FF10" s="61">
        <v>13</v>
      </c>
      <c r="FG10" s="61">
        <v>8</v>
      </c>
      <c r="FH10" s="61">
        <v>6</v>
      </c>
      <c r="FI10" s="61">
        <v>5</v>
      </c>
      <c r="FJ10" s="62">
        <v>45</v>
      </c>
      <c r="FK10" s="63">
        <v>76</v>
      </c>
      <c r="FL10" s="60">
        <v>6</v>
      </c>
      <c r="FM10" s="61">
        <v>12</v>
      </c>
      <c r="FN10" s="62">
        <v>18</v>
      </c>
      <c r="FO10" s="231"/>
      <c r="FP10" s="61">
        <v>9</v>
      </c>
      <c r="FQ10" s="61">
        <v>17</v>
      </c>
      <c r="FR10" s="61">
        <v>15</v>
      </c>
      <c r="FS10" s="61">
        <v>20</v>
      </c>
      <c r="FT10" s="61">
        <v>9</v>
      </c>
      <c r="FU10" s="62">
        <v>70</v>
      </c>
      <c r="FV10" s="63">
        <v>88</v>
      </c>
      <c r="FW10" s="60">
        <v>0</v>
      </c>
      <c r="FX10" s="61">
        <v>0</v>
      </c>
      <c r="FY10" s="62">
        <v>0</v>
      </c>
      <c r="FZ10" s="231"/>
      <c r="GA10" s="61">
        <v>0</v>
      </c>
      <c r="GB10" s="61">
        <v>0</v>
      </c>
      <c r="GC10" s="61">
        <v>0</v>
      </c>
      <c r="GD10" s="61">
        <v>0</v>
      </c>
      <c r="GE10" s="61">
        <v>0</v>
      </c>
      <c r="GF10" s="62">
        <v>0</v>
      </c>
      <c r="GG10" s="63">
        <v>0</v>
      </c>
      <c r="GH10" s="60">
        <v>44</v>
      </c>
      <c r="GI10" s="61">
        <v>47</v>
      </c>
      <c r="GJ10" s="62">
        <v>91</v>
      </c>
      <c r="GK10" s="231"/>
      <c r="GL10" s="61">
        <v>44</v>
      </c>
      <c r="GM10" s="61">
        <v>50</v>
      </c>
      <c r="GN10" s="61">
        <v>41</v>
      </c>
      <c r="GO10" s="61">
        <v>32</v>
      </c>
      <c r="GP10" s="61">
        <v>18</v>
      </c>
      <c r="GQ10" s="62">
        <v>185</v>
      </c>
      <c r="GR10" s="63">
        <v>276</v>
      </c>
      <c r="GS10" s="113">
        <v>298</v>
      </c>
      <c r="GT10" s="72">
        <v>366</v>
      </c>
      <c r="GU10" s="73">
        <v>664</v>
      </c>
      <c r="GV10" s="228"/>
      <c r="GW10" s="72">
        <v>425</v>
      </c>
      <c r="GX10" s="72">
        <v>458</v>
      </c>
      <c r="GY10" s="72">
        <v>325</v>
      </c>
      <c r="GZ10" s="72">
        <v>241</v>
      </c>
      <c r="HA10" s="72">
        <v>149</v>
      </c>
      <c r="HB10" s="74">
        <v>1598</v>
      </c>
      <c r="HC10" s="75">
        <v>2262</v>
      </c>
      <c r="HD10" s="60">
        <v>5</v>
      </c>
      <c r="HE10" s="61">
        <v>6</v>
      </c>
      <c r="HF10" s="62">
        <v>11</v>
      </c>
      <c r="HG10" s="231"/>
      <c r="HH10" s="61">
        <v>7</v>
      </c>
      <c r="HI10" s="61">
        <v>7</v>
      </c>
      <c r="HJ10" s="61">
        <v>5</v>
      </c>
      <c r="HK10" s="61">
        <v>3</v>
      </c>
      <c r="HL10" s="61">
        <v>7</v>
      </c>
      <c r="HM10" s="62">
        <v>29</v>
      </c>
      <c r="HN10" s="63">
        <v>40</v>
      </c>
      <c r="HO10" s="60">
        <v>16</v>
      </c>
      <c r="HP10" s="61">
        <v>15</v>
      </c>
      <c r="HQ10" s="62">
        <v>31</v>
      </c>
      <c r="HR10" s="231"/>
      <c r="HS10" s="61">
        <v>16</v>
      </c>
      <c r="HT10" s="61">
        <v>22</v>
      </c>
      <c r="HU10" s="61">
        <v>15</v>
      </c>
      <c r="HV10" s="61">
        <v>9</v>
      </c>
      <c r="HW10" s="61">
        <v>11</v>
      </c>
      <c r="HX10" s="62">
        <v>73</v>
      </c>
      <c r="HY10" s="63">
        <v>104</v>
      </c>
      <c r="HZ10" s="60">
        <v>29</v>
      </c>
      <c r="IA10" s="61">
        <v>42</v>
      </c>
      <c r="IB10" s="62">
        <v>71</v>
      </c>
      <c r="IC10" s="231"/>
      <c r="ID10" s="61">
        <v>35</v>
      </c>
      <c r="IE10" s="61">
        <v>43</v>
      </c>
      <c r="IF10" s="61">
        <v>30</v>
      </c>
      <c r="IG10" s="61">
        <v>28</v>
      </c>
      <c r="IH10" s="61">
        <v>11</v>
      </c>
      <c r="II10" s="62">
        <v>147</v>
      </c>
      <c r="IJ10" s="63">
        <v>218</v>
      </c>
      <c r="IK10" s="60">
        <v>74</v>
      </c>
      <c r="IL10" s="61">
        <v>99</v>
      </c>
      <c r="IM10" s="62">
        <v>173</v>
      </c>
      <c r="IN10" s="231"/>
      <c r="IO10" s="61">
        <v>91</v>
      </c>
      <c r="IP10" s="61">
        <v>95</v>
      </c>
      <c r="IQ10" s="61">
        <v>62</v>
      </c>
      <c r="IR10" s="61">
        <v>50</v>
      </c>
      <c r="IS10" s="61">
        <v>18</v>
      </c>
      <c r="IT10" s="62">
        <v>316</v>
      </c>
      <c r="IU10" s="63">
        <v>489</v>
      </c>
      <c r="IV10" s="60">
        <v>104</v>
      </c>
      <c r="IW10" s="61">
        <v>102</v>
      </c>
      <c r="IX10" s="62">
        <v>206</v>
      </c>
      <c r="IY10" s="231"/>
      <c r="IZ10" s="61">
        <v>138</v>
      </c>
      <c r="JA10" s="61">
        <v>139</v>
      </c>
      <c r="JB10" s="61">
        <v>88</v>
      </c>
      <c r="JC10" s="61">
        <v>66</v>
      </c>
      <c r="JD10" s="61">
        <v>45</v>
      </c>
      <c r="JE10" s="62">
        <v>476</v>
      </c>
      <c r="JF10" s="63">
        <v>682</v>
      </c>
      <c r="JG10" s="60">
        <v>70</v>
      </c>
      <c r="JH10" s="61">
        <v>102</v>
      </c>
      <c r="JI10" s="62">
        <v>172</v>
      </c>
      <c r="JJ10" s="231"/>
      <c r="JK10" s="61">
        <v>138</v>
      </c>
      <c r="JL10" s="61">
        <v>152</v>
      </c>
      <c r="JM10" s="61">
        <v>125</v>
      </c>
      <c r="JN10" s="61">
        <v>85</v>
      </c>
      <c r="JO10" s="61">
        <v>57</v>
      </c>
      <c r="JP10" s="62">
        <v>557</v>
      </c>
      <c r="JQ10" s="63">
        <v>729</v>
      </c>
      <c r="JR10" s="60">
        <v>0</v>
      </c>
      <c r="JS10" s="61">
        <v>0</v>
      </c>
      <c r="JT10" s="62">
        <v>0</v>
      </c>
      <c r="JU10" s="231"/>
      <c r="JV10" s="61">
        <v>0</v>
      </c>
      <c r="JW10" s="61">
        <v>0</v>
      </c>
      <c r="JX10" s="61">
        <v>0</v>
      </c>
      <c r="JY10" s="61">
        <v>0</v>
      </c>
      <c r="JZ10" s="61">
        <v>0</v>
      </c>
      <c r="KA10" s="62">
        <v>0</v>
      </c>
      <c r="KB10" s="63">
        <v>0</v>
      </c>
      <c r="KC10" s="60">
        <v>298</v>
      </c>
      <c r="KD10" s="61">
        <v>366</v>
      </c>
      <c r="KE10" s="62">
        <v>664</v>
      </c>
      <c r="KF10" s="231"/>
      <c r="KG10" s="61">
        <v>425</v>
      </c>
      <c r="KH10" s="61">
        <v>458</v>
      </c>
      <c r="KI10" s="61">
        <v>325</v>
      </c>
      <c r="KJ10" s="61">
        <v>241</v>
      </c>
      <c r="KK10" s="61">
        <v>149</v>
      </c>
      <c r="KL10" s="62">
        <v>1598</v>
      </c>
      <c r="KM10" s="63">
        <v>2262</v>
      </c>
    </row>
    <row r="11" spans="2:299" ht="21" customHeight="1" x14ac:dyDescent="0.2">
      <c r="B11" s="472" t="s">
        <v>7</v>
      </c>
      <c r="C11" s="293">
        <v>230</v>
      </c>
      <c r="D11" s="72">
        <v>176</v>
      </c>
      <c r="E11" s="73">
        <v>406</v>
      </c>
      <c r="F11" s="228"/>
      <c r="G11" s="72">
        <v>485</v>
      </c>
      <c r="H11" s="72">
        <v>334</v>
      </c>
      <c r="I11" s="72">
        <v>193</v>
      </c>
      <c r="J11" s="72">
        <v>166</v>
      </c>
      <c r="K11" s="72">
        <v>89</v>
      </c>
      <c r="L11" s="74">
        <v>1267</v>
      </c>
      <c r="M11" s="75">
        <v>1673</v>
      </c>
      <c r="N11" s="60">
        <v>1</v>
      </c>
      <c r="O11" s="61">
        <v>1</v>
      </c>
      <c r="P11" s="62">
        <v>2</v>
      </c>
      <c r="Q11" s="231"/>
      <c r="R11" s="61">
        <v>6</v>
      </c>
      <c r="S11" s="61">
        <v>3</v>
      </c>
      <c r="T11" s="61">
        <v>3</v>
      </c>
      <c r="U11" s="61">
        <v>0</v>
      </c>
      <c r="V11" s="61">
        <v>1</v>
      </c>
      <c r="W11" s="62">
        <v>13</v>
      </c>
      <c r="X11" s="63">
        <v>15</v>
      </c>
      <c r="Y11" s="60">
        <v>6</v>
      </c>
      <c r="Z11" s="61">
        <v>6</v>
      </c>
      <c r="AA11" s="62">
        <v>12</v>
      </c>
      <c r="AB11" s="231"/>
      <c r="AC11" s="61">
        <v>18</v>
      </c>
      <c r="AD11" s="61">
        <v>15</v>
      </c>
      <c r="AE11" s="61">
        <v>10</v>
      </c>
      <c r="AF11" s="61">
        <v>2</v>
      </c>
      <c r="AG11" s="61">
        <v>3</v>
      </c>
      <c r="AH11" s="62">
        <v>48</v>
      </c>
      <c r="AI11" s="63">
        <v>60</v>
      </c>
      <c r="AJ11" s="60">
        <v>13</v>
      </c>
      <c r="AK11" s="61">
        <v>16</v>
      </c>
      <c r="AL11" s="62">
        <v>29</v>
      </c>
      <c r="AM11" s="231"/>
      <c r="AN11" s="61">
        <v>39</v>
      </c>
      <c r="AO11" s="61">
        <v>31</v>
      </c>
      <c r="AP11" s="61">
        <v>14</v>
      </c>
      <c r="AQ11" s="61">
        <v>11</v>
      </c>
      <c r="AR11" s="61">
        <v>8</v>
      </c>
      <c r="AS11" s="62">
        <v>103</v>
      </c>
      <c r="AT11" s="63">
        <v>132</v>
      </c>
      <c r="AU11" s="60">
        <v>39</v>
      </c>
      <c r="AV11" s="61">
        <v>34</v>
      </c>
      <c r="AW11" s="62">
        <v>73</v>
      </c>
      <c r="AX11" s="231"/>
      <c r="AY11" s="61">
        <v>95</v>
      </c>
      <c r="AZ11" s="61">
        <v>69</v>
      </c>
      <c r="BA11" s="61">
        <v>35</v>
      </c>
      <c r="BB11" s="61">
        <v>31</v>
      </c>
      <c r="BC11" s="61">
        <v>24</v>
      </c>
      <c r="BD11" s="62">
        <v>254</v>
      </c>
      <c r="BE11" s="63">
        <v>327</v>
      </c>
      <c r="BF11" s="60">
        <v>95</v>
      </c>
      <c r="BG11" s="61">
        <v>66</v>
      </c>
      <c r="BH11" s="62">
        <v>161</v>
      </c>
      <c r="BI11" s="231"/>
      <c r="BJ11" s="61">
        <v>161</v>
      </c>
      <c r="BK11" s="61">
        <v>102</v>
      </c>
      <c r="BL11" s="61">
        <v>56</v>
      </c>
      <c r="BM11" s="61">
        <v>51</v>
      </c>
      <c r="BN11" s="61">
        <v>27</v>
      </c>
      <c r="BO11" s="62">
        <v>397</v>
      </c>
      <c r="BP11" s="63">
        <v>558</v>
      </c>
      <c r="BQ11" s="60">
        <v>76</v>
      </c>
      <c r="BR11" s="61">
        <v>53</v>
      </c>
      <c r="BS11" s="62">
        <v>129</v>
      </c>
      <c r="BT11" s="231"/>
      <c r="BU11" s="61">
        <v>166</v>
      </c>
      <c r="BV11" s="61">
        <v>114</v>
      </c>
      <c r="BW11" s="61">
        <v>75</v>
      </c>
      <c r="BX11" s="61">
        <v>71</v>
      </c>
      <c r="BY11" s="61">
        <v>26</v>
      </c>
      <c r="BZ11" s="62">
        <v>452</v>
      </c>
      <c r="CA11" s="63">
        <v>581</v>
      </c>
      <c r="CB11" s="60">
        <v>0</v>
      </c>
      <c r="CC11" s="61">
        <v>0</v>
      </c>
      <c r="CD11" s="62">
        <v>0</v>
      </c>
      <c r="CE11" s="231"/>
      <c r="CF11" s="61">
        <v>0</v>
      </c>
      <c r="CG11" s="61">
        <v>0</v>
      </c>
      <c r="CH11" s="61">
        <v>0</v>
      </c>
      <c r="CI11" s="61">
        <v>0</v>
      </c>
      <c r="CJ11" s="61">
        <v>0</v>
      </c>
      <c r="CK11" s="62">
        <v>0</v>
      </c>
      <c r="CL11" s="63">
        <v>0</v>
      </c>
      <c r="CM11" s="60">
        <v>230</v>
      </c>
      <c r="CN11" s="61">
        <v>176</v>
      </c>
      <c r="CO11" s="62">
        <v>406</v>
      </c>
      <c r="CP11" s="231"/>
      <c r="CQ11" s="61">
        <v>485</v>
      </c>
      <c r="CR11" s="61">
        <v>334</v>
      </c>
      <c r="CS11" s="61">
        <v>193</v>
      </c>
      <c r="CT11" s="61">
        <v>166</v>
      </c>
      <c r="CU11" s="61">
        <v>89</v>
      </c>
      <c r="CV11" s="62">
        <v>1267</v>
      </c>
      <c r="CW11" s="63">
        <v>1673</v>
      </c>
      <c r="CX11" s="113">
        <v>28</v>
      </c>
      <c r="CY11" s="72">
        <v>33</v>
      </c>
      <c r="CZ11" s="73">
        <v>61</v>
      </c>
      <c r="DA11" s="228"/>
      <c r="DB11" s="72">
        <v>70</v>
      </c>
      <c r="DC11" s="72">
        <v>39</v>
      </c>
      <c r="DD11" s="72">
        <v>33</v>
      </c>
      <c r="DE11" s="72">
        <v>20</v>
      </c>
      <c r="DF11" s="72">
        <v>18</v>
      </c>
      <c r="DG11" s="74">
        <v>180</v>
      </c>
      <c r="DH11" s="75">
        <v>241</v>
      </c>
      <c r="DI11" s="60">
        <v>1</v>
      </c>
      <c r="DJ11" s="61">
        <v>0</v>
      </c>
      <c r="DK11" s="62">
        <v>1</v>
      </c>
      <c r="DL11" s="231"/>
      <c r="DM11" s="61">
        <v>1</v>
      </c>
      <c r="DN11" s="61">
        <v>0</v>
      </c>
      <c r="DO11" s="61">
        <v>0</v>
      </c>
      <c r="DP11" s="61">
        <v>0</v>
      </c>
      <c r="DQ11" s="61">
        <v>0</v>
      </c>
      <c r="DR11" s="62">
        <v>1</v>
      </c>
      <c r="DS11" s="63">
        <v>2</v>
      </c>
      <c r="DT11" s="60">
        <v>4</v>
      </c>
      <c r="DU11" s="61">
        <v>2</v>
      </c>
      <c r="DV11" s="62">
        <v>6</v>
      </c>
      <c r="DW11" s="231"/>
      <c r="DX11" s="61">
        <v>1</v>
      </c>
      <c r="DY11" s="61">
        <v>1</v>
      </c>
      <c r="DZ11" s="61">
        <v>1</v>
      </c>
      <c r="EA11" s="61">
        <v>1</v>
      </c>
      <c r="EB11" s="61">
        <v>0</v>
      </c>
      <c r="EC11" s="62">
        <v>4</v>
      </c>
      <c r="ED11" s="63">
        <v>10</v>
      </c>
      <c r="EE11" s="60">
        <v>5</v>
      </c>
      <c r="EF11" s="61">
        <v>7</v>
      </c>
      <c r="EG11" s="62">
        <v>12</v>
      </c>
      <c r="EH11" s="231"/>
      <c r="EI11" s="61">
        <v>3</v>
      </c>
      <c r="EJ11" s="61">
        <v>4</v>
      </c>
      <c r="EK11" s="61">
        <v>3</v>
      </c>
      <c r="EL11" s="61">
        <v>3</v>
      </c>
      <c r="EM11" s="61">
        <v>2</v>
      </c>
      <c r="EN11" s="62">
        <v>15</v>
      </c>
      <c r="EO11" s="63">
        <v>27</v>
      </c>
      <c r="EP11" s="60">
        <v>5</v>
      </c>
      <c r="EQ11" s="61">
        <v>4</v>
      </c>
      <c r="ER11" s="62">
        <v>9</v>
      </c>
      <c r="ES11" s="231"/>
      <c r="ET11" s="61">
        <v>13</v>
      </c>
      <c r="EU11" s="61">
        <v>6</v>
      </c>
      <c r="EV11" s="61">
        <v>3</v>
      </c>
      <c r="EW11" s="61">
        <v>0</v>
      </c>
      <c r="EX11" s="61">
        <v>2</v>
      </c>
      <c r="EY11" s="62">
        <v>24</v>
      </c>
      <c r="EZ11" s="63">
        <v>33</v>
      </c>
      <c r="FA11" s="60">
        <v>4</v>
      </c>
      <c r="FB11" s="61">
        <v>15</v>
      </c>
      <c r="FC11" s="62">
        <v>19</v>
      </c>
      <c r="FD11" s="231"/>
      <c r="FE11" s="61">
        <v>20</v>
      </c>
      <c r="FF11" s="61">
        <v>10</v>
      </c>
      <c r="FG11" s="61">
        <v>10</v>
      </c>
      <c r="FH11" s="61">
        <v>5</v>
      </c>
      <c r="FI11" s="61">
        <v>6</v>
      </c>
      <c r="FJ11" s="62">
        <v>51</v>
      </c>
      <c r="FK11" s="63">
        <v>70</v>
      </c>
      <c r="FL11" s="60">
        <v>9</v>
      </c>
      <c r="FM11" s="61">
        <v>5</v>
      </c>
      <c r="FN11" s="62">
        <v>14</v>
      </c>
      <c r="FO11" s="231"/>
      <c r="FP11" s="61">
        <v>32</v>
      </c>
      <c r="FQ11" s="61">
        <v>18</v>
      </c>
      <c r="FR11" s="61">
        <v>16</v>
      </c>
      <c r="FS11" s="61">
        <v>11</v>
      </c>
      <c r="FT11" s="61">
        <v>8</v>
      </c>
      <c r="FU11" s="62">
        <v>85</v>
      </c>
      <c r="FV11" s="63">
        <v>99</v>
      </c>
      <c r="FW11" s="60">
        <v>0</v>
      </c>
      <c r="FX11" s="61">
        <v>0</v>
      </c>
      <c r="FY11" s="62">
        <v>0</v>
      </c>
      <c r="FZ11" s="231"/>
      <c r="GA11" s="61">
        <v>0</v>
      </c>
      <c r="GB11" s="61">
        <v>0</v>
      </c>
      <c r="GC11" s="61">
        <v>0</v>
      </c>
      <c r="GD11" s="61">
        <v>0</v>
      </c>
      <c r="GE11" s="61">
        <v>0</v>
      </c>
      <c r="GF11" s="62">
        <v>0</v>
      </c>
      <c r="GG11" s="63">
        <v>0</v>
      </c>
      <c r="GH11" s="60">
        <v>28</v>
      </c>
      <c r="GI11" s="61">
        <v>33</v>
      </c>
      <c r="GJ11" s="62">
        <v>61</v>
      </c>
      <c r="GK11" s="231"/>
      <c r="GL11" s="61">
        <v>70</v>
      </c>
      <c r="GM11" s="61">
        <v>39</v>
      </c>
      <c r="GN11" s="61">
        <v>33</v>
      </c>
      <c r="GO11" s="61">
        <v>20</v>
      </c>
      <c r="GP11" s="61">
        <v>18</v>
      </c>
      <c r="GQ11" s="62">
        <v>180</v>
      </c>
      <c r="GR11" s="63">
        <v>241</v>
      </c>
      <c r="GS11" s="113">
        <v>258</v>
      </c>
      <c r="GT11" s="72">
        <v>209</v>
      </c>
      <c r="GU11" s="73">
        <v>467</v>
      </c>
      <c r="GV11" s="228"/>
      <c r="GW11" s="72">
        <v>555</v>
      </c>
      <c r="GX11" s="72">
        <v>373</v>
      </c>
      <c r="GY11" s="72">
        <v>226</v>
      </c>
      <c r="GZ11" s="72">
        <v>186</v>
      </c>
      <c r="HA11" s="72">
        <v>107</v>
      </c>
      <c r="HB11" s="74">
        <v>1447</v>
      </c>
      <c r="HC11" s="75">
        <v>1914</v>
      </c>
      <c r="HD11" s="60">
        <v>2</v>
      </c>
      <c r="HE11" s="61">
        <v>1</v>
      </c>
      <c r="HF11" s="62">
        <v>3</v>
      </c>
      <c r="HG11" s="231"/>
      <c r="HH11" s="61">
        <v>7</v>
      </c>
      <c r="HI11" s="61">
        <v>3</v>
      </c>
      <c r="HJ11" s="61">
        <v>3</v>
      </c>
      <c r="HK11" s="61">
        <v>0</v>
      </c>
      <c r="HL11" s="61">
        <v>1</v>
      </c>
      <c r="HM11" s="62">
        <v>14</v>
      </c>
      <c r="HN11" s="63">
        <v>17</v>
      </c>
      <c r="HO11" s="60">
        <v>10</v>
      </c>
      <c r="HP11" s="61">
        <v>8</v>
      </c>
      <c r="HQ11" s="62">
        <v>18</v>
      </c>
      <c r="HR11" s="231"/>
      <c r="HS11" s="61">
        <v>19</v>
      </c>
      <c r="HT11" s="61">
        <v>16</v>
      </c>
      <c r="HU11" s="61">
        <v>11</v>
      </c>
      <c r="HV11" s="61">
        <v>3</v>
      </c>
      <c r="HW11" s="61">
        <v>3</v>
      </c>
      <c r="HX11" s="62">
        <v>52</v>
      </c>
      <c r="HY11" s="63">
        <v>70</v>
      </c>
      <c r="HZ11" s="60">
        <v>18</v>
      </c>
      <c r="IA11" s="61">
        <v>23</v>
      </c>
      <c r="IB11" s="62">
        <v>41</v>
      </c>
      <c r="IC11" s="231"/>
      <c r="ID11" s="61">
        <v>42</v>
      </c>
      <c r="IE11" s="61">
        <v>35</v>
      </c>
      <c r="IF11" s="61">
        <v>17</v>
      </c>
      <c r="IG11" s="61">
        <v>14</v>
      </c>
      <c r="IH11" s="61">
        <v>10</v>
      </c>
      <c r="II11" s="62">
        <v>118</v>
      </c>
      <c r="IJ11" s="63">
        <v>159</v>
      </c>
      <c r="IK11" s="60">
        <v>44</v>
      </c>
      <c r="IL11" s="61">
        <v>38</v>
      </c>
      <c r="IM11" s="62">
        <v>82</v>
      </c>
      <c r="IN11" s="231"/>
      <c r="IO11" s="61">
        <v>108</v>
      </c>
      <c r="IP11" s="61">
        <v>75</v>
      </c>
      <c r="IQ11" s="61">
        <v>38</v>
      </c>
      <c r="IR11" s="61">
        <v>31</v>
      </c>
      <c r="IS11" s="61">
        <v>26</v>
      </c>
      <c r="IT11" s="62">
        <v>278</v>
      </c>
      <c r="IU11" s="63">
        <v>360</v>
      </c>
      <c r="IV11" s="60">
        <v>99</v>
      </c>
      <c r="IW11" s="61">
        <v>81</v>
      </c>
      <c r="IX11" s="62">
        <v>180</v>
      </c>
      <c r="IY11" s="231"/>
      <c r="IZ11" s="61">
        <v>181</v>
      </c>
      <c r="JA11" s="61">
        <v>112</v>
      </c>
      <c r="JB11" s="61">
        <v>66</v>
      </c>
      <c r="JC11" s="61">
        <v>56</v>
      </c>
      <c r="JD11" s="61">
        <v>33</v>
      </c>
      <c r="JE11" s="62">
        <v>448</v>
      </c>
      <c r="JF11" s="63">
        <v>628</v>
      </c>
      <c r="JG11" s="60">
        <v>85</v>
      </c>
      <c r="JH11" s="61">
        <v>58</v>
      </c>
      <c r="JI11" s="62">
        <v>143</v>
      </c>
      <c r="JJ11" s="231"/>
      <c r="JK11" s="61">
        <v>198</v>
      </c>
      <c r="JL11" s="61">
        <v>132</v>
      </c>
      <c r="JM11" s="61">
        <v>91</v>
      </c>
      <c r="JN11" s="61">
        <v>82</v>
      </c>
      <c r="JO11" s="61">
        <v>34</v>
      </c>
      <c r="JP11" s="62">
        <v>537</v>
      </c>
      <c r="JQ11" s="63">
        <v>680</v>
      </c>
      <c r="JR11" s="60">
        <v>0</v>
      </c>
      <c r="JS11" s="61">
        <v>0</v>
      </c>
      <c r="JT11" s="62">
        <v>0</v>
      </c>
      <c r="JU11" s="231"/>
      <c r="JV11" s="61">
        <v>0</v>
      </c>
      <c r="JW11" s="61">
        <v>0</v>
      </c>
      <c r="JX11" s="61">
        <v>0</v>
      </c>
      <c r="JY11" s="61">
        <v>0</v>
      </c>
      <c r="JZ11" s="61">
        <v>0</v>
      </c>
      <c r="KA11" s="62">
        <v>0</v>
      </c>
      <c r="KB11" s="63">
        <v>0</v>
      </c>
      <c r="KC11" s="60">
        <v>258</v>
      </c>
      <c r="KD11" s="61">
        <v>209</v>
      </c>
      <c r="KE11" s="62">
        <v>467</v>
      </c>
      <c r="KF11" s="231"/>
      <c r="KG11" s="61">
        <v>555</v>
      </c>
      <c r="KH11" s="61">
        <v>373</v>
      </c>
      <c r="KI11" s="61">
        <v>226</v>
      </c>
      <c r="KJ11" s="61">
        <v>186</v>
      </c>
      <c r="KK11" s="61">
        <v>107</v>
      </c>
      <c r="KL11" s="62">
        <v>1447</v>
      </c>
      <c r="KM11" s="63">
        <v>1914</v>
      </c>
    </row>
    <row r="12" spans="2:299" ht="21" customHeight="1" x14ac:dyDescent="0.2">
      <c r="B12" s="472" t="s">
        <v>8</v>
      </c>
      <c r="C12" s="293">
        <v>98</v>
      </c>
      <c r="D12" s="72">
        <v>75</v>
      </c>
      <c r="E12" s="73">
        <v>173</v>
      </c>
      <c r="F12" s="228"/>
      <c r="G12" s="72">
        <v>145</v>
      </c>
      <c r="H12" s="72">
        <v>109</v>
      </c>
      <c r="I12" s="72">
        <v>98</v>
      </c>
      <c r="J12" s="72">
        <v>57</v>
      </c>
      <c r="K12" s="72">
        <v>48</v>
      </c>
      <c r="L12" s="74">
        <v>457</v>
      </c>
      <c r="M12" s="75">
        <v>630</v>
      </c>
      <c r="N12" s="60">
        <v>2</v>
      </c>
      <c r="O12" s="61">
        <v>2</v>
      </c>
      <c r="P12" s="62">
        <v>4</v>
      </c>
      <c r="Q12" s="231"/>
      <c r="R12" s="61">
        <v>2</v>
      </c>
      <c r="S12" s="61">
        <v>2</v>
      </c>
      <c r="T12" s="61">
        <v>6</v>
      </c>
      <c r="U12" s="61">
        <v>1</v>
      </c>
      <c r="V12" s="61">
        <v>0</v>
      </c>
      <c r="W12" s="62">
        <v>11</v>
      </c>
      <c r="X12" s="63">
        <v>15</v>
      </c>
      <c r="Y12" s="60">
        <v>1</v>
      </c>
      <c r="Z12" s="61">
        <v>5</v>
      </c>
      <c r="AA12" s="62">
        <v>6</v>
      </c>
      <c r="AB12" s="231"/>
      <c r="AC12" s="61">
        <v>8</v>
      </c>
      <c r="AD12" s="61">
        <v>7</v>
      </c>
      <c r="AE12" s="61">
        <v>1</v>
      </c>
      <c r="AF12" s="61">
        <v>7</v>
      </c>
      <c r="AG12" s="61">
        <v>2</v>
      </c>
      <c r="AH12" s="62">
        <v>25</v>
      </c>
      <c r="AI12" s="63">
        <v>31</v>
      </c>
      <c r="AJ12" s="60">
        <v>5</v>
      </c>
      <c r="AK12" s="61">
        <v>7</v>
      </c>
      <c r="AL12" s="62">
        <v>12</v>
      </c>
      <c r="AM12" s="231"/>
      <c r="AN12" s="61">
        <v>10</v>
      </c>
      <c r="AO12" s="61">
        <v>10</v>
      </c>
      <c r="AP12" s="61">
        <v>3</v>
      </c>
      <c r="AQ12" s="61">
        <v>9</v>
      </c>
      <c r="AR12" s="61">
        <v>5</v>
      </c>
      <c r="AS12" s="62">
        <v>37</v>
      </c>
      <c r="AT12" s="63">
        <v>49</v>
      </c>
      <c r="AU12" s="60">
        <v>19</v>
      </c>
      <c r="AV12" s="61">
        <v>8</v>
      </c>
      <c r="AW12" s="62">
        <v>27</v>
      </c>
      <c r="AX12" s="231"/>
      <c r="AY12" s="61">
        <v>30</v>
      </c>
      <c r="AZ12" s="61">
        <v>26</v>
      </c>
      <c r="BA12" s="61">
        <v>12</v>
      </c>
      <c r="BB12" s="61">
        <v>7</v>
      </c>
      <c r="BC12" s="61">
        <v>10</v>
      </c>
      <c r="BD12" s="62">
        <v>85</v>
      </c>
      <c r="BE12" s="63">
        <v>112</v>
      </c>
      <c r="BF12" s="60">
        <v>31</v>
      </c>
      <c r="BG12" s="61">
        <v>28</v>
      </c>
      <c r="BH12" s="62">
        <v>59</v>
      </c>
      <c r="BI12" s="231"/>
      <c r="BJ12" s="61">
        <v>40</v>
      </c>
      <c r="BK12" s="61">
        <v>21</v>
      </c>
      <c r="BL12" s="61">
        <v>25</v>
      </c>
      <c r="BM12" s="61">
        <v>11</v>
      </c>
      <c r="BN12" s="61">
        <v>15</v>
      </c>
      <c r="BO12" s="62">
        <v>112</v>
      </c>
      <c r="BP12" s="63">
        <v>171</v>
      </c>
      <c r="BQ12" s="60">
        <v>40</v>
      </c>
      <c r="BR12" s="61">
        <v>25</v>
      </c>
      <c r="BS12" s="62">
        <v>65</v>
      </c>
      <c r="BT12" s="231"/>
      <c r="BU12" s="61">
        <v>55</v>
      </c>
      <c r="BV12" s="61">
        <v>43</v>
      </c>
      <c r="BW12" s="61">
        <v>51</v>
      </c>
      <c r="BX12" s="61">
        <v>22</v>
      </c>
      <c r="BY12" s="61">
        <v>16</v>
      </c>
      <c r="BZ12" s="62">
        <v>187</v>
      </c>
      <c r="CA12" s="63">
        <v>252</v>
      </c>
      <c r="CB12" s="60">
        <v>0</v>
      </c>
      <c r="CC12" s="61">
        <v>0</v>
      </c>
      <c r="CD12" s="62">
        <v>0</v>
      </c>
      <c r="CE12" s="231"/>
      <c r="CF12" s="61">
        <v>0</v>
      </c>
      <c r="CG12" s="61">
        <v>0</v>
      </c>
      <c r="CH12" s="61">
        <v>0</v>
      </c>
      <c r="CI12" s="61">
        <v>0</v>
      </c>
      <c r="CJ12" s="61">
        <v>0</v>
      </c>
      <c r="CK12" s="62">
        <v>0</v>
      </c>
      <c r="CL12" s="63">
        <v>0</v>
      </c>
      <c r="CM12" s="60">
        <v>98</v>
      </c>
      <c r="CN12" s="61">
        <v>75</v>
      </c>
      <c r="CO12" s="62">
        <v>173</v>
      </c>
      <c r="CP12" s="231"/>
      <c r="CQ12" s="61">
        <v>145</v>
      </c>
      <c r="CR12" s="61">
        <v>109</v>
      </c>
      <c r="CS12" s="61">
        <v>98</v>
      </c>
      <c r="CT12" s="61">
        <v>57</v>
      </c>
      <c r="CU12" s="61">
        <v>48</v>
      </c>
      <c r="CV12" s="62">
        <v>457</v>
      </c>
      <c r="CW12" s="63">
        <v>630</v>
      </c>
      <c r="CX12" s="113">
        <v>11</v>
      </c>
      <c r="CY12" s="72">
        <v>6</v>
      </c>
      <c r="CZ12" s="73">
        <v>17</v>
      </c>
      <c r="DA12" s="228"/>
      <c r="DB12" s="72">
        <v>21</v>
      </c>
      <c r="DC12" s="72">
        <v>27</v>
      </c>
      <c r="DD12" s="72">
        <v>21</v>
      </c>
      <c r="DE12" s="72">
        <v>10</v>
      </c>
      <c r="DF12" s="72">
        <v>2</v>
      </c>
      <c r="DG12" s="74">
        <v>81</v>
      </c>
      <c r="DH12" s="75">
        <v>98</v>
      </c>
      <c r="DI12" s="60">
        <v>1</v>
      </c>
      <c r="DJ12" s="61">
        <v>0</v>
      </c>
      <c r="DK12" s="62">
        <v>1</v>
      </c>
      <c r="DL12" s="231"/>
      <c r="DM12" s="61">
        <v>0</v>
      </c>
      <c r="DN12" s="61">
        <v>1</v>
      </c>
      <c r="DO12" s="61">
        <v>0</v>
      </c>
      <c r="DP12" s="61">
        <v>0</v>
      </c>
      <c r="DQ12" s="61">
        <v>0</v>
      </c>
      <c r="DR12" s="62">
        <v>1</v>
      </c>
      <c r="DS12" s="63">
        <v>2</v>
      </c>
      <c r="DT12" s="60">
        <v>1</v>
      </c>
      <c r="DU12" s="61">
        <v>1</v>
      </c>
      <c r="DV12" s="62">
        <v>2</v>
      </c>
      <c r="DW12" s="231"/>
      <c r="DX12" s="61">
        <v>1</v>
      </c>
      <c r="DY12" s="61">
        <v>2</v>
      </c>
      <c r="DZ12" s="61">
        <v>1</v>
      </c>
      <c r="EA12" s="61">
        <v>0</v>
      </c>
      <c r="EB12" s="61">
        <v>1</v>
      </c>
      <c r="EC12" s="62">
        <v>5</v>
      </c>
      <c r="ED12" s="63">
        <v>7</v>
      </c>
      <c r="EE12" s="60">
        <v>0</v>
      </c>
      <c r="EF12" s="61">
        <v>1</v>
      </c>
      <c r="EG12" s="62">
        <v>1</v>
      </c>
      <c r="EH12" s="231"/>
      <c r="EI12" s="61">
        <v>3</v>
      </c>
      <c r="EJ12" s="61">
        <v>2</v>
      </c>
      <c r="EK12" s="61">
        <v>1</v>
      </c>
      <c r="EL12" s="61">
        <v>1</v>
      </c>
      <c r="EM12" s="61">
        <v>0</v>
      </c>
      <c r="EN12" s="62">
        <v>7</v>
      </c>
      <c r="EO12" s="63">
        <v>8</v>
      </c>
      <c r="EP12" s="60">
        <v>3</v>
      </c>
      <c r="EQ12" s="61">
        <v>1</v>
      </c>
      <c r="ER12" s="62">
        <v>4</v>
      </c>
      <c r="ES12" s="231"/>
      <c r="ET12" s="61">
        <v>3</v>
      </c>
      <c r="EU12" s="61">
        <v>3</v>
      </c>
      <c r="EV12" s="61">
        <v>4</v>
      </c>
      <c r="EW12" s="61">
        <v>0</v>
      </c>
      <c r="EX12" s="61">
        <v>0</v>
      </c>
      <c r="EY12" s="62">
        <v>10</v>
      </c>
      <c r="EZ12" s="63">
        <v>14</v>
      </c>
      <c r="FA12" s="60">
        <v>3</v>
      </c>
      <c r="FB12" s="61">
        <v>2</v>
      </c>
      <c r="FC12" s="62">
        <v>5</v>
      </c>
      <c r="FD12" s="231"/>
      <c r="FE12" s="61">
        <v>6</v>
      </c>
      <c r="FF12" s="61">
        <v>7</v>
      </c>
      <c r="FG12" s="61">
        <v>4</v>
      </c>
      <c r="FH12" s="61">
        <v>1</v>
      </c>
      <c r="FI12" s="61">
        <v>0</v>
      </c>
      <c r="FJ12" s="62">
        <v>18</v>
      </c>
      <c r="FK12" s="63">
        <v>23</v>
      </c>
      <c r="FL12" s="60">
        <v>3</v>
      </c>
      <c r="FM12" s="61">
        <v>1</v>
      </c>
      <c r="FN12" s="62">
        <v>4</v>
      </c>
      <c r="FO12" s="231"/>
      <c r="FP12" s="61">
        <v>8</v>
      </c>
      <c r="FQ12" s="61">
        <v>12</v>
      </c>
      <c r="FR12" s="61">
        <v>11</v>
      </c>
      <c r="FS12" s="61">
        <v>8</v>
      </c>
      <c r="FT12" s="61">
        <v>1</v>
      </c>
      <c r="FU12" s="62">
        <v>40</v>
      </c>
      <c r="FV12" s="63">
        <v>44</v>
      </c>
      <c r="FW12" s="60">
        <v>0</v>
      </c>
      <c r="FX12" s="61">
        <v>0</v>
      </c>
      <c r="FY12" s="62">
        <v>0</v>
      </c>
      <c r="FZ12" s="231"/>
      <c r="GA12" s="61">
        <v>0</v>
      </c>
      <c r="GB12" s="61">
        <v>0</v>
      </c>
      <c r="GC12" s="61">
        <v>0</v>
      </c>
      <c r="GD12" s="61">
        <v>0</v>
      </c>
      <c r="GE12" s="61">
        <v>0</v>
      </c>
      <c r="GF12" s="62">
        <v>0</v>
      </c>
      <c r="GG12" s="63">
        <v>0</v>
      </c>
      <c r="GH12" s="60">
        <v>11</v>
      </c>
      <c r="GI12" s="61">
        <v>6</v>
      </c>
      <c r="GJ12" s="62">
        <v>17</v>
      </c>
      <c r="GK12" s="231"/>
      <c r="GL12" s="61">
        <v>21</v>
      </c>
      <c r="GM12" s="61">
        <v>27</v>
      </c>
      <c r="GN12" s="61">
        <v>21</v>
      </c>
      <c r="GO12" s="61">
        <v>10</v>
      </c>
      <c r="GP12" s="61">
        <v>2</v>
      </c>
      <c r="GQ12" s="62">
        <v>81</v>
      </c>
      <c r="GR12" s="63">
        <v>98</v>
      </c>
      <c r="GS12" s="113">
        <v>109</v>
      </c>
      <c r="GT12" s="72">
        <v>81</v>
      </c>
      <c r="GU12" s="73">
        <v>190</v>
      </c>
      <c r="GV12" s="228"/>
      <c r="GW12" s="72">
        <v>166</v>
      </c>
      <c r="GX12" s="72">
        <v>136</v>
      </c>
      <c r="GY12" s="72">
        <v>119</v>
      </c>
      <c r="GZ12" s="72">
        <v>67</v>
      </c>
      <c r="HA12" s="72">
        <v>50</v>
      </c>
      <c r="HB12" s="74">
        <v>538</v>
      </c>
      <c r="HC12" s="75">
        <v>728</v>
      </c>
      <c r="HD12" s="60">
        <v>3</v>
      </c>
      <c r="HE12" s="61">
        <v>2</v>
      </c>
      <c r="HF12" s="62">
        <v>5</v>
      </c>
      <c r="HG12" s="231"/>
      <c r="HH12" s="61">
        <v>2</v>
      </c>
      <c r="HI12" s="61">
        <v>3</v>
      </c>
      <c r="HJ12" s="61">
        <v>6</v>
      </c>
      <c r="HK12" s="61">
        <v>1</v>
      </c>
      <c r="HL12" s="61">
        <v>0</v>
      </c>
      <c r="HM12" s="62">
        <v>12</v>
      </c>
      <c r="HN12" s="63">
        <v>17</v>
      </c>
      <c r="HO12" s="60">
        <v>2</v>
      </c>
      <c r="HP12" s="61">
        <v>6</v>
      </c>
      <c r="HQ12" s="62">
        <v>8</v>
      </c>
      <c r="HR12" s="231"/>
      <c r="HS12" s="61">
        <v>9</v>
      </c>
      <c r="HT12" s="61">
        <v>9</v>
      </c>
      <c r="HU12" s="61">
        <v>2</v>
      </c>
      <c r="HV12" s="61">
        <v>7</v>
      </c>
      <c r="HW12" s="61">
        <v>3</v>
      </c>
      <c r="HX12" s="62">
        <v>30</v>
      </c>
      <c r="HY12" s="63">
        <v>38</v>
      </c>
      <c r="HZ12" s="60">
        <v>5</v>
      </c>
      <c r="IA12" s="61">
        <v>8</v>
      </c>
      <c r="IB12" s="62">
        <v>13</v>
      </c>
      <c r="IC12" s="231"/>
      <c r="ID12" s="61">
        <v>13</v>
      </c>
      <c r="IE12" s="61">
        <v>12</v>
      </c>
      <c r="IF12" s="61">
        <v>4</v>
      </c>
      <c r="IG12" s="61">
        <v>10</v>
      </c>
      <c r="IH12" s="61">
        <v>5</v>
      </c>
      <c r="II12" s="62">
        <v>44</v>
      </c>
      <c r="IJ12" s="63">
        <v>57</v>
      </c>
      <c r="IK12" s="60">
        <v>22</v>
      </c>
      <c r="IL12" s="61">
        <v>9</v>
      </c>
      <c r="IM12" s="62">
        <v>31</v>
      </c>
      <c r="IN12" s="231"/>
      <c r="IO12" s="61">
        <v>33</v>
      </c>
      <c r="IP12" s="61">
        <v>29</v>
      </c>
      <c r="IQ12" s="61">
        <v>16</v>
      </c>
      <c r="IR12" s="61">
        <v>7</v>
      </c>
      <c r="IS12" s="61">
        <v>10</v>
      </c>
      <c r="IT12" s="62">
        <v>95</v>
      </c>
      <c r="IU12" s="63">
        <v>126</v>
      </c>
      <c r="IV12" s="60">
        <v>34</v>
      </c>
      <c r="IW12" s="61">
        <v>30</v>
      </c>
      <c r="IX12" s="62">
        <v>64</v>
      </c>
      <c r="IY12" s="231"/>
      <c r="IZ12" s="61">
        <v>46</v>
      </c>
      <c r="JA12" s="61">
        <v>28</v>
      </c>
      <c r="JB12" s="61">
        <v>29</v>
      </c>
      <c r="JC12" s="61">
        <v>12</v>
      </c>
      <c r="JD12" s="61">
        <v>15</v>
      </c>
      <c r="JE12" s="62">
        <v>130</v>
      </c>
      <c r="JF12" s="63">
        <v>194</v>
      </c>
      <c r="JG12" s="60">
        <v>43</v>
      </c>
      <c r="JH12" s="61">
        <v>26</v>
      </c>
      <c r="JI12" s="62">
        <v>69</v>
      </c>
      <c r="JJ12" s="231"/>
      <c r="JK12" s="61">
        <v>63</v>
      </c>
      <c r="JL12" s="61">
        <v>55</v>
      </c>
      <c r="JM12" s="61">
        <v>62</v>
      </c>
      <c r="JN12" s="61">
        <v>30</v>
      </c>
      <c r="JO12" s="61">
        <v>17</v>
      </c>
      <c r="JP12" s="62">
        <v>227</v>
      </c>
      <c r="JQ12" s="63">
        <v>296</v>
      </c>
      <c r="JR12" s="60">
        <v>0</v>
      </c>
      <c r="JS12" s="61">
        <v>0</v>
      </c>
      <c r="JT12" s="62">
        <v>0</v>
      </c>
      <c r="JU12" s="231"/>
      <c r="JV12" s="61">
        <v>0</v>
      </c>
      <c r="JW12" s="61">
        <v>0</v>
      </c>
      <c r="JX12" s="61">
        <v>0</v>
      </c>
      <c r="JY12" s="61">
        <v>0</v>
      </c>
      <c r="JZ12" s="61">
        <v>0</v>
      </c>
      <c r="KA12" s="62">
        <v>0</v>
      </c>
      <c r="KB12" s="63">
        <v>0</v>
      </c>
      <c r="KC12" s="60">
        <v>109</v>
      </c>
      <c r="KD12" s="61">
        <v>81</v>
      </c>
      <c r="KE12" s="62">
        <v>190</v>
      </c>
      <c r="KF12" s="231"/>
      <c r="KG12" s="61">
        <v>166</v>
      </c>
      <c r="KH12" s="61">
        <v>136</v>
      </c>
      <c r="KI12" s="61">
        <v>119</v>
      </c>
      <c r="KJ12" s="61">
        <v>67</v>
      </c>
      <c r="KK12" s="61">
        <v>50</v>
      </c>
      <c r="KL12" s="62">
        <v>538</v>
      </c>
      <c r="KM12" s="63">
        <v>728</v>
      </c>
    </row>
    <row r="13" spans="2:299" ht="21" customHeight="1" x14ac:dyDescent="0.2">
      <c r="B13" s="472" t="s">
        <v>9</v>
      </c>
      <c r="C13" s="293">
        <v>192</v>
      </c>
      <c r="D13" s="72">
        <v>96</v>
      </c>
      <c r="E13" s="73">
        <v>288</v>
      </c>
      <c r="F13" s="228"/>
      <c r="G13" s="72">
        <v>208</v>
      </c>
      <c r="H13" s="72">
        <v>134</v>
      </c>
      <c r="I13" s="72">
        <v>114</v>
      </c>
      <c r="J13" s="72">
        <v>91</v>
      </c>
      <c r="K13" s="72">
        <v>49</v>
      </c>
      <c r="L13" s="74">
        <v>596</v>
      </c>
      <c r="M13" s="75">
        <v>884</v>
      </c>
      <c r="N13" s="60">
        <v>0</v>
      </c>
      <c r="O13" s="61">
        <v>0</v>
      </c>
      <c r="P13" s="62">
        <v>0</v>
      </c>
      <c r="Q13" s="231"/>
      <c r="R13" s="61">
        <v>0</v>
      </c>
      <c r="S13" s="61">
        <v>0</v>
      </c>
      <c r="T13" s="61">
        <v>2</v>
      </c>
      <c r="U13" s="61">
        <v>0</v>
      </c>
      <c r="V13" s="61">
        <v>0</v>
      </c>
      <c r="W13" s="62">
        <v>2</v>
      </c>
      <c r="X13" s="63">
        <v>2</v>
      </c>
      <c r="Y13" s="60">
        <v>6</v>
      </c>
      <c r="Z13" s="61">
        <v>0</v>
      </c>
      <c r="AA13" s="62">
        <v>6</v>
      </c>
      <c r="AB13" s="231"/>
      <c r="AC13" s="61">
        <v>2</v>
      </c>
      <c r="AD13" s="61">
        <v>4</v>
      </c>
      <c r="AE13" s="61">
        <v>1</v>
      </c>
      <c r="AF13" s="61">
        <v>0</v>
      </c>
      <c r="AG13" s="61">
        <v>2</v>
      </c>
      <c r="AH13" s="62">
        <v>9</v>
      </c>
      <c r="AI13" s="63">
        <v>15</v>
      </c>
      <c r="AJ13" s="60">
        <v>11</v>
      </c>
      <c r="AK13" s="61">
        <v>4</v>
      </c>
      <c r="AL13" s="62">
        <v>15</v>
      </c>
      <c r="AM13" s="231"/>
      <c r="AN13" s="61">
        <v>10</v>
      </c>
      <c r="AO13" s="61">
        <v>11</v>
      </c>
      <c r="AP13" s="61">
        <v>7</v>
      </c>
      <c r="AQ13" s="61">
        <v>8</v>
      </c>
      <c r="AR13" s="61">
        <v>5</v>
      </c>
      <c r="AS13" s="62">
        <v>41</v>
      </c>
      <c r="AT13" s="63">
        <v>56</v>
      </c>
      <c r="AU13" s="60">
        <v>32</v>
      </c>
      <c r="AV13" s="61">
        <v>20</v>
      </c>
      <c r="AW13" s="62">
        <v>52</v>
      </c>
      <c r="AX13" s="231"/>
      <c r="AY13" s="61">
        <v>29</v>
      </c>
      <c r="AZ13" s="61">
        <v>17</v>
      </c>
      <c r="BA13" s="61">
        <v>13</v>
      </c>
      <c r="BB13" s="61">
        <v>12</v>
      </c>
      <c r="BC13" s="61">
        <v>8</v>
      </c>
      <c r="BD13" s="62">
        <v>79</v>
      </c>
      <c r="BE13" s="63">
        <v>131</v>
      </c>
      <c r="BF13" s="60">
        <v>66</v>
      </c>
      <c r="BG13" s="61">
        <v>38</v>
      </c>
      <c r="BH13" s="62">
        <v>104</v>
      </c>
      <c r="BI13" s="231"/>
      <c r="BJ13" s="61">
        <v>76</v>
      </c>
      <c r="BK13" s="61">
        <v>43</v>
      </c>
      <c r="BL13" s="61">
        <v>35</v>
      </c>
      <c r="BM13" s="61">
        <v>26</v>
      </c>
      <c r="BN13" s="61">
        <v>11</v>
      </c>
      <c r="BO13" s="62">
        <v>191</v>
      </c>
      <c r="BP13" s="63">
        <v>295</v>
      </c>
      <c r="BQ13" s="60">
        <v>77</v>
      </c>
      <c r="BR13" s="61">
        <v>34</v>
      </c>
      <c r="BS13" s="62">
        <v>111</v>
      </c>
      <c r="BT13" s="231"/>
      <c r="BU13" s="61">
        <v>91</v>
      </c>
      <c r="BV13" s="61">
        <v>59</v>
      </c>
      <c r="BW13" s="61">
        <v>56</v>
      </c>
      <c r="BX13" s="61">
        <v>45</v>
      </c>
      <c r="BY13" s="61">
        <v>23</v>
      </c>
      <c r="BZ13" s="62">
        <v>274</v>
      </c>
      <c r="CA13" s="63">
        <v>385</v>
      </c>
      <c r="CB13" s="60">
        <v>0</v>
      </c>
      <c r="CC13" s="61">
        <v>0</v>
      </c>
      <c r="CD13" s="62">
        <v>0</v>
      </c>
      <c r="CE13" s="231"/>
      <c r="CF13" s="61">
        <v>0</v>
      </c>
      <c r="CG13" s="61">
        <v>0</v>
      </c>
      <c r="CH13" s="61">
        <v>0</v>
      </c>
      <c r="CI13" s="61">
        <v>0</v>
      </c>
      <c r="CJ13" s="61">
        <v>0</v>
      </c>
      <c r="CK13" s="62">
        <v>0</v>
      </c>
      <c r="CL13" s="63">
        <v>0</v>
      </c>
      <c r="CM13" s="60">
        <v>192</v>
      </c>
      <c r="CN13" s="61">
        <v>96</v>
      </c>
      <c r="CO13" s="62">
        <v>288</v>
      </c>
      <c r="CP13" s="231"/>
      <c r="CQ13" s="61">
        <v>208</v>
      </c>
      <c r="CR13" s="61">
        <v>134</v>
      </c>
      <c r="CS13" s="61">
        <v>114</v>
      </c>
      <c r="CT13" s="61">
        <v>91</v>
      </c>
      <c r="CU13" s="61">
        <v>49</v>
      </c>
      <c r="CV13" s="62">
        <v>596</v>
      </c>
      <c r="CW13" s="63">
        <v>884</v>
      </c>
      <c r="CX13" s="113">
        <v>28</v>
      </c>
      <c r="CY13" s="72">
        <v>19</v>
      </c>
      <c r="CZ13" s="73">
        <v>47</v>
      </c>
      <c r="DA13" s="228"/>
      <c r="DB13" s="72">
        <v>28</v>
      </c>
      <c r="DC13" s="72">
        <v>25</v>
      </c>
      <c r="DD13" s="72">
        <v>26</v>
      </c>
      <c r="DE13" s="72">
        <v>12</v>
      </c>
      <c r="DF13" s="72">
        <v>8</v>
      </c>
      <c r="DG13" s="74">
        <v>99</v>
      </c>
      <c r="DH13" s="75">
        <v>146</v>
      </c>
      <c r="DI13" s="60">
        <v>1</v>
      </c>
      <c r="DJ13" s="61">
        <v>0</v>
      </c>
      <c r="DK13" s="62">
        <v>1</v>
      </c>
      <c r="DL13" s="231"/>
      <c r="DM13" s="61">
        <v>0</v>
      </c>
      <c r="DN13" s="61">
        <v>0</v>
      </c>
      <c r="DO13" s="61">
        <v>1</v>
      </c>
      <c r="DP13" s="61">
        <v>0</v>
      </c>
      <c r="DQ13" s="61">
        <v>0</v>
      </c>
      <c r="DR13" s="62">
        <v>1</v>
      </c>
      <c r="DS13" s="63">
        <v>2</v>
      </c>
      <c r="DT13" s="60">
        <v>3</v>
      </c>
      <c r="DU13" s="61">
        <v>4</v>
      </c>
      <c r="DV13" s="62">
        <v>7</v>
      </c>
      <c r="DW13" s="231"/>
      <c r="DX13" s="61">
        <v>1</v>
      </c>
      <c r="DY13" s="61">
        <v>1</v>
      </c>
      <c r="DZ13" s="61">
        <v>1</v>
      </c>
      <c r="EA13" s="61">
        <v>0</v>
      </c>
      <c r="EB13" s="61">
        <v>0</v>
      </c>
      <c r="EC13" s="62">
        <v>3</v>
      </c>
      <c r="ED13" s="63">
        <v>10</v>
      </c>
      <c r="EE13" s="60">
        <v>3</v>
      </c>
      <c r="EF13" s="61">
        <v>3</v>
      </c>
      <c r="EG13" s="62">
        <v>6</v>
      </c>
      <c r="EH13" s="231"/>
      <c r="EI13" s="61">
        <v>0</v>
      </c>
      <c r="EJ13" s="61">
        <v>3</v>
      </c>
      <c r="EK13" s="61">
        <v>2</v>
      </c>
      <c r="EL13" s="61">
        <v>0</v>
      </c>
      <c r="EM13" s="61">
        <v>1</v>
      </c>
      <c r="EN13" s="62">
        <v>6</v>
      </c>
      <c r="EO13" s="63">
        <v>12</v>
      </c>
      <c r="EP13" s="60">
        <v>9</v>
      </c>
      <c r="EQ13" s="61">
        <v>2</v>
      </c>
      <c r="ER13" s="62">
        <v>11</v>
      </c>
      <c r="ES13" s="231"/>
      <c r="ET13" s="61">
        <v>6</v>
      </c>
      <c r="EU13" s="61">
        <v>3</v>
      </c>
      <c r="EV13" s="61">
        <v>2</v>
      </c>
      <c r="EW13" s="61">
        <v>1</v>
      </c>
      <c r="EX13" s="61">
        <v>1</v>
      </c>
      <c r="EY13" s="62">
        <v>13</v>
      </c>
      <c r="EZ13" s="63">
        <v>24</v>
      </c>
      <c r="FA13" s="60">
        <v>5</v>
      </c>
      <c r="FB13" s="61">
        <v>7</v>
      </c>
      <c r="FC13" s="62">
        <v>12</v>
      </c>
      <c r="FD13" s="231"/>
      <c r="FE13" s="61">
        <v>9</v>
      </c>
      <c r="FF13" s="61">
        <v>11</v>
      </c>
      <c r="FG13" s="61">
        <v>4</v>
      </c>
      <c r="FH13" s="61">
        <v>3</v>
      </c>
      <c r="FI13" s="61">
        <v>3</v>
      </c>
      <c r="FJ13" s="62">
        <v>30</v>
      </c>
      <c r="FK13" s="63">
        <v>42</v>
      </c>
      <c r="FL13" s="60">
        <v>7</v>
      </c>
      <c r="FM13" s="61">
        <v>3</v>
      </c>
      <c r="FN13" s="62">
        <v>10</v>
      </c>
      <c r="FO13" s="231"/>
      <c r="FP13" s="61">
        <v>12</v>
      </c>
      <c r="FQ13" s="61">
        <v>7</v>
      </c>
      <c r="FR13" s="61">
        <v>16</v>
      </c>
      <c r="FS13" s="61">
        <v>8</v>
      </c>
      <c r="FT13" s="61">
        <v>3</v>
      </c>
      <c r="FU13" s="62">
        <v>46</v>
      </c>
      <c r="FV13" s="63">
        <v>56</v>
      </c>
      <c r="FW13" s="60">
        <v>0</v>
      </c>
      <c r="FX13" s="61">
        <v>0</v>
      </c>
      <c r="FY13" s="62">
        <v>0</v>
      </c>
      <c r="FZ13" s="231"/>
      <c r="GA13" s="61">
        <v>0</v>
      </c>
      <c r="GB13" s="61">
        <v>0</v>
      </c>
      <c r="GC13" s="61">
        <v>0</v>
      </c>
      <c r="GD13" s="61">
        <v>0</v>
      </c>
      <c r="GE13" s="61">
        <v>0</v>
      </c>
      <c r="GF13" s="62">
        <v>0</v>
      </c>
      <c r="GG13" s="63">
        <v>0</v>
      </c>
      <c r="GH13" s="60">
        <v>28</v>
      </c>
      <c r="GI13" s="61">
        <v>19</v>
      </c>
      <c r="GJ13" s="62">
        <v>47</v>
      </c>
      <c r="GK13" s="231"/>
      <c r="GL13" s="61">
        <v>28</v>
      </c>
      <c r="GM13" s="61">
        <v>25</v>
      </c>
      <c r="GN13" s="61">
        <v>26</v>
      </c>
      <c r="GO13" s="61">
        <v>12</v>
      </c>
      <c r="GP13" s="61">
        <v>8</v>
      </c>
      <c r="GQ13" s="62">
        <v>99</v>
      </c>
      <c r="GR13" s="63">
        <v>146</v>
      </c>
      <c r="GS13" s="113">
        <v>220</v>
      </c>
      <c r="GT13" s="72">
        <v>115</v>
      </c>
      <c r="GU13" s="73">
        <v>335</v>
      </c>
      <c r="GV13" s="228"/>
      <c r="GW13" s="72">
        <v>236</v>
      </c>
      <c r="GX13" s="72">
        <v>159</v>
      </c>
      <c r="GY13" s="72">
        <v>140</v>
      </c>
      <c r="GZ13" s="72">
        <v>103</v>
      </c>
      <c r="HA13" s="72">
        <v>57</v>
      </c>
      <c r="HB13" s="74">
        <v>695</v>
      </c>
      <c r="HC13" s="75">
        <v>1030</v>
      </c>
      <c r="HD13" s="60">
        <v>1</v>
      </c>
      <c r="HE13" s="61">
        <v>0</v>
      </c>
      <c r="HF13" s="62">
        <v>1</v>
      </c>
      <c r="HG13" s="231"/>
      <c r="HH13" s="61">
        <v>0</v>
      </c>
      <c r="HI13" s="61">
        <v>0</v>
      </c>
      <c r="HJ13" s="61">
        <v>3</v>
      </c>
      <c r="HK13" s="61">
        <v>0</v>
      </c>
      <c r="HL13" s="61">
        <v>0</v>
      </c>
      <c r="HM13" s="62">
        <v>3</v>
      </c>
      <c r="HN13" s="63">
        <v>4</v>
      </c>
      <c r="HO13" s="60">
        <v>9</v>
      </c>
      <c r="HP13" s="61">
        <v>4</v>
      </c>
      <c r="HQ13" s="62">
        <v>13</v>
      </c>
      <c r="HR13" s="231"/>
      <c r="HS13" s="61">
        <v>3</v>
      </c>
      <c r="HT13" s="61">
        <v>5</v>
      </c>
      <c r="HU13" s="61">
        <v>2</v>
      </c>
      <c r="HV13" s="61">
        <v>0</v>
      </c>
      <c r="HW13" s="61">
        <v>2</v>
      </c>
      <c r="HX13" s="62">
        <v>12</v>
      </c>
      <c r="HY13" s="63">
        <v>25</v>
      </c>
      <c r="HZ13" s="60">
        <v>14</v>
      </c>
      <c r="IA13" s="61">
        <v>7</v>
      </c>
      <c r="IB13" s="62">
        <v>21</v>
      </c>
      <c r="IC13" s="231"/>
      <c r="ID13" s="61">
        <v>10</v>
      </c>
      <c r="IE13" s="61">
        <v>14</v>
      </c>
      <c r="IF13" s="61">
        <v>9</v>
      </c>
      <c r="IG13" s="61">
        <v>8</v>
      </c>
      <c r="IH13" s="61">
        <v>6</v>
      </c>
      <c r="II13" s="62">
        <v>47</v>
      </c>
      <c r="IJ13" s="63">
        <v>68</v>
      </c>
      <c r="IK13" s="60">
        <v>41</v>
      </c>
      <c r="IL13" s="61">
        <v>22</v>
      </c>
      <c r="IM13" s="62">
        <v>63</v>
      </c>
      <c r="IN13" s="231"/>
      <c r="IO13" s="61">
        <v>35</v>
      </c>
      <c r="IP13" s="61">
        <v>20</v>
      </c>
      <c r="IQ13" s="61">
        <v>15</v>
      </c>
      <c r="IR13" s="61">
        <v>13</v>
      </c>
      <c r="IS13" s="61">
        <v>9</v>
      </c>
      <c r="IT13" s="62">
        <v>92</v>
      </c>
      <c r="IU13" s="63">
        <v>155</v>
      </c>
      <c r="IV13" s="60">
        <v>71</v>
      </c>
      <c r="IW13" s="61">
        <v>45</v>
      </c>
      <c r="IX13" s="62">
        <v>116</v>
      </c>
      <c r="IY13" s="231"/>
      <c r="IZ13" s="61">
        <v>85</v>
      </c>
      <c r="JA13" s="61">
        <v>54</v>
      </c>
      <c r="JB13" s="61">
        <v>39</v>
      </c>
      <c r="JC13" s="61">
        <v>29</v>
      </c>
      <c r="JD13" s="61">
        <v>14</v>
      </c>
      <c r="JE13" s="62">
        <v>221</v>
      </c>
      <c r="JF13" s="63">
        <v>337</v>
      </c>
      <c r="JG13" s="60">
        <v>84</v>
      </c>
      <c r="JH13" s="61">
        <v>37</v>
      </c>
      <c r="JI13" s="62">
        <v>121</v>
      </c>
      <c r="JJ13" s="231"/>
      <c r="JK13" s="61">
        <v>103</v>
      </c>
      <c r="JL13" s="61">
        <v>66</v>
      </c>
      <c r="JM13" s="61">
        <v>72</v>
      </c>
      <c r="JN13" s="61">
        <v>53</v>
      </c>
      <c r="JO13" s="61">
        <v>26</v>
      </c>
      <c r="JP13" s="62">
        <v>320</v>
      </c>
      <c r="JQ13" s="63">
        <v>441</v>
      </c>
      <c r="JR13" s="60">
        <v>0</v>
      </c>
      <c r="JS13" s="61">
        <v>0</v>
      </c>
      <c r="JT13" s="62">
        <v>0</v>
      </c>
      <c r="JU13" s="231"/>
      <c r="JV13" s="61">
        <v>0</v>
      </c>
      <c r="JW13" s="61">
        <v>0</v>
      </c>
      <c r="JX13" s="61">
        <v>0</v>
      </c>
      <c r="JY13" s="61">
        <v>0</v>
      </c>
      <c r="JZ13" s="61">
        <v>0</v>
      </c>
      <c r="KA13" s="62">
        <v>0</v>
      </c>
      <c r="KB13" s="63">
        <v>0</v>
      </c>
      <c r="KC13" s="60">
        <v>220</v>
      </c>
      <c r="KD13" s="61">
        <v>115</v>
      </c>
      <c r="KE13" s="62">
        <v>335</v>
      </c>
      <c r="KF13" s="231"/>
      <c r="KG13" s="61">
        <v>236</v>
      </c>
      <c r="KH13" s="61">
        <v>159</v>
      </c>
      <c r="KI13" s="61">
        <v>140</v>
      </c>
      <c r="KJ13" s="61">
        <v>103</v>
      </c>
      <c r="KK13" s="61">
        <v>57</v>
      </c>
      <c r="KL13" s="62">
        <v>695</v>
      </c>
      <c r="KM13" s="63">
        <v>1030</v>
      </c>
    </row>
    <row r="14" spans="2:299" ht="21" customHeight="1" x14ac:dyDescent="0.2">
      <c r="B14" s="472" t="s">
        <v>10</v>
      </c>
      <c r="C14" s="293">
        <v>353</v>
      </c>
      <c r="D14" s="72">
        <v>196</v>
      </c>
      <c r="E14" s="73">
        <v>549</v>
      </c>
      <c r="F14" s="228"/>
      <c r="G14" s="72">
        <v>327</v>
      </c>
      <c r="H14" s="72">
        <v>180</v>
      </c>
      <c r="I14" s="72">
        <v>132</v>
      </c>
      <c r="J14" s="72">
        <v>140</v>
      </c>
      <c r="K14" s="72">
        <v>83</v>
      </c>
      <c r="L14" s="74">
        <v>862</v>
      </c>
      <c r="M14" s="75">
        <v>1411</v>
      </c>
      <c r="N14" s="60">
        <v>3</v>
      </c>
      <c r="O14" s="61">
        <v>2</v>
      </c>
      <c r="P14" s="62">
        <v>5</v>
      </c>
      <c r="Q14" s="231"/>
      <c r="R14" s="61">
        <v>6</v>
      </c>
      <c r="S14" s="61">
        <v>3</v>
      </c>
      <c r="T14" s="61">
        <v>1</v>
      </c>
      <c r="U14" s="61">
        <v>3</v>
      </c>
      <c r="V14" s="61">
        <v>1</v>
      </c>
      <c r="W14" s="62">
        <v>14</v>
      </c>
      <c r="X14" s="63">
        <v>19</v>
      </c>
      <c r="Y14" s="60">
        <v>11</v>
      </c>
      <c r="Z14" s="61">
        <v>8</v>
      </c>
      <c r="AA14" s="62">
        <v>19</v>
      </c>
      <c r="AB14" s="231"/>
      <c r="AC14" s="61">
        <v>10</v>
      </c>
      <c r="AD14" s="61">
        <v>12</v>
      </c>
      <c r="AE14" s="61">
        <v>4</v>
      </c>
      <c r="AF14" s="61">
        <v>5</v>
      </c>
      <c r="AG14" s="61">
        <v>5</v>
      </c>
      <c r="AH14" s="62">
        <v>36</v>
      </c>
      <c r="AI14" s="63">
        <v>55</v>
      </c>
      <c r="AJ14" s="60">
        <v>31</v>
      </c>
      <c r="AK14" s="61">
        <v>14</v>
      </c>
      <c r="AL14" s="62">
        <v>45</v>
      </c>
      <c r="AM14" s="231"/>
      <c r="AN14" s="61">
        <v>23</v>
      </c>
      <c r="AO14" s="61">
        <v>14</v>
      </c>
      <c r="AP14" s="61">
        <v>12</v>
      </c>
      <c r="AQ14" s="61">
        <v>12</v>
      </c>
      <c r="AR14" s="61">
        <v>11</v>
      </c>
      <c r="AS14" s="62">
        <v>72</v>
      </c>
      <c r="AT14" s="63">
        <v>117</v>
      </c>
      <c r="AU14" s="60">
        <v>71</v>
      </c>
      <c r="AV14" s="61">
        <v>37</v>
      </c>
      <c r="AW14" s="62">
        <v>108</v>
      </c>
      <c r="AX14" s="231"/>
      <c r="AY14" s="61">
        <v>71</v>
      </c>
      <c r="AZ14" s="61">
        <v>29</v>
      </c>
      <c r="BA14" s="61">
        <v>19</v>
      </c>
      <c r="BB14" s="61">
        <v>18</v>
      </c>
      <c r="BC14" s="61">
        <v>13</v>
      </c>
      <c r="BD14" s="62">
        <v>150</v>
      </c>
      <c r="BE14" s="63">
        <v>258</v>
      </c>
      <c r="BF14" s="60">
        <v>138</v>
      </c>
      <c r="BG14" s="61">
        <v>78</v>
      </c>
      <c r="BH14" s="62">
        <v>216</v>
      </c>
      <c r="BI14" s="231"/>
      <c r="BJ14" s="61">
        <v>105</v>
      </c>
      <c r="BK14" s="61">
        <v>42</v>
      </c>
      <c r="BL14" s="61">
        <v>35</v>
      </c>
      <c r="BM14" s="61">
        <v>38</v>
      </c>
      <c r="BN14" s="61">
        <v>20</v>
      </c>
      <c r="BO14" s="62">
        <v>240</v>
      </c>
      <c r="BP14" s="63">
        <v>456</v>
      </c>
      <c r="BQ14" s="60">
        <v>99</v>
      </c>
      <c r="BR14" s="61">
        <v>57</v>
      </c>
      <c r="BS14" s="62">
        <v>156</v>
      </c>
      <c r="BT14" s="231"/>
      <c r="BU14" s="61">
        <v>112</v>
      </c>
      <c r="BV14" s="61">
        <v>80</v>
      </c>
      <c r="BW14" s="61">
        <v>61</v>
      </c>
      <c r="BX14" s="61">
        <v>64</v>
      </c>
      <c r="BY14" s="61">
        <v>33</v>
      </c>
      <c r="BZ14" s="62">
        <v>350</v>
      </c>
      <c r="CA14" s="63">
        <v>506</v>
      </c>
      <c r="CB14" s="60">
        <v>0</v>
      </c>
      <c r="CC14" s="61">
        <v>0</v>
      </c>
      <c r="CD14" s="62">
        <v>0</v>
      </c>
      <c r="CE14" s="231"/>
      <c r="CF14" s="61">
        <v>0</v>
      </c>
      <c r="CG14" s="61">
        <v>0</v>
      </c>
      <c r="CH14" s="61">
        <v>0</v>
      </c>
      <c r="CI14" s="61">
        <v>0</v>
      </c>
      <c r="CJ14" s="61">
        <v>0</v>
      </c>
      <c r="CK14" s="62">
        <v>0</v>
      </c>
      <c r="CL14" s="63">
        <v>0</v>
      </c>
      <c r="CM14" s="60">
        <v>353</v>
      </c>
      <c r="CN14" s="61">
        <v>196</v>
      </c>
      <c r="CO14" s="62">
        <v>549</v>
      </c>
      <c r="CP14" s="231"/>
      <c r="CQ14" s="61">
        <v>327</v>
      </c>
      <c r="CR14" s="61">
        <v>180</v>
      </c>
      <c r="CS14" s="61">
        <v>132</v>
      </c>
      <c r="CT14" s="61">
        <v>140</v>
      </c>
      <c r="CU14" s="61">
        <v>83</v>
      </c>
      <c r="CV14" s="62">
        <v>862</v>
      </c>
      <c r="CW14" s="63">
        <v>1411</v>
      </c>
      <c r="CX14" s="113">
        <v>50</v>
      </c>
      <c r="CY14" s="72">
        <v>29</v>
      </c>
      <c r="CZ14" s="73">
        <v>79</v>
      </c>
      <c r="DA14" s="228"/>
      <c r="DB14" s="72">
        <v>48</v>
      </c>
      <c r="DC14" s="72">
        <v>22</v>
      </c>
      <c r="DD14" s="72">
        <v>20</v>
      </c>
      <c r="DE14" s="72">
        <v>21</v>
      </c>
      <c r="DF14" s="72">
        <v>20</v>
      </c>
      <c r="DG14" s="74">
        <v>131</v>
      </c>
      <c r="DH14" s="75">
        <v>210</v>
      </c>
      <c r="DI14" s="60">
        <v>2</v>
      </c>
      <c r="DJ14" s="61">
        <v>2</v>
      </c>
      <c r="DK14" s="62">
        <v>4</v>
      </c>
      <c r="DL14" s="231"/>
      <c r="DM14" s="61">
        <v>0</v>
      </c>
      <c r="DN14" s="61">
        <v>0</v>
      </c>
      <c r="DO14" s="61">
        <v>1</v>
      </c>
      <c r="DP14" s="61">
        <v>0</v>
      </c>
      <c r="DQ14" s="61">
        <v>1</v>
      </c>
      <c r="DR14" s="62">
        <v>2</v>
      </c>
      <c r="DS14" s="63">
        <v>6</v>
      </c>
      <c r="DT14" s="60">
        <v>3</v>
      </c>
      <c r="DU14" s="61">
        <v>1</v>
      </c>
      <c r="DV14" s="62">
        <v>4</v>
      </c>
      <c r="DW14" s="231"/>
      <c r="DX14" s="61">
        <v>0</v>
      </c>
      <c r="DY14" s="61">
        <v>0</v>
      </c>
      <c r="DZ14" s="61">
        <v>1</v>
      </c>
      <c r="EA14" s="61">
        <v>1</v>
      </c>
      <c r="EB14" s="61">
        <v>1</v>
      </c>
      <c r="EC14" s="62">
        <v>3</v>
      </c>
      <c r="ED14" s="63">
        <v>7</v>
      </c>
      <c r="EE14" s="60">
        <v>4</v>
      </c>
      <c r="EF14" s="61">
        <v>3</v>
      </c>
      <c r="EG14" s="62">
        <v>7</v>
      </c>
      <c r="EH14" s="231"/>
      <c r="EI14" s="61">
        <v>2</v>
      </c>
      <c r="EJ14" s="61">
        <v>1</v>
      </c>
      <c r="EK14" s="61">
        <v>1</v>
      </c>
      <c r="EL14" s="61">
        <v>0</v>
      </c>
      <c r="EM14" s="61">
        <v>0</v>
      </c>
      <c r="EN14" s="62">
        <v>4</v>
      </c>
      <c r="EO14" s="63">
        <v>11</v>
      </c>
      <c r="EP14" s="60">
        <v>8</v>
      </c>
      <c r="EQ14" s="61">
        <v>3</v>
      </c>
      <c r="ER14" s="62">
        <v>11</v>
      </c>
      <c r="ES14" s="231"/>
      <c r="ET14" s="61">
        <v>6</v>
      </c>
      <c r="EU14" s="61">
        <v>1</v>
      </c>
      <c r="EV14" s="61">
        <v>4</v>
      </c>
      <c r="EW14" s="61">
        <v>4</v>
      </c>
      <c r="EX14" s="61">
        <v>2</v>
      </c>
      <c r="EY14" s="62">
        <v>17</v>
      </c>
      <c r="EZ14" s="63">
        <v>28</v>
      </c>
      <c r="FA14" s="60">
        <v>22</v>
      </c>
      <c r="FB14" s="61">
        <v>9</v>
      </c>
      <c r="FC14" s="62">
        <v>31</v>
      </c>
      <c r="FD14" s="231"/>
      <c r="FE14" s="61">
        <v>16</v>
      </c>
      <c r="FF14" s="61">
        <v>5</v>
      </c>
      <c r="FG14" s="61">
        <v>4</v>
      </c>
      <c r="FH14" s="61">
        <v>2</v>
      </c>
      <c r="FI14" s="61">
        <v>9</v>
      </c>
      <c r="FJ14" s="62">
        <v>36</v>
      </c>
      <c r="FK14" s="63">
        <v>67</v>
      </c>
      <c r="FL14" s="60">
        <v>11</v>
      </c>
      <c r="FM14" s="61">
        <v>11</v>
      </c>
      <c r="FN14" s="62">
        <v>22</v>
      </c>
      <c r="FO14" s="231"/>
      <c r="FP14" s="61">
        <v>24</v>
      </c>
      <c r="FQ14" s="61">
        <v>15</v>
      </c>
      <c r="FR14" s="61">
        <v>9</v>
      </c>
      <c r="FS14" s="61">
        <v>14</v>
      </c>
      <c r="FT14" s="61">
        <v>7</v>
      </c>
      <c r="FU14" s="62">
        <v>69</v>
      </c>
      <c r="FV14" s="63">
        <v>91</v>
      </c>
      <c r="FW14" s="60">
        <v>0</v>
      </c>
      <c r="FX14" s="61">
        <v>0</v>
      </c>
      <c r="FY14" s="62">
        <v>0</v>
      </c>
      <c r="FZ14" s="231"/>
      <c r="GA14" s="61">
        <v>0</v>
      </c>
      <c r="GB14" s="61">
        <v>0</v>
      </c>
      <c r="GC14" s="61">
        <v>0</v>
      </c>
      <c r="GD14" s="61">
        <v>0</v>
      </c>
      <c r="GE14" s="61">
        <v>0</v>
      </c>
      <c r="GF14" s="62">
        <v>0</v>
      </c>
      <c r="GG14" s="63">
        <v>0</v>
      </c>
      <c r="GH14" s="60">
        <v>50</v>
      </c>
      <c r="GI14" s="61">
        <v>29</v>
      </c>
      <c r="GJ14" s="62">
        <v>79</v>
      </c>
      <c r="GK14" s="231"/>
      <c r="GL14" s="61">
        <v>48</v>
      </c>
      <c r="GM14" s="61">
        <v>22</v>
      </c>
      <c r="GN14" s="61">
        <v>20</v>
      </c>
      <c r="GO14" s="61">
        <v>21</v>
      </c>
      <c r="GP14" s="61">
        <v>20</v>
      </c>
      <c r="GQ14" s="62">
        <v>131</v>
      </c>
      <c r="GR14" s="63">
        <v>210</v>
      </c>
      <c r="GS14" s="113">
        <v>403</v>
      </c>
      <c r="GT14" s="72">
        <v>225</v>
      </c>
      <c r="GU14" s="73">
        <v>628</v>
      </c>
      <c r="GV14" s="228"/>
      <c r="GW14" s="72">
        <v>375</v>
      </c>
      <c r="GX14" s="72">
        <v>202</v>
      </c>
      <c r="GY14" s="72">
        <v>152</v>
      </c>
      <c r="GZ14" s="72">
        <v>161</v>
      </c>
      <c r="HA14" s="72">
        <v>103</v>
      </c>
      <c r="HB14" s="74">
        <v>993</v>
      </c>
      <c r="HC14" s="75">
        <v>1621</v>
      </c>
      <c r="HD14" s="60">
        <v>5</v>
      </c>
      <c r="HE14" s="61">
        <v>4</v>
      </c>
      <c r="HF14" s="62">
        <v>9</v>
      </c>
      <c r="HG14" s="231"/>
      <c r="HH14" s="61">
        <v>6</v>
      </c>
      <c r="HI14" s="61">
        <v>3</v>
      </c>
      <c r="HJ14" s="61">
        <v>2</v>
      </c>
      <c r="HK14" s="61">
        <v>3</v>
      </c>
      <c r="HL14" s="61">
        <v>2</v>
      </c>
      <c r="HM14" s="62">
        <v>16</v>
      </c>
      <c r="HN14" s="63">
        <v>25</v>
      </c>
      <c r="HO14" s="60">
        <v>14</v>
      </c>
      <c r="HP14" s="61">
        <v>9</v>
      </c>
      <c r="HQ14" s="62">
        <v>23</v>
      </c>
      <c r="HR14" s="231"/>
      <c r="HS14" s="61">
        <v>10</v>
      </c>
      <c r="HT14" s="61">
        <v>12</v>
      </c>
      <c r="HU14" s="61">
        <v>5</v>
      </c>
      <c r="HV14" s="61">
        <v>6</v>
      </c>
      <c r="HW14" s="61">
        <v>6</v>
      </c>
      <c r="HX14" s="62">
        <v>39</v>
      </c>
      <c r="HY14" s="63">
        <v>62</v>
      </c>
      <c r="HZ14" s="60">
        <v>35</v>
      </c>
      <c r="IA14" s="61">
        <v>17</v>
      </c>
      <c r="IB14" s="62">
        <v>52</v>
      </c>
      <c r="IC14" s="231"/>
      <c r="ID14" s="61">
        <v>25</v>
      </c>
      <c r="IE14" s="61">
        <v>15</v>
      </c>
      <c r="IF14" s="61">
        <v>13</v>
      </c>
      <c r="IG14" s="61">
        <v>12</v>
      </c>
      <c r="IH14" s="61">
        <v>11</v>
      </c>
      <c r="II14" s="62">
        <v>76</v>
      </c>
      <c r="IJ14" s="63">
        <v>128</v>
      </c>
      <c r="IK14" s="60">
        <v>79</v>
      </c>
      <c r="IL14" s="61">
        <v>40</v>
      </c>
      <c r="IM14" s="62">
        <v>119</v>
      </c>
      <c r="IN14" s="231"/>
      <c r="IO14" s="61">
        <v>77</v>
      </c>
      <c r="IP14" s="61">
        <v>30</v>
      </c>
      <c r="IQ14" s="61">
        <v>23</v>
      </c>
      <c r="IR14" s="61">
        <v>22</v>
      </c>
      <c r="IS14" s="61">
        <v>15</v>
      </c>
      <c r="IT14" s="62">
        <v>167</v>
      </c>
      <c r="IU14" s="63">
        <v>286</v>
      </c>
      <c r="IV14" s="60">
        <v>160</v>
      </c>
      <c r="IW14" s="61">
        <v>87</v>
      </c>
      <c r="IX14" s="62">
        <v>247</v>
      </c>
      <c r="IY14" s="231"/>
      <c r="IZ14" s="61">
        <v>121</v>
      </c>
      <c r="JA14" s="61">
        <v>47</v>
      </c>
      <c r="JB14" s="61">
        <v>39</v>
      </c>
      <c r="JC14" s="61">
        <v>40</v>
      </c>
      <c r="JD14" s="61">
        <v>29</v>
      </c>
      <c r="JE14" s="62">
        <v>276</v>
      </c>
      <c r="JF14" s="63">
        <v>523</v>
      </c>
      <c r="JG14" s="60">
        <v>110</v>
      </c>
      <c r="JH14" s="61">
        <v>68</v>
      </c>
      <c r="JI14" s="62">
        <v>178</v>
      </c>
      <c r="JJ14" s="231"/>
      <c r="JK14" s="61">
        <v>136</v>
      </c>
      <c r="JL14" s="61">
        <v>95</v>
      </c>
      <c r="JM14" s="61">
        <v>70</v>
      </c>
      <c r="JN14" s="61">
        <v>78</v>
      </c>
      <c r="JO14" s="61">
        <v>40</v>
      </c>
      <c r="JP14" s="62">
        <v>419</v>
      </c>
      <c r="JQ14" s="63">
        <v>597</v>
      </c>
      <c r="JR14" s="60">
        <v>0</v>
      </c>
      <c r="JS14" s="61">
        <v>0</v>
      </c>
      <c r="JT14" s="62">
        <v>0</v>
      </c>
      <c r="JU14" s="231"/>
      <c r="JV14" s="61">
        <v>0</v>
      </c>
      <c r="JW14" s="61">
        <v>0</v>
      </c>
      <c r="JX14" s="61">
        <v>0</v>
      </c>
      <c r="JY14" s="61">
        <v>0</v>
      </c>
      <c r="JZ14" s="61">
        <v>0</v>
      </c>
      <c r="KA14" s="62">
        <v>0</v>
      </c>
      <c r="KB14" s="63">
        <v>0</v>
      </c>
      <c r="KC14" s="60">
        <v>403</v>
      </c>
      <c r="KD14" s="61">
        <v>225</v>
      </c>
      <c r="KE14" s="62">
        <v>628</v>
      </c>
      <c r="KF14" s="231"/>
      <c r="KG14" s="61">
        <v>375</v>
      </c>
      <c r="KH14" s="61">
        <v>202</v>
      </c>
      <c r="KI14" s="61">
        <v>152</v>
      </c>
      <c r="KJ14" s="61">
        <v>161</v>
      </c>
      <c r="KK14" s="61">
        <v>103</v>
      </c>
      <c r="KL14" s="62">
        <v>993</v>
      </c>
      <c r="KM14" s="63">
        <v>1621</v>
      </c>
    </row>
    <row r="15" spans="2:299" ht="21" customHeight="1" x14ac:dyDescent="0.2">
      <c r="B15" s="472" t="s">
        <v>11</v>
      </c>
      <c r="C15" s="293">
        <v>85</v>
      </c>
      <c r="D15" s="72">
        <v>64</v>
      </c>
      <c r="E15" s="73">
        <v>149</v>
      </c>
      <c r="F15" s="228"/>
      <c r="G15" s="72">
        <v>133</v>
      </c>
      <c r="H15" s="72">
        <v>84</v>
      </c>
      <c r="I15" s="72">
        <v>62</v>
      </c>
      <c r="J15" s="72">
        <v>60</v>
      </c>
      <c r="K15" s="72">
        <v>24</v>
      </c>
      <c r="L15" s="74">
        <v>363</v>
      </c>
      <c r="M15" s="75">
        <v>512</v>
      </c>
      <c r="N15" s="60">
        <v>1</v>
      </c>
      <c r="O15" s="61">
        <v>0</v>
      </c>
      <c r="P15" s="62">
        <v>1</v>
      </c>
      <c r="Q15" s="231"/>
      <c r="R15" s="61">
        <v>4</v>
      </c>
      <c r="S15" s="61">
        <v>2</v>
      </c>
      <c r="T15" s="61">
        <v>0</v>
      </c>
      <c r="U15" s="61">
        <v>1</v>
      </c>
      <c r="V15" s="61">
        <v>0</v>
      </c>
      <c r="W15" s="62">
        <v>7</v>
      </c>
      <c r="X15" s="63">
        <v>8</v>
      </c>
      <c r="Y15" s="60">
        <v>4</v>
      </c>
      <c r="Z15" s="61">
        <v>5</v>
      </c>
      <c r="AA15" s="62">
        <v>9</v>
      </c>
      <c r="AB15" s="231"/>
      <c r="AC15" s="61">
        <v>8</v>
      </c>
      <c r="AD15" s="61">
        <v>2</v>
      </c>
      <c r="AE15" s="61">
        <v>9</v>
      </c>
      <c r="AF15" s="61">
        <v>7</v>
      </c>
      <c r="AG15" s="61">
        <v>3</v>
      </c>
      <c r="AH15" s="62">
        <v>29</v>
      </c>
      <c r="AI15" s="63">
        <v>38</v>
      </c>
      <c r="AJ15" s="60">
        <v>4</v>
      </c>
      <c r="AK15" s="61">
        <v>3</v>
      </c>
      <c r="AL15" s="62">
        <v>7</v>
      </c>
      <c r="AM15" s="231"/>
      <c r="AN15" s="61">
        <v>9</v>
      </c>
      <c r="AO15" s="61">
        <v>8</v>
      </c>
      <c r="AP15" s="61">
        <v>4</v>
      </c>
      <c r="AQ15" s="61">
        <v>5</v>
      </c>
      <c r="AR15" s="61">
        <v>1</v>
      </c>
      <c r="AS15" s="62">
        <v>27</v>
      </c>
      <c r="AT15" s="63">
        <v>34</v>
      </c>
      <c r="AU15" s="60">
        <v>12</v>
      </c>
      <c r="AV15" s="61">
        <v>11</v>
      </c>
      <c r="AW15" s="62">
        <v>23</v>
      </c>
      <c r="AX15" s="231"/>
      <c r="AY15" s="61">
        <v>22</v>
      </c>
      <c r="AZ15" s="61">
        <v>13</v>
      </c>
      <c r="BA15" s="61">
        <v>7</v>
      </c>
      <c r="BB15" s="61">
        <v>5</v>
      </c>
      <c r="BC15" s="61">
        <v>5</v>
      </c>
      <c r="BD15" s="62">
        <v>52</v>
      </c>
      <c r="BE15" s="63">
        <v>75</v>
      </c>
      <c r="BF15" s="60">
        <v>31</v>
      </c>
      <c r="BG15" s="61">
        <v>24</v>
      </c>
      <c r="BH15" s="62">
        <v>55</v>
      </c>
      <c r="BI15" s="231"/>
      <c r="BJ15" s="61">
        <v>46</v>
      </c>
      <c r="BK15" s="61">
        <v>26</v>
      </c>
      <c r="BL15" s="61">
        <v>16</v>
      </c>
      <c r="BM15" s="61">
        <v>23</v>
      </c>
      <c r="BN15" s="61">
        <v>9</v>
      </c>
      <c r="BO15" s="62">
        <v>120</v>
      </c>
      <c r="BP15" s="63">
        <v>175</v>
      </c>
      <c r="BQ15" s="60">
        <v>33</v>
      </c>
      <c r="BR15" s="61">
        <v>21</v>
      </c>
      <c r="BS15" s="62">
        <v>54</v>
      </c>
      <c r="BT15" s="231"/>
      <c r="BU15" s="61">
        <v>44</v>
      </c>
      <c r="BV15" s="61">
        <v>33</v>
      </c>
      <c r="BW15" s="61">
        <v>26</v>
      </c>
      <c r="BX15" s="61">
        <v>19</v>
      </c>
      <c r="BY15" s="61">
        <v>6</v>
      </c>
      <c r="BZ15" s="62">
        <v>128</v>
      </c>
      <c r="CA15" s="63">
        <v>182</v>
      </c>
      <c r="CB15" s="60">
        <v>0</v>
      </c>
      <c r="CC15" s="61">
        <v>0</v>
      </c>
      <c r="CD15" s="62">
        <v>0</v>
      </c>
      <c r="CE15" s="231"/>
      <c r="CF15" s="61">
        <v>0</v>
      </c>
      <c r="CG15" s="61">
        <v>0</v>
      </c>
      <c r="CH15" s="61">
        <v>0</v>
      </c>
      <c r="CI15" s="61">
        <v>0</v>
      </c>
      <c r="CJ15" s="61">
        <v>0</v>
      </c>
      <c r="CK15" s="62">
        <v>0</v>
      </c>
      <c r="CL15" s="63">
        <v>0</v>
      </c>
      <c r="CM15" s="60">
        <v>85</v>
      </c>
      <c r="CN15" s="61">
        <v>64</v>
      </c>
      <c r="CO15" s="62">
        <v>149</v>
      </c>
      <c r="CP15" s="231"/>
      <c r="CQ15" s="61">
        <v>133</v>
      </c>
      <c r="CR15" s="61">
        <v>84</v>
      </c>
      <c r="CS15" s="61">
        <v>62</v>
      </c>
      <c r="CT15" s="61">
        <v>60</v>
      </c>
      <c r="CU15" s="61">
        <v>24</v>
      </c>
      <c r="CV15" s="62">
        <v>363</v>
      </c>
      <c r="CW15" s="63">
        <v>512</v>
      </c>
      <c r="CX15" s="113">
        <v>9</v>
      </c>
      <c r="CY15" s="72">
        <v>11</v>
      </c>
      <c r="CZ15" s="73">
        <v>20</v>
      </c>
      <c r="DA15" s="228"/>
      <c r="DB15" s="72">
        <v>15</v>
      </c>
      <c r="DC15" s="72">
        <v>15</v>
      </c>
      <c r="DD15" s="72">
        <v>6</v>
      </c>
      <c r="DE15" s="72">
        <v>21</v>
      </c>
      <c r="DF15" s="72">
        <v>8</v>
      </c>
      <c r="DG15" s="74">
        <v>65</v>
      </c>
      <c r="DH15" s="75">
        <v>85</v>
      </c>
      <c r="DI15" s="60">
        <v>0</v>
      </c>
      <c r="DJ15" s="61">
        <v>0</v>
      </c>
      <c r="DK15" s="62">
        <v>0</v>
      </c>
      <c r="DL15" s="231"/>
      <c r="DM15" s="61">
        <v>0</v>
      </c>
      <c r="DN15" s="61">
        <v>0</v>
      </c>
      <c r="DO15" s="61">
        <v>0</v>
      </c>
      <c r="DP15" s="61">
        <v>0</v>
      </c>
      <c r="DQ15" s="61">
        <v>0</v>
      </c>
      <c r="DR15" s="62">
        <v>0</v>
      </c>
      <c r="DS15" s="63">
        <v>0</v>
      </c>
      <c r="DT15" s="60">
        <v>0</v>
      </c>
      <c r="DU15" s="61">
        <v>0</v>
      </c>
      <c r="DV15" s="62">
        <v>0</v>
      </c>
      <c r="DW15" s="231"/>
      <c r="DX15" s="61">
        <v>2</v>
      </c>
      <c r="DY15" s="61">
        <v>0</v>
      </c>
      <c r="DZ15" s="61">
        <v>1</v>
      </c>
      <c r="EA15" s="61">
        <v>1</v>
      </c>
      <c r="EB15" s="61">
        <v>0</v>
      </c>
      <c r="EC15" s="62">
        <v>4</v>
      </c>
      <c r="ED15" s="63">
        <v>4</v>
      </c>
      <c r="EE15" s="60">
        <v>1</v>
      </c>
      <c r="EF15" s="61">
        <v>0</v>
      </c>
      <c r="EG15" s="62">
        <v>1</v>
      </c>
      <c r="EH15" s="231"/>
      <c r="EI15" s="61">
        <v>2</v>
      </c>
      <c r="EJ15" s="61">
        <v>1</v>
      </c>
      <c r="EK15" s="61">
        <v>0</v>
      </c>
      <c r="EL15" s="61">
        <v>0</v>
      </c>
      <c r="EM15" s="61">
        <v>2</v>
      </c>
      <c r="EN15" s="62">
        <v>5</v>
      </c>
      <c r="EO15" s="63">
        <v>6</v>
      </c>
      <c r="EP15" s="60">
        <v>1</v>
      </c>
      <c r="EQ15" s="61">
        <v>2</v>
      </c>
      <c r="ER15" s="62">
        <v>3</v>
      </c>
      <c r="ES15" s="231"/>
      <c r="ET15" s="61">
        <v>2</v>
      </c>
      <c r="EU15" s="61">
        <v>1</v>
      </c>
      <c r="EV15" s="61">
        <v>0</v>
      </c>
      <c r="EW15" s="61">
        <v>0</v>
      </c>
      <c r="EX15" s="61">
        <v>1</v>
      </c>
      <c r="EY15" s="62">
        <v>4</v>
      </c>
      <c r="EZ15" s="63">
        <v>7</v>
      </c>
      <c r="FA15" s="60">
        <v>2</v>
      </c>
      <c r="FB15" s="61">
        <v>7</v>
      </c>
      <c r="FC15" s="62">
        <v>9</v>
      </c>
      <c r="FD15" s="231"/>
      <c r="FE15" s="61">
        <v>5</v>
      </c>
      <c r="FF15" s="61">
        <v>8</v>
      </c>
      <c r="FG15" s="61">
        <v>0</v>
      </c>
      <c r="FH15" s="61">
        <v>5</v>
      </c>
      <c r="FI15" s="61">
        <v>0</v>
      </c>
      <c r="FJ15" s="62">
        <v>18</v>
      </c>
      <c r="FK15" s="63">
        <v>27</v>
      </c>
      <c r="FL15" s="60">
        <v>5</v>
      </c>
      <c r="FM15" s="61">
        <v>2</v>
      </c>
      <c r="FN15" s="62">
        <v>7</v>
      </c>
      <c r="FO15" s="231"/>
      <c r="FP15" s="61">
        <v>4</v>
      </c>
      <c r="FQ15" s="61">
        <v>5</v>
      </c>
      <c r="FR15" s="61">
        <v>5</v>
      </c>
      <c r="FS15" s="61">
        <v>15</v>
      </c>
      <c r="FT15" s="61">
        <v>5</v>
      </c>
      <c r="FU15" s="62">
        <v>34</v>
      </c>
      <c r="FV15" s="63">
        <v>41</v>
      </c>
      <c r="FW15" s="60">
        <v>0</v>
      </c>
      <c r="FX15" s="61">
        <v>0</v>
      </c>
      <c r="FY15" s="62">
        <v>0</v>
      </c>
      <c r="FZ15" s="231"/>
      <c r="GA15" s="61">
        <v>0</v>
      </c>
      <c r="GB15" s="61">
        <v>0</v>
      </c>
      <c r="GC15" s="61">
        <v>0</v>
      </c>
      <c r="GD15" s="61">
        <v>0</v>
      </c>
      <c r="GE15" s="61">
        <v>0</v>
      </c>
      <c r="GF15" s="62">
        <v>0</v>
      </c>
      <c r="GG15" s="63">
        <v>0</v>
      </c>
      <c r="GH15" s="60">
        <v>9</v>
      </c>
      <c r="GI15" s="61">
        <v>11</v>
      </c>
      <c r="GJ15" s="62">
        <v>20</v>
      </c>
      <c r="GK15" s="231"/>
      <c r="GL15" s="61">
        <v>15</v>
      </c>
      <c r="GM15" s="61">
        <v>15</v>
      </c>
      <c r="GN15" s="61">
        <v>6</v>
      </c>
      <c r="GO15" s="61">
        <v>21</v>
      </c>
      <c r="GP15" s="61">
        <v>8</v>
      </c>
      <c r="GQ15" s="62">
        <v>65</v>
      </c>
      <c r="GR15" s="63">
        <v>85</v>
      </c>
      <c r="GS15" s="113">
        <v>94</v>
      </c>
      <c r="GT15" s="72">
        <v>75</v>
      </c>
      <c r="GU15" s="73">
        <v>169</v>
      </c>
      <c r="GV15" s="228"/>
      <c r="GW15" s="72">
        <v>148</v>
      </c>
      <c r="GX15" s="72">
        <v>99</v>
      </c>
      <c r="GY15" s="72">
        <v>68</v>
      </c>
      <c r="GZ15" s="72">
        <v>81</v>
      </c>
      <c r="HA15" s="72">
        <v>32</v>
      </c>
      <c r="HB15" s="74">
        <v>428</v>
      </c>
      <c r="HC15" s="75">
        <v>597</v>
      </c>
      <c r="HD15" s="60">
        <v>1</v>
      </c>
      <c r="HE15" s="61">
        <v>0</v>
      </c>
      <c r="HF15" s="62">
        <v>1</v>
      </c>
      <c r="HG15" s="231"/>
      <c r="HH15" s="61">
        <v>4</v>
      </c>
      <c r="HI15" s="61">
        <v>2</v>
      </c>
      <c r="HJ15" s="61">
        <v>0</v>
      </c>
      <c r="HK15" s="61">
        <v>1</v>
      </c>
      <c r="HL15" s="61">
        <v>0</v>
      </c>
      <c r="HM15" s="62">
        <v>7</v>
      </c>
      <c r="HN15" s="63">
        <v>8</v>
      </c>
      <c r="HO15" s="60">
        <v>4</v>
      </c>
      <c r="HP15" s="61">
        <v>5</v>
      </c>
      <c r="HQ15" s="62">
        <v>9</v>
      </c>
      <c r="HR15" s="231"/>
      <c r="HS15" s="61">
        <v>10</v>
      </c>
      <c r="HT15" s="61">
        <v>2</v>
      </c>
      <c r="HU15" s="61">
        <v>10</v>
      </c>
      <c r="HV15" s="61">
        <v>8</v>
      </c>
      <c r="HW15" s="61">
        <v>3</v>
      </c>
      <c r="HX15" s="62">
        <v>33</v>
      </c>
      <c r="HY15" s="63">
        <v>42</v>
      </c>
      <c r="HZ15" s="60">
        <v>5</v>
      </c>
      <c r="IA15" s="61">
        <v>3</v>
      </c>
      <c r="IB15" s="62">
        <v>8</v>
      </c>
      <c r="IC15" s="231"/>
      <c r="ID15" s="61">
        <v>11</v>
      </c>
      <c r="IE15" s="61">
        <v>9</v>
      </c>
      <c r="IF15" s="61">
        <v>4</v>
      </c>
      <c r="IG15" s="61">
        <v>5</v>
      </c>
      <c r="IH15" s="61">
        <v>3</v>
      </c>
      <c r="II15" s="62">
        <v>32</v>
      </c>
      <c r="IJ15" s="63">
        <v>40</v>
      </c>
      <c r="IK15" s="60">
        <v>13</v>
      </c>
      <c r="IL15" s="61">
        <v>13</v>
      </c>
      <c r="IM15" s="62">
        <v>26</v>
      </c>
      <c r="IN15" s="231"/>
      <c r="IO15" s="61">
        <v>24</v>
      </c>
      <c r="IP15" s="61">
        <v>14</v>
      </c>
      <c r="IQ15" s="61">
        <v>7</v>
      </c>
      <c r="IR15" s="61">
        <v>5</v>
      </c>
      <c r="IS15" s="61">
        <v>6</v>
      </c>
      <c r="IT15" s="62">
        <v>56</v>
      </c>
      <c r="IU15" s="63">
        <v>82</v>
      </c>
      <c r="IV15" s="60">
        <v>33</v>
      </c>
      <c r="IW15" s="61">
        <v>31</v>
      </c>
      <c r="IX15" s="62">
        <v>64</v>
      </c>
      <c r="IY15" s="231"/>
      <c r="IZ15" s="61">
        <v>51</v>
      </c>
      <c r="JA15" s="61">
        <v>34</v>
      </c>
      <c r="JB15" s="61">
        <v>16</v>
      </c>
      <c r="JC15" s="61">
        <v>28</v>
      </c>
      <c r="JD15" s="61">
        <v>9</v>
      </c>
      <c r="JE15" s="62">
        <v>138</v>
      </c>
      <c r="JF15" s="63">
        <v>202</v>
      </c>
      <c r="JG15" s="60">
        <v>38</v>
      </c>
      <c r="JH15" s="61">
        <v>23</v>
      </c>
      <c r="JI15" s="62">
        <v>61</v>
      </c>
      <c r="JJ15" s="231"/>
      <c r="JK15" s="61">
        <v>48</v>
      </c>
      <c r="JL15" s="61">
        <v>38</v>
      </c>
      <c r="JM15" s="61">
        <v>31</v>
      </c>
      <c r="JN15" s="61">
        <v>34</v>
      </c>
      <c r="JO15" s="61">
        <v>11</v>
      </c>
      <c r="JP15" s="62">
        <v>162</v>
      </c>
      <c r="JQ15" s="63">
        <v>223</v>
      </c>
      <c r="JR15" s="60">
        <v>0</v>
      </c>
      <c r="JS15" s="61">
        <v>0</v>
      </c>
      <c r="JT15" s="62">
        <v>0</v>
      </c>
      <c r="JU15" s="231"/>
      <c r="JV15" s="61">
        <v>0</v>
      </c>
      <c r="JW15" s="61">
        <v>0</v>
      </c>
      <c r="JX15" s="61">
        <v>0</v>
      </c>
      <c r="JY15" s="61">
        <v>0</v>
      </c>
      <c r="JZ15" s="61">
        <v>0</v>
      </c>
      <c r="KA15" s="62">
        <v>0</v>
      </c>
      <c r="KB15" s="63">
        <v>0</v>
      </c>
      <c r="KC15" s="60">
        <v>94</v>
      </c>
      <c r="KD15" s="61">
        <v>75</v>
      </c>
      <c r="KE15" s="62">
        <v>169</v>
      </c>
      <c r="KF15" s="231"/>
      <c r="KG15" s="61">
        <v>148</v>
      </c>
      <c r="KH15" s="61">
        <v>99</v>
      </c>
      <c r="KI15" s="61">
        <v>68</v>
      </c>
      <c r="KJ15" s="61">
        <v>81</v>
      </c>
      <c r="KK15" s="61">
        <v>32</v>
      </c>
      <c r="KL15" s="62">
        <v>428</v>
      </c>
      <c r="KM15" s="63">
        <v>597</v>
      </c>
    </row>
    <row r="16" spans="2:299" ht="21" customHeight="1" x14ac:dyDescent="0.2">
      <c r="B16" s="472" t="s">
        <v>12</v>
      </c>
      <c r="C16" s="293">
        <v>141</v>
      </c>
      <c r="D16" s="72">
        <v>147</v>
      </c>
      <c r="E16" s="73">
        <v>288</v>
      </c>
      <c r="F16" s="228"/>
      <c r="G16" s="72">
        <v>155</v>
      </c>
      <c r="H16" s="72">
        <v>135</v>
      </c>
      <c r="I16" s="72">
        <v>84</v>
      </c>
      <c r="J16" s="72">
        <v>93</v>
      </c>
      <c r="K16" s="72">
        <v>30</v>
      </c>
      <c r="L16" s="74">
        <v>497</v>
      </c>
      <c r="M16" s="75">
        <v>785</v>
      </c>
      <c r="N16" s="76">
        <v>4</v>
      </c>
      <c r="O16" s="61">
        <v>0</v>
      </c>
      <c r="P16" s="62">
        <v>4</v>
      </c>
      <c r="Q16" s="231"/>
      <c r="R16" s="61">
        <v>2</v>
      </c>
      <c r="S16" s="61">
        <v>2</v>
      </c>
      <c r="T16" s="61">
        <v>0</v>
      </c>
      <c r="U16" s="61">
        <v>3</v>
      </c>
      <c r="V16" s="61">
        <v>0</v>
      </c>
      <c r="W16" s="62">
        <v>7</v>
      </c>
      <c r="X16" s="63">
        <v>11</v>
      </c>
      <c r="Y16" s="60">
        <v>2</v>
      </c>
      <c r="Z16" s="61">
        <v>9</v>
      </c>
      <c r="AA16" s="62">
        <v>11</v>
      </c>
      <c r="AB16" s="231"/>
      <c r="AC16" s="61">
        <v>5</v>
      </c>
      <c r="AD16" s="61">
        <v>4</v>
      </c>
      <c r="AE16" s="61">
        <v>4</v>
      </c>
      <c r="AF16" s="61">
        <v>3</v>
      </c>
      <c r="AG16" s="61">
        <v>3</v>
      </c>
      <c r="AH16" s="62">
        <v>19</v>
      </c>
      <c r="AI16" s="63">
        <v>30</v>
      </c>
      <c r="AJ16" s="76">
        <v>6</v>
      </c>
      <c r="AK16" s="61">
        <v>16</v>
      </c>
      <c r="AL16" s="62">
        <v>22</v>
      </c>
      <c r="AM16" s="231"/>
      <c r="AN16" s="61">
        <v>10</v>
      </c>
      <c r="AO16" s="61">
        <v>7</v>
      </c>
      <c r="AP16" s="61">
        <v>8</v>
      </c>
      <c r="AQ16" s="61">
        <v>11</v>
      </c>
      <c r="AR16" s="61">
        <v>3</v>
      </c>
      <c r="AS16" s="62">
        <v>39</v>
      </c>
      <c r="AT16" s="63">
        <v>61</v>
      </c>
      <c r="AU16" s="60">
        <v>41</v>
      </c>
      <c r="AV16" s="61">
        <v>21</v>
      </c>
      <c r="AW16" s="62">
        <v>62</v>
      </c>
      <c r="AX16" s="231"/>
      <c r="AY16" s="61">
        <v>32</v>
      </c>
      <c r="AZ16" s="61">
        <v>21</v>
      </c>
      <c r="BA16" s="61">
        <v>13</v>
      </c>
      <c r="BB16" s="61">
        <v>14</v>
      </c>
      <c r="BC16" s="61">
        <v>6</v>
      </c>
      <c r="BD16" s="62">
        <v>86</v>
      </c>
      <c r="BE16" s="63">
        <v>148</v>
      </c>
      <c r="BF16" s="76">
        <v>43</v>
      </c>
      <c r="BG16" s="61">
        <v>40</v>
      </c>
      <c r="BH16" s="62">
        <v>83</v>
      </c>
      <c r="BI16" s="231"/>
      <c r="BJ16" s="61">
        <v>57</v>
      </c>
      <c r="BK16" s="61">
        <v>40</v>
      </c>
      <c r="BL16" s="61">
        <v>31</v>
      </c>
      <c r="BM16" s="61">
        <v>22</v>
      </c>
      <c r="BN16" s="61">
        <v>13</v>
      </c>
      <c r="BO16" s="62">
        <v>163</v>
      </c>
      <c r="BP16" s="63">
        <v>246</v>
      </c>
      <c r="BQ16" s="60">
        <v>45</v>
      </c>
      <c r="BR16" s="61">
        <v>61</v>
      </c>
      <c r="BS16" s="62">
        <v>106</v>
      </c>
      <c r="BT16" s="231"/>
      <c r="BU16" s="61">
        <v>49</v>
      </c>
      <c r="BV16" s="61">
        <v>61</v>
      </c>
      <c r="BW16" s="61">
        <v>28</v>
      </c>
      <c r="BX16" s="61">
        <v>40</v>
      </c>
      <c r="BY16" s="61">
        <v>5</v>
      </c>
      <c r="BZ16" s="62">
        <v>183</v>
      </c>
      <c r="CA16" s="63">
        <v>289</v>
      </c>
      <c r="CB16" s="60">
        <v>0</v>
      </c>
      <c r="CC16" s="61">
        <v>0</v>
      </c>
      <c r="CD16" s="62">
        <v>0</v>
      </c>
      <c r="CE16" s="231"/>
      <c r="CF16" s="61">
        <v>0</v>
      </c>
      <c r="CG16" s="61">
        <v>0</v>
      </c>
      <c r="CH16" s="61">
        <v>0</v>
      </c>
      <c r="CI16" s="61">
        <v>0</v>
      </c>
      <c r="CJ16" s="61">
        <v>0</v>
      </c>
      <c r="CK16" s="62">
        <v>0</v>
      </c>
      <c r="CL16" s="63">
        <v>0</v>
      </c>
      <c r="CM16" s="60">
        <v>141</v>
      </c>
      <c r="CN16" s="61">
        <v>147</v>
      </c>
      <c r="CO16" s="62">
        <v>288</v>
      </c>
      <c r="CP16" s="231"/>
      <c r="CQ16" s="61">
        <v>155</v>
      </c>
      <c r="CR16" s="61">
        <v>135</v>
      </c>
      <c r="CS16" s="61">
        <v>84</v>
      </c>
      <c r="CT16" s="61">
        <v>93</v>
      </c>
      <c r="CU16" s="61">
        <v>30</v>
      </c>
      <c r="CV16" s="62">
        <v>497</v>
      </c>
      <c r="CW16" s="63">
        <v>785</v>
      </c>
      <c r="CX16" s="113">
        <v>14</v>
      </c>
      <c r="CY16" s="72">
        <v>23</v>
      </c>
      <c r="CZ16" s="73">
        <v>37</v>
      </c>
      <c r="DA16" s="228"/>
      <c r="DB16" s="72">
        <v>18</v>
      </c>
      <c r="DC16" s="72">
        <v>16</v>
      </c>
      <c r="DD16" s="72">
        <v>10</v>
      </c>
      <c r="DE16" s="72">
        <v>13</v>
      </c>
      <c r="DF16" s="72">
        <v>6</v>
      </c>
      <c r="DG16" s="74">
        <v>63</v>
      </c>
      <c r="DH16" s="75">
        <v>100</v>
      </c>
      <c r="DI16" s="76">
        <v>2</v>
      </c>
      <c r="DJ16" s="61">
        <v>1</v>
      </c>
      <c r="DK16" s="62">
        <v>3</v>
      </c>
      <c r="DL16" s="231"/>
      <c r="DM16" s="61">
        <v>0</v>
      </c>
      <c r="DN16" s="61">
        <v>0</v>
      </c>
      <c r="DO16" s="61">
        <v>0</v>
      </c>
      <c r="DP16" s="61">
        <v>0</v>
      </c>
      <c r="DQ16" s="61">
        <v>0</v>
      </c>
      <c r="DR16" s="62">
        <v>0</v>
      </c>
      <c r="DS16" s="63">
        <v>3</v>
      </c>
      <c r="DT16" s="60">
        <v>1</v>
      </c>
      <c r="DU16" s="61">
        <v>0</v>
      </c>
      <c r="DV16" s="62">
        <v>1</v>
      </c>
      <c r="DW16" s="231"/>
      <c r="DX16" s="61">
        <v>0</v>
      </c>
      <c r="DY16" s="61">
        <v>0</v>
      </c>
      <c r="DZ16" s="61">
        <v>0</v>
      </c>
      <c r="EA16" s="61">
        <v>0</v>
      </c>
      <c r="EB16" s="61">
        <v>0</v>
      </c>
      <c r="EC16" s="62">
        <v>0</v>
      </c>
      <c r="ED16" s="63">
        <v>1</v>
      </c>
      <c r="EE16" s="76">
        <v>1</v>
      </c>
      <c r="EF16" s="61">
        <v>2</v>
      </c>
      <c r="EG16" s="62">
        <v>3</v>
      </c>
      <c r="EH16" s="231"/>
      <c r="EI16" s="61">
        <v>1</v>
      </c>
      <c r="EJ16" s="61">
        <v>0</v>
      </c>
      <c r="EK16" s="61">
        <v>1</v>
      </c>
      <c r="EL16" s="61">
        <v>0</v>
      </c>
      <c r="EM16" s="61">
        <v>0</v>
      </c>
      <c r="EN16" s="62">
        <v>2</v>
      </c>
      <c r="EO16" s="63">
        <v>5</v>
      </c>
      <c r="EP16" s="60">
        <v>6</v>
      </c>
      <c r="EQ16" s="61">
        <v>5</v>
      </c>
      <c r="ER16" s="62">
        <v>11</v>
      </c>
      <c r="ES16" s="231"/>
      <c r="ET16" s="61">
        <v>4</v>
      </c>
      <c r="EU16" s="61">
        <v>2</v>
      </c>
      <c r="EV16" s="61">
        <v>2</v>
      </c>
      <c r="EW16" s="61">
        <v>1</v>
      </c>
      <c r="EX16" s="61">
        <v>0</v>
      </c>
      <c r="EY16" s="62">
        <v>9</v>
      </c>
      <c r="EZ16" s="63">
        <v>20</v>
      </c>
      <c r="FA16" s="76">
        <v>0</v>
      </c>
      <c r="FB16" s="61">
        <v>11</v>
      </c>
      <c r="FC16" s="62">
        <v>11</v>
      </c>
      <c r="FD16" s="231"/>
      <c r="FE16" s="61">
        <v>3</v>
      </c>
      <c r="FF16" s="61">
        <v>5</v>
      </c>
      <c r="FG16" s="61">
        <v>3</v>
      </c>
      <c r="FH16" s="61">
        <v>1</v>
      </c>
      <c r="FI16" s="61">
        <v>2</v>
      </c>
      <c r="FJ16" s="62">
        <v>14</v>
      </c>
      <c r="FK16" s="63">
        <v>25</v>
      </c>
      <c r="FL16" s="60">
        <v>4</v>
      </c>
      <c r="FM16" s="61">
        <v>4</v>
      </c>
      <c r="FN16" s="62">
        <v>8</v>
      </c>
      <c r="FO16" s="231"/>
      <c r="FP16" s="61">
        <v>10</v>
      </c>
      <c r="FQ16" s="61">
        <v>9</v>
      </c>
      <c r="FR16" s="61">
        <v>4</v>
      </c>
      <c r="FS16" s="61">
        <v>11</v>
      </c>
      <c r="FT16" s="61">
        <v>4</v>
      </c>
      <c r="FU16" s="62">
        <v>38</v>
      </c>
      <c r="FV16" s="63">
        <v>46</v>
      </c>
      <c r="FW16" s="60">
        <v>0</v>
      </c>
      <c r="FX16" s="61">
        <v>0</v>
      </c>
      <c r="FY16" s="62">
        <v>0</v>
      </c>
      <c r="FZ16" s="231"/>
      <c r="GA16" s="61">
        <v>0</v>
      </c>
      <c r="GB16" s="61">
        <v>0</v>
      </c>
      <c r="GC16" s="61">
        <v>0</v>
      </c>
      <c r="GD16" s="61">
        <v>0</v>
      </c>
      <c r="GE16" s="61">
        <v>0</v>
      </c>
      <c r="GF16" s="62">
        <v>0</v>
      </c>
      <c r="GG16" s="63">
        <v>0</v>
      </c>
      <c r="GH16" s="60">
        <v>14</v>
      </c>
      <c r="GI16" s="61">
        <v>23</v>
      </c>
      <c r="GJ16" s="62">
        <v>37</v>
      </c>
      <c r="GK16" s="231"/>
      <c r="GL16" s="61">
        <v>18</v>
      </c>
      <c r="GM16" s="61">
        <v>16</v>
      </c>
      <c r="GN16" s="61">
        <v>10</v>
      </c>
      <c r="GO16" s="61">
        <v>13</v>
      </c>
      <c r="GP16" s="61">
        <v>6</v>
      </c>
      <c r="GQ16" s="62">
        <v>63</v>
      </c>
      <c r="GR16" s="63">
        <v>100</v>
      </c>
      <c r="GS16" s="113">
        <v>155</v>
      </c>
      <c r="GT16" s="72">
        <v>170</v>
      </c>
      <c r="GU16" s="73">
        <v>325</v>
      </c>
      <c r="GV16" s="228"/>
      <c r="GW16" s="72">
        <v>173</v>
      </c>
      <c r="GX16" s="72">
        <v>151</v>
      </c>
      <c r="GY16" s="72">
        <v>94</v>
      </c>
      <c r="GZ16" s="72">
        <v>106</v>
      </c>
      <c r="HA16" s="72">
        <v>36</v>
      </c>
      <c r="HB16" s="74">
        <v>560</v>
      </c>
      <c r="HC16" s="75">
        <v>885</v>
      </c>
      <c r="HD16" s="76">
        <v>6</v>
      </c>
      <c r="HE16" s="61">
        <v>1</v>
      </c>
      <c r="HF16" s="62">
        <v>7</v>
      </c>
      <c r="HG16" s="231"/>
      <c r="HH16" s="61">
        <v>2</v>
      </c>
      <c r="HI16" s="61">
        <v>2</v>
      </c>
      <c r="HJ16" s="61">
        <v>0</v>
      </c>
      <c r="HK16" s="61">
        <v>3</v>
      </c>
      <c r="HL16" s="61">
        <v>0</v>
      </c>
      <c r="HM16" s="62">
        <v>7</v>
      </c>
      <c r="HN16" s="63">
        <v>14</v>
      </c>
      <c r="HO16" s="60">
        <v>3</v>
      </c>
      <c r="HP16" s="61">
        <v>9</v>
      </c>
      <c r="HQ16" s="62">
        <v>12</v>
      </c>
      <c r="HR16" s="231"/>
      <c r="HS16" s="61">
        <v>5</v>
      </c>
      <c r="HT16" s="61">
        <v>4</v>
      </c>
      <c r="HU16" s="61">
        <v>4</v>
      </c>
      <c r="HV16" s="61">
        <v>3</v>
      </c>
      <c r="HW16" s="61">
        <v>3</v>
      </c>
      <c r="HX16" s="62">
        <v>19</v>
      </c>
      <c r="HY16" s="63">
        <v>31</v>
      </c>
      <c r="HZ16" s="76">
        <v>7</v>
      </c>
      <c r="IA16" s="61">
        <v>18</v>
      </c>
      <c r="IB16" s="62">
        <v>25</v>
      </c>
      <c r="IC16" s="231"/>
      <c r="ID16" s="61">
        <v>11</v>
      </c>
      <c r="IE16" s="61">
        <v>7</v>
      </c>
      <c r="IF16" s="61">
        <v>9</v>
      </c>
      <c r="IG16" s="61">
        <v>11</v>
      </c>
      <c r="IH16" s="61">
        <v>3</v>
      </c>
      <c r="II16" s="62">
        <v>41</v>
      </c>
      <c r="IJ16" s="63">
        <v>66</v>
      </c>
      <c r="IK16" s="60">
        <v>47</v>
      </c>
      <c r="IL16" s="61">
        <v>26</v>
      </c>
      <c r="IM16" s="62">
        <v>73</v>
      </c>
      <c r="IN16" s="231"/>
      <c r="IO16" s="61">
        <v>36</v>
      </c>
      <c r="IP16" s="61">
        <v>23</v>
      </c>
      <c r="IQ16" s="61">
        <v>15</v>
      </c>
      <c r="IR16" s="61">
        <v>15</v>
      </c>
      <c r="IS16" s="61">
        <v>6</v>
      </c>
      <c r="IT16" s="62">
        <v>95</v>
      </c>
      <c r="IU16" s="63">
        <v>168</v>
      </c>
      <c r="IV16" s="76">
        <v>43</v>
      </c>
      <c r="IW16" s="61">
        <v>51</v>
      </c>
      <c r="IX16" s="62">
        <v>94</v>
      </c>
      <c r="IY16" s="231"/>
      <c r="IZ16" s="61">
        <v>60</v>
      </c>
      <c r="JA16" s="61">
        <v>45</v>
      </c>
      <c r="JB16" s="61">
        <v>34</v>
      </c>
      <c r="JC16" s="61">
        <v>23</v>
      </c>
      <c r="JD16" s="61">
        <v>15</v>
      </c>
      <c r="JE16" s="62">
        <v>177</v>
      </c>
      <c r="JF16" s="63">
        <v>271</v>
      </c>
      <c r="JG16" s="60">
        <v>49</v>
      </c>
      <c r="JH16" s="61">
        <v>65</v>
      </c>
      <c r="JI16" s="62">
        <v>114</v>
      </c>
      <c r="JJ16" s="231"/>
      <c r="JK16" s="61">
        <v>59</v>
      </c>
      <c r="JL16" s="61">
        <v>70</v>
      </c>
      <c r="JM16" s="61">
        <v>32</v>
      </c>
      <c r="JN16" s="61">
        <v>51</v>
      </c>
      <c r="JO16" s="61">
        <v>9</v>
      </c>
      <c r="JP16" s="62">
        <v>221</v>
      </c>
      <c r="JQ16" s="63">
        <v>335</v>
      </c>
      <c r="JR16" s="60">
        <v>0</v>
      </c>
      <c r="JS16" s="61">
        <v>0</v>
      </c>
      <c r="JT16" s="62">
        <v>0</v>
      </c>
      <c r="JU16" s="231"/>
      <c r="JV16" s="61">
        <v>0</v>
      </c>
      <c r="JW16" s="61">
        <v>0</v>
      </c>
      <c r="JX16" s="61">
        <v>0</v>
      </c>
      <c r="JY16" s="61">
        <v>0</v>
      </c>
      <c r="JZ16" s="61">
        <v>0</v>
      </c>
      <c r="KA16" s="62">
        <v>0</v>
      </c>
      <c r="KB16" s="63">
        <v>0</v>
      </c>
      <c r="KC16" s="60">
        <v>155</v>
      </c>
      <c r="KD16" s="61">
        <v>170</v>
      </c>
      <c r="KE16" s="62">
        <v>325</v>
      </c>
      <c r="KF16" s="231"/>
      <c r="KG16" s="61">
        <v>173</v>
      </c>
      <c r="KH16" s="61">
        <v>151</v>
      </c>
      <c r="KI16" s="61">
        <v>94</v>
      </c>
      <c r="KJ16" s="61">
        <v>106</v>
      </c>
      <c r="KK16" s="61">
        <v>36</v>
      </c>
      <c r="KL16" s="62">
        <v>560</v>
      </c>
      <c r="KM16" s="63">
        <v>885</v>
      </c>
    </row>
    <row r="17" spans="2:299" ht="21" customHeight="1" x14ac:dyDescent="0.2">
      <c r="B17" s="472" t="s">
        <v>13</v>
      </c>
      <c r="C17" s="293">
        <v>42</v>
      </c>
      <c r="D17" s="72">
        <v>42</v>
      </c>
      <c r="E17" s="73">
        <v>84</v>
      </c>
      <c r="F17" s="228"/>
      <c r="G17" s="72">
        <v>76</v>
      </c>
      <c r="H17" s="72">
        <v>69</v>
      </c>
      <c r="I17" s="72">
        <v>46</v>
      </c>
      <c r="J17" s="72">
        <v>42</v>
      </c>
      <c r="K17" s="72">
        <v>24</v>
      </c>
      <c r="L17" s="74">
        <v>257</v>
      </c>
      <c r="M17" s="75">
        <v>341</v>
      </c>
      <c r="N17" s="60">
        <v>0</v>
      </c>
      <c r="O17" s="61">
        <v>0</v>
      </c>
      <c r="P17" s="62">
        <v>0</v>
      </c>
      <c r="Q17" s="231"/>
      <c r="R17" s="61">
        <v>1</v>
      </c>
      <c r="S17" s="61">
        <v>1</v>
      </c>
      <c r="T17" s="61">
        <v>0</v>
      </c>
      <c r="U17" s="61">
        <v>0</v>
      </c>
      <c r="V17" s="61">
        <v>0</v>
      </c>
      <c r="W17" s="62">
        <v>2</v>
      </c>
      <c r="X17" s="63">
        <v>2</v>
      </c>
      <c r="Y17" s="60">
        <v>0</v>
      </c>
      <c r="Z17" s="61">
        <v>0</v>
      </c>
      <c r="AA17" s="62">
        <v>0</v>
      </c>
      <c r="AB17" s="231"/>
      <c r="AC17" s="61">
        <v>4</v>
      </c>
      <c r="AD17" s="61">
        <v>1</v>
      </c>
      <c r="AE17" s="61">
        <v>1</v>
      </c>
      <c r="AF17" s="61">
        <v>0</v>
      </c>
      <c r="AG17" s="61">
        <v>4</v>
      </c>
      <c r="AH17" s="62">
        <v>10</v>
      </c>
      <c r="AI17" s="63">
        <v>10</v>
      </c>
      <c r="AJ17" s="60">
        <v>4</v>
      </c>
      <c r="AK17" s="61">
        <v>1</v>
      </c>
      <c r="AL17" s="62">
        <v>5</v>
      </c>
      <c r="AM17" s="231"/>
      <c r="AN17" s="61">
        <v>4</v>
      </c>
      <c r="AO17" s="61">
        <v>4</v>
      </c>
      <c r="AP17" s="61">
        <v>3</v>
      </c>
      <c r="AQ17" s="61">
        <v>1</v>
      </c>
      <c r="AR17" s="61">
        <v>2</v>
      </c>
      <c r="AS17" s="62">
        <v>14</v>
      </c>
      <c r="AT17" s="63">
        <v>19</v>
      </c>
      <c r="AU17" s="60">
        <v>6</v>
      </c>
      <c r="AV17" s="61">
        <v>11</v>
      </c>
      <c r="AW17" s="62">
        <v>17</v>
      </c>
      <c r="AX17" s="231"/>
      <c r="AY17" s="61">
        <v>17</v>
      </c>
      <c r="AZ17" s="61">
        <v>13</v>
      </c>
      <c r="BA17" s="61">
        <v>6</v>
      </c>
      <c r="BB17" s="61">
        <v>8</v>
      </c>
      <c r="BC17" s="61">
        <v>4</v>
      </c>
      <c r="BD17" s="62">
        <v>48</v>
      </c>
      <c r="BE17" s="63">
        <v>65</v>
      </c>
      <c r="BF17" s="60">
        <v>17</v>
      </c>
      <c r="BG17" s="61">
        <v>22</v>
      </c>
      <c r="BH17" s="62">
        <v>39</v>
      </c>
      <c r="BI17" s="231"/>
      <c r="BJ17" s="61">
        <v>24</v>
      </c>
      <c r="BK17" s="61">
        <v>20</v>
      </c>
      <c r="BL17" s="61">
        <v>16</v>
      </c>
      <c r="BM17" s="61">
        <v>16</v>
      </c>
      <c r="BN17" s="61">
        <v>5</v>
      </c>
      <c r="BO17" s="62">
        <v>81</v>
      </c>
      <c r="BP17" s="63">
        <v>120</v>
      </c>
      <c r="BQ17" s="60">
        <v>15</v>
      </c>
      <c r="BR17" s="61">
        <v>8</v>
      </c>
      <c r="BS17" s="62">
        <v>23</v>
      </c>
      <c r="BT17" s="231"/>
      <c r="BU17" s="61">
        <v>26</v>
      </c>
      <c r="BV17" s="61">
        <v>30</v>
      </c>
      <c r="BW17" s="61">
        <v>20</v>
      </c>
      <c r="BX17" s="61">
        <v>17</v>
      </c>
      <c r="BY17" s="61">
        <v>9</v>
      </c>
      <c r="BZ17" s="62">
        <v>102</v>
      </c>
      <c r="CA17" s="63">
        <v>125</v>
      </c>
      <c r="CB17" s="60">
        <v>0</v>
      </c>
      <c r="CC17" s="61">
        <v>0</v>
      </c>
      <c r="CD17" s="62">
        <v>0</v>
      </c>
      <c r="CE17" s="231"/>
      <c r="CF17" s="61">
        <v>0</v>
      </c>
      <c r="CG17" s="61">
        <v>0</v>
      </c>
      <c r="CH17" s="61">
        <v>0</v>
      </c>
      <c r="CI17" s="61">
        <v>0</v>
      </c>
      <c r="CJ17" s="61">
        <v>0</v>
      </c>
      <c r="CK17" s="62">
        <v>0</v>
      </c>
      <c r="CL17" s="63">
        <v>0</v>
      </c>
      <c r="CM17" s="60">
        <v>42</v>
      </c>
      <c r="CN17" s="61">
        <v>42</v>
      </c>
      <c r="CO17" s="62">
        <v>84</v>
      </c>
      <c r="CP17" s="231"/>
      <c r="CQ17" s="61">
        <v>76</v>
      </c>
      <c r="CR17" s="61">
        <v>69</v>
      </c>
      <c r="CS17" s="61">
        <v>46</v>
      </c>
      <c r="CT17" s="61">
        <v>42</v>
      </c>
      <c r="CU17" s="61">
        <v>24</v>
      </c>
      <c r="CV17" s="62">
        <v>257</v>
      </c>
      <c r="CW17" s="63">
        <v>341</v>
      </c>
      <c r="CX17" s="113">
        <v>11</v>
      </c>
      <c r="CY17" s="72">
        <v>7</v>
      </c>
      <c r="CZ17" s="73">
        <v>18</v>
      </c>
      <c r="DA17" s="228"/>
      <c r="DB17" s="72">
        <v>9</v>
      </c>
      <c r="DC17" s="72">
        <v>6</v>
      </c>
      <c r="DD17" s="72">
        <v>4</v>
      </c>
      <c r="DE17" s="72">
        <v>5</v>
      </c>
      <c r="DF17" s="72">
        <v>1</v>
      </c>
      <c r="DG17" s="74">
        <v>25</v>
      </c>
      <c r="DH17" s="75">
        <v>43</v>
      </c>
      <c r="DI17" s="60">
        <v>0</v>
      </c>
      <c r="DJ17" s="61">
        <v>0</v>
      </c>
      <c r="DK17" s="62">
        <v>0</v>
      </c>
      <c r="DL17" s="231"/>
      <c r="DM17" s="61">
        <v>0</v>
      </c>
      <c r="DN17" s="61">
        <v>0</v>
      </c>
      <c r="DO17" s="61">
        <v>0</v>
      </c>
      <c r="DP17" s="61">
        <v>0</v>
      </c>
      <c r="DQ17" s="61">
        <v>0</v>
      </c>
      <c r="DR17" s="62">
        <v>0</v>
      </c>
      <c r="DS17" s="63">
        <v>0</v>
      </c>
      <c r="DT17" s="60">
        <v>1</v>
      </c>
      <c r="DU17" s="61">
        <v>0</v>
      </c>
      <c r="DV17" s="62">
        <v>1</v>
      </c>
      <c r="DW17" s="231"/>
      <c r="DX17" s="61">
        <v>0</v>
      </c>
      <c r="DY17" s="61">
        <v>0</v>
      </c>
      <c r="DZ17" s="61">
        <v>0</v>
      </c>
      <c r="EA17" s="61">
        <v>0</v>
      </c>
      <c r="EB17" s="61">
        <v>0</v>
      </c>
      <c r="EC17" s="62">
        <v>0</v>
      </c>
      <c r="ED17" s="63">
        <v>1</v>
      </c>
      <c r="EE17" s="60">
        <v>2</v>
      </c>
      <c r="EF17" s="61">
        <v>0</v>
      </c>
      <c r="EG17" s="62">
        <v>2</v>
      </c>
      <c r="EH17" s="231"/>
      <c r="EI17" s="61">
        <v>2</v>
      </c>
      <c r="EJ17" s="61">
        <v>0</v>
      </c>
      <c r="EK17" s="61">
        <v>1</v>
      </c>
      <c r="EL17" s="61">
        <v>0</v>
      </c>
      <c r="EM17" s="61">
        <v>0</v>
      </c>
      <c r="EN17" s="62">
        <v>3</v>
      </c>
      <c r="EO17" s="63">
        <v>5</v>
      </c>
      <c r="EP17" s="60">
        <v>5</v>
      </c>
      <c r="EQ17" s="61">
        <v>2</v>
      </c>
      <c r="ER17" s="62">
        <v>7</v>
      </c>
      <c r="ES17" s="231"/>
      <c r="ET17" s="61">
        <v>2</v>
      </c>
      <c r="EU17" s="61">
        <v>0</v>
      </c>
      <c r="EV17" s="61">
        <v>0</v>
      </c>
      <c r="EW17" s="61">
        <v>0</v>
      </c>
      <c r="EX17" s="61">
        <v>0</v>
      </c>
      <c r="EY17" s="62">
        <v>2</v>
      </c>
      <c r="EZ17" s="63">
        <v>9</v>
      </c>
      <c r="FA17" s="60">
        <v>1</v>
      </c>
      <c r="FB17" s="61">
        <v>2</v>
      </c>
      <c r="FC17" s="62">
        <v>3</v>
      </c>
      <c r="FD17" s="231"/>
      <c r="FE17" s="61">
        <v>3</v>
      </c>
      <c r="FF17" s="61">
        <v>2</v>
      </c>
      <c r="FG17" s="61">
        <v>2</v>
      </c>
      <c r="FH17" s="61">
        <v>1</v>
      </c>
      <c r="FI17" s="61">
        <v>0</v>
      </c>
      <c r="FJ17" s="62">
        <v>8</v>
      </c>
      <c r="FK17" s="63">
        <v>11</v>
      </c>
      <c r="FL17" s="60">
        <v>2</v>
      </c>
      <c r="FM17" s="61">
        <v>3</v>
      </c>
      <c r="FN17" s="62">
        <v>5</v>
      </c>
      <c r="FO17" s="231"/>
      <c r="FP17" s="61">
        <v>2</v>
      </c>
      <c r="FQ17" s="61">
        <v>4</v>
      </c>
      <c r="FR17" s="61">
        <v>1</v>
      </c>
      <c r="FS17" s="61">
        <v>4</v>
      </c>
      <c r="FT17" s="61">
        <v>1</v>
      </c>
      <c r="FU17" s="62">
        <v>12</v>
      </c>
      <c r="FV17" s="63">
        <v>17</v>
      </c>
      <c r="FW17" s="60">
        <v>0</v>
      </c>
      <c r="FX17" s="61">
        <v>0</v>
      </c>
      <c r="FY17" s="62">
        <v>0</v>
      </c>
      <c r="FZ17" s="231"/>
      <c r="GA17" s="61">
        <v>0</v>
      </c>
      <c r="GB17" s="61">
        <v>0</v>
      </c>
      <c r="GC17" s="61">
        <v>0</v>
      </c>
      <c r="GD17" s="61">
        <v>0</v>
      </c>
      <c r="GE17" s="61">
        <v>0</v>
      </c>
      <c r="GF17" s="62">
        <v>0</v>
      </c>
      <c r="GG17" s="63">
        <v>0</v>
      </c>
      <c r="GH17" s="60">
        <v>11</v>
      </c>
      <c r="GI17" s="61">
        <v>7</v>
      </c>
      <c r="GJ17" s="62">
        <v>18</v>
      </c>
      <c r="GK17" s="231"/>
      <c r="GL17" s="61">
        <v>9</v>
      </c>
      <c r="GM17" s="61">
        <v>6</v>
      </c>
      <c r="GN17" s="61">
        <v>4</v>
      </c>
      <c r="GO17" s="61">
        <v>5</v>
      </c>
      <c r="GP17" s="61">
        <v>1</v>
      </c>
      <c r="GQ17" s="62">
        <v>25</v>
      </c>
      <c r="GR17" s="63">
        <v>43</v>
      </c>
      <c r="GS17" s="113">
        <v>53</v>
      </c>
      <c r="GT17" s="72">
        <v>49</v>
      </c>
      <c r="GU17" s="73">
        <v>102</v>
      </c>
      <c r="GV17" s="228"/>
      <c r="GW17" s="72">
        <v>85</v>
      </c>
      <c r="GX17" s="72">
        <v>75</v>
      </c>
      <c r="GY17" s="72">
        <v>50</v>
      </c>
      <c r="GZ17" s="72">
        <v>47</v>
      </c>
      <c r="HA17" s="72">
        <v>25</v>
      </c>
      <c r="HB17" s="74">
        <v>282</v>
      </c>
      <c r="HC17" s="75">
        <v>384</v>
      </c>
      <c r="HD17" s="60">
        <v>0</v>
      </c>
      <c r="HE17" s="61">
        <v>0</v>
      </c>
      <c r="HF17" s="62">
        <v>0</v>
      </c>
      <c r="HG17" s="231"/>
      <c r="HH17" s="61">
        <v>1</v>
      </c>
      <c r="HI17" s="61">
        <v>1</v>
      </c>
      <c r="HJ17" s="61">
        <v>0</v>
      </c>
      <c r="HK17" s="61">
        <v>0</v>
      </c>
      <c r="HL17" s="61">
        <v>0</v>
      </c>
      <c r="HM17" s="62">
        <v>2</v>
      </c>
      <c r="HN17" s="63">
        <v>2</v>
      </c>
      <c r="HO17" s="60">
        <v>1</v>
      </c>
      <c r="HP17" s="61">
        <v>0</v>
      </c>
      <c r="HQ17" s="62">
        <v>1</v>
      </c>
      <c r="HR17" s="231"/>
      <c r="HS17" s="61">
        <v>4</v>
      </c>
      <c r="HT17" s="61">
        <v>1</v>
      </c>
      <c r="HU17" s="61">
        <v>1</v>
      </c>
      <c r="HV17" s="61">
        <v>0</v>
      </c>
      <c r="HW17" s="61">
        <v>4</v>
      </c>
      <c r="HX17" s="62">
        <v>10</v>
      </c>
      <c r="HY17" s="63">
        <v>11</v>
      </c>
      <c r="HZ17" s="60">
        <v>6</v>
      </c>
      <c r="IA17" s="61">
        <v>1</v>
      </c>
      <c r="IB17" s="62">
        <v>7</v>
      </c>
      <c r="IC17" s="231"/>
      <c r="ID17" s="61">
        <v>6</v>
      </c>
      <c r="IE17" s="61">
        <v>4</v>
      </c>
      <c r="IF17" s="61">
        <v>4</v>
      </c>
      <c r="IG17" s="61">
        <v>1</v>
      </c>
      <c r="IH17" s="61">
        <v>2</v>
      </c>
      <c r="II17" s="62">
        <v>17</v>
      </c>
      <c r="IJ17" s="63">
        <v>24</v>
      </c>
      <c r="IK17" s="60">
        <v>11</v>
      </c>
      <c r="IL17" s="61">
        <v>13</v>
      </c>
      <c r="IM17" s="62">
        <v>24</v>
      </c>
      <c r="IN17" s="231"/>
      <c r="IO17" s="61">
        <v>19</v>
      </c>
      <c r="IP17" s="61">
        <v>13</v>
      </c>
      <c r="IQ17" s="61">
        <v>6</v>
      </c>
      <c r="IR17" s="61">
        <v>8</v>
      </c>
      <c r="IS17" s="61">
        <v>4</v>
      </c>
      <c r="IT17" s="62">
        <v>50</v>
      </c>
      <c r="IU17" s="63">
        <v>74</v>
      </c>
      <c r="IV17" s="60">
        <v>18</v>
      </c>
      <c r="IW17" s="61">
        <v>24</v>
      </c>
      <c r="IX17" s="62">
        <v>42</v>
      </c>
      <c r="IY17" s="231"/>
      <c r="IZ17" s="61">
        <v>27</v>
      </c>
      <c r="JA17" s="61">
        <v>22</v>
      </c>
      <c r="JB17" s="61">
        <v>18</v>
      </c>
      <c r="JC17" s="61">
        <v>17</v>
      </c>
      <c r="JD17" s="61">
        <v>5</v>
      </c>
      <c r="JE17" s="62">
        <v>89</v>
      </c>
      <c r="JF17" s="63">
        <v>131</v>
      </c>
      <c r="JG17" s="60">
        <v>17</v>
      </c>
      <c r="JH17" s="61">
        <v>11</v>
      </c>
      <c r="JI17" s="62">
        <v>28</v>
      </c>
      <c r="JJ17" s="231"/>
      <c r="JK17" s="61">
        <v>28</v>
      </c>
      <c r="JL17" s="61">
        <v>34</v>
      </c>
      <c r="JM17" s="61">
        <v>21</v>
      </c>
      <c r="JN17" s="61">
        <v>21</v>
      </c>
      <c r="JO17" s="61">
        <v>10</v>
      </c>
      <c r="JP17" s="62">
        <v>114</v>
      </c>
      <c r="JQ17" s="63">
        <v>142</v>
      </c>
      <c r="JR17" s="60">
        <v>0</v>
      </c>
      <c r="JS17" s="61">
        <v>0</v>
      </c>
      <c r="JT17" s="62">
        <v>0</v>
      </c>
      <c r="JU17" s="231"/>
      <c r="JV17" s="61">
        <v>0</v>
      </c>
      <c r="JW17" s="61">
        <v>0</v>
      </c>
      <c r="JX17" s="61">
        <v>0</v>
      </c>
      <c r="JY17" s="61">
        <v>0</v>
      </c>
      <c r="JZ17" s="61">
        <v>0</v>
      </c>
      <c r="KA17" s="62">
        <v>0</v>
      </c>
      <c r="KB17" s="63">
        <v>0</v>
      </c>
      <c r="KC17" s="60">
        <v>53</v>
      </c>
      <c r="KD17" s="61">
        <v>49</v>
      </c>
      <c r="KE17" s="62">
        <v>102</v>
      </c>
      <c r="KF17" s="231"/>
      <c r="KG17" s="61">
        <v>85</v>
      </c>
      <c r="KH17" s="61">
        <v>75</v>
      </c>
      <c r="KI17" s="61">
        <v>50</v>
      </c>
      <c r="KJ17" s="61">
        <v>47</v>
      </c>
      <c r="KK17" s="61">
        <v>25</v>
      </c>
      <c r="KL17" s="62">
        <v>282</v>
      </c>
      <c r="KM17" s="63">
        <v>384</v>
      </c>
    </row>
    <row r="18" spans="2:299" ht="21" customHeight="1" x14ac:dyDescent="0.2">
      <c r="B18" s="472" t="s">
        <v>15</v>
      </c>
      <c r="C18" s="293">
        <v>23</v>
      </c>
      <c r="D18" s="72">
        <v>26</v>
      </c>
      <c r="E18" s="73">
        <v>49</v>
      </c>
      <c r="F18" s="228"/>
      <c r="G18" s="72">
        <v>42</v>
      </c>
      <c r="H18" s="72">
        <v>29</v>
      </c>
      <c r="I18" s="72">
        <v>25</v>
      </c>
      <c r="J18" s="72">
        <v>23</v>
      </c>
      <c r="K18" s="72">
        <v>7</v>
      </c>
      <c r="L18" s="74">
        <v>126</v>
      </c>
      <c r="M18" s="75">
        <v>175</v>
      </c>
      <c r="N18" s="60">
        <v>0</v>
      </c>
      <c r="O18" s="61">
        <v>1</v>
      </c>
      <c r="P18" s="62">
        <v>1</v>
      </c>
      <c r="Q18" s="231"/>
      <c r="R18" s="61">
        <v>1</v>
      </c>
      <c r="S18" s="61">
        <v>2</v>
      </c>
      <c r="T18" s="61">
        <v>0</v>
      </c>
      <c r="U18" s="61">
        <v>2</v>
      </c>
      <c r="V18" s="61">
        <v>0</v>
      </c>
      <c r="W18" s="62">
        <v>5</v>
      </c>
      <c r="X18" s="63">
        <v>6</v>
      </c>
      <c r="Y18" s="60">
        <v>1</v>
      </c>
      <c r="Z18" s="61">
        <v>2</v>
      </c>
      <c r="AA18" s="62">
        <v>3</v>
      </c>
      <c r="AB18" s="231"/>
      <c r="AC18" s="61">
        <v>4</v>
      </c>
      <c r="AD18" s="61">
        <v>0</v>
      </c>
      <c r="AE18" s="61">
        <v>3</v>
      </c>
      <c r="AF18" s="61">
        <v>2</v>
      </c>
      <c r="AG18" s="61">
        <v>1</v>
      </c>
      <c r="AH18" s="62">
        <v>10</v>
      </c>
      <c r="AI18" s="63">
        <v>13</v>
      </c>
      <c r="AJ18" s="60">
        <v>3</v>
      </c>
      <c r="AK18" s="61">
        <v>3</v>
      </c>
      <c r="AL18" s="62">
        <v>6</v>
      </c>
      <c r="AM18" s="231"/>
      <c r="AN18" s="61">
        <v>3</v>
      </c>
      <c r="AO18" s="61">
        <v>2</v>
      </c>
      <c r="AP18" s="61">
        <v>3</v>
      </c>
      <c r="AQ18" s="61">
        <v>1</v>
      </c>
      <c r="AR18" s="61">
        <v>1</v>
      </c>
      <c r="AS18" s="62">
        <v>10</v>
      </c>
      <c r="AT18" s="63">
        <v>16</v>
      </c>
      <c r="AU18" s="60">
        <v>8</v>
      </c>
      <c r="AV18" s="61">
        <v>4</v>
      </c>
      <c r="AW18" s="62">
        <v>12</v>
      </c>
      <c r="AX18" s="231"/>
      <c r="AY18" s="61">
        <v>10</v>
      </c>
      <c r="AZ18" s="61">
        <v>7</v>
      </c>
      <c r="BA18" s="61">
        <v>4</v>
      </c>
      <c r="BB18" s="61">
        <v>5</v>
      </c>
      <c r="BC18" s="61">
        <v>1</v>
      </c>
      <c r="BD18" s="62">
        <v>27</v>
      </c>
      <c r="BE18" s="63">
        <v>39</v>
      </c>
      <c r="BF18" s="60">
        <v>5</v>
      </c>
      <c r="BG18" s="61">
        <v>9</v>
      </c>
      <c r="BH18" s="62">
        <v>14</v>
      </c>
      <c r="BI18" s="231"/>
      <c r="BJ18" s="61">
        <v>10</v>
      </c>
      <c r="BK18" s="61">
        <v>5</v>
      </c>
      <c r="BL18" s="61">
        <v>5</v>
      </c>
      <c r="BM18" s="61">
        <v>4</v>
      </c>
      <c r="BN18" s="61">
        <v>2</v>
      </c>
      <c r="BO18" s="62">
        <v>26</v>
      </c>
      <c r="BP18" s="63">
        <v>40</v>
      </c>
      <c r="BQ18" s="60">
        <v>6</v>
      </c>
      <c r="BR18" s="61">
        <v>7</v>
      </c>
      <c r="BS18" s="62">
        <v>13</v>
      </c>
      <c r="BT18" s="231"/>
      <c r="BU18" s="61">
        <v>14</v>
      </c>
      <c r="BV18" s="61">
        <v>13</v>
      </c>
      <c r="BW18" s="61">
        <v>10</v>
      </c>
      <c r="BX18" s="61">
        <v>9</v>
      </c>
      <c r="BY18" s="61">
        <v>2</v>
      </c>
      <c r="BZ18" s="62">
        <v>48</v>
      </c>
      <c r="CA18" s="63">
        <v>61</v>
      </c>
      <c r="CB18" s="60">
        <v>0</v>
      </c>
      <c r="CC18" s="61">
        <v>0</v>
      </c>
      <c r="CD18" s="62">
        <v>0</v>
      </c>
      <c r="CE18" s="231"/>
      <c r="CF18" s="61">
        <v>0</v>
      </c>
      <c r="CG18" s="61">
        <v>0</v>
      </c>
      <c r="CH18" s="61">
        <v>0</v>
      </c>
      <c r="CI18" s="61">
        <v>0</v>
      </c>
      <c r="CJ18" s="61">
        <v>0</v>
      </c>
      <c r="CK18" s="62">
        <v>0</v>
      </c>
      <c r="CL18" s="63">
        <v>0</v>
      </c>
      <c r="CM18" s="60">
        <v>23</v>
      </c>
      <c r="CN18" s="61">
        <v>26</v>
      </c>
      <c r="CO18" s="62">
        <v>49</v>
      </c>
      <c r="CP18" s="231"/>
      <c r="CQ18" s="61">
        <v>42</v>
      </c>
      <c r="CR18" s="61">
        <v>29</v>
      </c>
      <c r="CS18" s="61">
        <v>25</v>
      </c>
      <c r="CT18" s="61">
        <v>23</v>
      </c>
      <c r="CU18" s="61">
        <v>7</v>
      </c>
      <c r="CV18" s="62">
        <v>126</v>
      </c>
      <c r="CW18" s="63">
        <v>175</v>
      </c>
      <c r="CX18" s="113">
        <v>5</v>
      </c>
      <c r="CY18" s="72">
        <v>4</v>
      </c>
      <c r="CZ18" s="73">
        <v>9</v>
      </c>
      <c r="DA18" s="228"/>
      <c r="DB18" s="72">
        <v>5</v>
      </c>
      <c r="DC18" s="72">
        <v>5</v>
      </c>
      <c r="DD18" s="72">
        <v>2</v>
      </c>
      <c r="DE18" s="72">
        <v>5</v>
      </c>
      <c r="DF18" s="72">
        <v>2</v>
      </c>
      <c r="DG18" s="74">
        <v>19</v>
      </c>
      <c r="DH18" s="75">
        <v>28</v>
      </c>
      <c r="DI18" s="60">
        <v>1</v>
      </c>
      <c r="DJ18" s="61">
        <v>0</v>
      </c>
      <c r="DK18" s="62">
        <v>1</v>
      </c>
      <c r="DL18" s="231"/>
      <c r="DM18" s="61">
        <v>1</v>
      </c>
      <c r="DN18" s="61">
        <v>0</v>
      </c>
      <c r="DO18" s="61">
        <v>0</v>
      </c>
      <c r="DP18" s="61">
        <v>0</v>
      </c>
      <c r="DQ18" s="61">
        <v>0</v>
      </c>
      <c r="DR18" s="62">
        <v>1</v>
      </c>
      <c r="DS18" s="63">
        <v>2</v>
      </c>
      <c r="DT18" s="60">
        <v>0</v>
      </c>
      <c r="DU18" s="61">
        <v>0</v>
      </c>
      <c r="DV18" s="62">
        <v>0</v>
      </c>
      <c r="DW18" s="231"/>
      <c r="DX18" s="61">
        <v>0</v>
      </c>
      <c r="DY18" s="61">
        <v>0</v>
      </c>
      <c r="DZ18" s="61">
        <v>0</v>
      </c>
      <c r="EA18" s="61">
        <v>0</v>
      </c>
      <c r="EB18" s="61">
        <v>0</v>
      </c>
      <c r="EC18" s="62">
        <v>0</v>
      </c>
      <c r="ED18" s="63">
        <v>0</v>
      </c>
      <c r="EE18" s="60">
        <v>1</v>
      </c>
      <c r="EF18" s="61">
        <v>1</v>
      </c>
      <c r="EG18" s="62">
        <v>2</v>
      </c>
      <c r="EH18" s="231"/>
      <c r="EI18" s="61">
        <v>1</v>
      </c>
      <c r="EJ18" s="61">
        <v>0</v>
      </c>
      <c r="EK18" s="61">
        <v>0</v>
      </c>
      <c r="EL18" s="61">
        <v>1</v>
      </c>
      <c r="EM18" s="61">
        <v>0</v>
      </c>
      <c r="EN18" s="62">
        <v>2</v>
      </c>
      <c r="EO18" s="63">
        <v>4</v>
      </c>
      <c r="EP18" s="60">
        <v>0</v>
      </c>
      <c r="EQ18" s="61">
        <v>1</v>
      </c>
      <c r="ER18" s="62">
        <v>1</v>
      </c>
      <c r="ES18" s="231"/>
      <c r="ET18" s="61">
        <v>0</v>
      </c>
      <c r="EU18" s="61">
        <v>1</v>
      </c>
      <c r="EV18" s="61">
        <v>1</v>
      </c>
      <c r="EW18" s="61">
        <v>0</v>
      </c>
      <c r="EX18" s="61">
        <v>0</v>
      </c>
      <c r="EY18" s="62">
        <v>2</v>
      </c>
      <c r="EZ18" s="63">
        <v>3</v>
      </c>
      <c r="FA18" s="60">
        <v>2</v>
      </c>
      <c r="FB18" s="61">
        <v>0</v>
      </c>
      <c r="FC18" s="62">
        <v>2</v>
      </c>
      <c r="FD18" s="231"/>
      <c r="FE18" s="61">
        <v>1</v>
      </c>
      <c r="FF18" s="61">
        <v>0</v>
      </c>
      <c r="FG18" s="61">
        <v>0</v>
      </c>
      <c r="FH18" s="61">
        <v>1</v>
      </c>
      <c r="FI18" s="61">
        <v>1</v>
      </c>
      <c r="FJ18" s="62">
        <v>3</v>
      </c>
      <c r="FK18" s="63">
        <v>5</v>
      </c>
      <c r="FL18" s="60">
        <v>1</v>
      </c>
      <c r="FM18" s="61">
        <v>2</v>
      </c>
      <c r="FN18" s="62">
        <v>3</v>
      </c>
      <c r="FO18" s="231"/>
      <c r="FP18" s="61">
        <v>2</v>
      </c>
      <c r="FQ18" s="61">
        <v>4</v>
      </c>
      <c r="FR18" s="61">
        <v>1</v>
      </c>
      <c r="FS18" s="61">
        <v>3</v>
      </c>
      <c r="FT18" s="61">
        <v>1</v>
      </c>
      <c r="FU18" s="62">
        <v>11</v>
      </c>
      <c r="FV18" s="63">
        <v>14</v>
      </c>
      <c r="FW18" s="60">
        <v>0</v>
      </c>
      <c r="FX18" s="61">
        <v>0</v>
      </c>
      <c r="FY18" s="62">
        <v>0</v>
      </c>
      <c r="FZ18" s="231"/>
      <c r="GA18" s="61">
        <v>0</v>
      </c>
      <c r="GB18" s="61">
        <v>0</v>
      </c>
      <c r="GC18" s="61">
        <v>0</v>
      </c>
      <c r="GD18" s="61">
        <v>0</v>
      </c>
      <c r="GE18" s="61">
        <v>0</v>
      </c>
      <c r="GF18" s="62">
        <v>0</v>
      </c>
      <c r="GG18" s="63">
        <v>0</v>
      </c>
      <c r="GH18" s="60">
        <v>5</v>
      </c>
      <c r="GI18" s="61">
        <v>4</v>
      </c>
      <c r="GJ18" s="62">
        <v>9</v>
      </c>
      <c r="GK18" s="231"/>
      <c r="GL18" s="61">
        <v>5</v>
      </c>
      <c r="GM18" s="61">
        <v>5</v>
      </c>
      <c r="GN18" s="61">
        <v>2</v>
      </c>
      <c r="GO18" s="61">
        <v>5</v>
      </c>
      <c r="GP18" s="61">
        <v>2</v>
      </c>
      <c r="GQ18" s="62">
        <v>19</v>
      </c>
      <c r="GR18" s="63">
        <v>28</v>
      </c>
      <c r="GS18" s="113">
        <v>28</v>
      </c>
      <c r="GT18" s="72">
        <v>30</v>
      </c>
      <c r="GU18" s="73">
        <v>58</v>
      </c>
      <c r="GV18" s="228"/>
      <c r="GW18" s="72">
        <v>47</v>
      </c>
      <c r="GX18" s="72">
        <v>34</v>
      </c>
      <c r="GY18" s="72">
        <v>27</v>
      </c>
      <c r="GZ18" s="72">
        <v>28</v>
      </c>
      <c r="HA18" s="72">
        <v>9</v>
      </c>
      <c r="HB18" s="74">
        <v>145</v>
      </c>
      <c r="HC18" s="75">
        <v>203</v>
      </c>
      <c r="HD18" s="60">
        <v>1</v>
      </c>
      <c r="HE18" s="61">
        <v>1</v>
      </c>
      <c r="HF18" s="62">
        <v>2</v>
      </c>
      <c r="HG18" s="231"/>
      <c r="HH18" s="61">
        <v>2</v>
      </c>
      <c r="HI18" s="61">
        <v>2</v>
      </c>
      <c r="HJ18" s="61">
        <v>0</v>
      </c>
      <c r="HK18" s="61">
        <v>2</v>
      </c>
      <c r="HL18" s="61">
        <v>0</v>
      </c>
      <c r="HM18" s="62">
        <v>6</v>
      </c>
      <c r="HN18" s="63">
        <v>8</v>
      </c>
      <c r="HO18" s="60">
        <v>1</v>
      </c>
      <c r="HP18" s="61">
        <v>2</v>
      </c>
      <c r="HQ18" s="62">
        <v>3</v>
      </c>
      <c r="HR18" s="231"/>
      <c r="HS18" s="61">
        <v>4</v>
      </c>
      <c r="HT18" s="61">
        <v>0</v>
      </c>
      <c r="HU18" s="61">
        <v>3</v>
      </c>
      <c r="HV18" s="61">
        <v>2</v>
      </c>
      <c r="HW18" s="61">
        <v>1</v>
      </c>
      <c r="HX18" s="62">
        <v>10</v>
      </c>
      <c r="HY18" s="63">
        <v>13</v>
      </c>
      <c r="HZ18" s="60">
        <v>4</v>
      </c>
      <c r="IA18" s="61">
        <v>4</v>
      </c>
      <c r="IB18" s="62">
        <v>8</v>
      </c>
      <c r="IC18" s="231"/>
      <c r="ID18" s="61">
        <v>4</v>
      </c>
      <c r="IE18" s="61">
        <v>2</v>
      </c>
      <c r="IF18" s="61">
        <v>3</v>
      </c>
      <c r="IG18" s="61">
        <v>2</v>
      </c>
      <c r="IH18" s="61">
        <v>1</v>
      </c>
      <c r="II18" s="62">
        <v>12</v>
      </c>
      <c r="IJ18" s="63">
        <v>20</v>
      </c>
      <c r="IK18" s="60">
        <v>8</v>
      </c>
      <c r="IL18" s="61">
        <v>5</v>
      </c>
      <c r="IM18" s="62">
        <v>13</v>
      </c>
      <c r="IN18" s="231"/>
      <c r="IO18" s="61">
        <v>10</v>
      </c>
      <c r="IP18" s="61">
        <v>8</v>
      </c>
      <c r="IQ18" s="61">
        <v>5</v>
      </c>
      <c r="IR18" s="61">
        <v>5</v>
      </c>
      <c r="IS18" s="61">
        <v>1</v>
      </c>
      <c r="IT18" s="62">
        <v>29</v>
      </c>
      <c r="IU18" s="63">
        <v>42</v>
      </c>
      <c r="IV18" s="60">
        <v>7</v>
      </c>
      <c r="IW18" s="61">
        <v>9</v>
      </c>
      <c r="IX18" s="62">
        <v>16</v>
      </c>
      <c r="IY18" s="231"/>
      <c r="IZ18" s="61">
        <v>11</v>
      </c>
      <c r="JA18" s="61">
        <v>5</v>
      </c>
      <c r="JB18" s="61">
        <v>5</v>
      </c>
      <c r="JC18" s="61">
        <v>5</v>
      </c>
      <c r="JD18" s="61">
        <v>3</v>
      </c>
      <c r="JE18" s="62">
        <v>29</v>
      </c>
      <c r="JF18" s="63">
        <v>45</v>
      </c>
      <c r="JG18" s="60">
        <v>7</v>
      </c>
      <c r="JH18" s="61">
        <v>9</v>
      </c>
      <c r="JI18" s="62">
        <v>16</v>
      </c>
      <c r="JJ18" s="231"/>
      <c r="JK18" s="61">
        <v>16</v>
      </c>
      <c r="JL18" s="61">
        <v>17</v>
      </c>
      <c r="JM18" s="61">
        <v>11</v>
      </c>
      <c r="JN18" s="61">
        <v>12</v>
      </c>
      <c r="JO18" s="61">
        <v>3</v>
      </c>
      <c r="JP18" s="62">
        <v>59</v>
      </c>
      <c r="JQ18" s="63">
        <v>75</v>
      </c>
      <c r="JR18" s="60">
        <v>0</v>
      </c>
      <c r="JS18" s="61">
        <v>0</v>
      </c>
      <c r="JT18" s="62">
        <v>0</v>
      </c>
      <c r="JU18" s="231"/>
      <c r="JV18" s="61">
        <v>0</v>
      </c>
      <c r="JW18" s="61">
        <v>0</v>
      </c>
      <c r="JX18" s="61">
        <v>0</v>
      </c>
      <c r="JY18" s="61">
        <v>0</v>
      </c>
      <c r="JZ18" s="61">
        <v>0</v>
      </c>
      <c r="KA18" s="62">
        <v>0</v>
      </c>
      <c r="KB18" s="63">
        <v>0</v>
      </c>
      <c r="KC18" s="60">
        <v>28</v>
      </c>
      <c r="KD18" s="61">
        <v>30</v>
      </c>
      <c r="KE18" s="62">
        <v>58</v>
      </c>
      <c r="KF18" s="231"/>
      <c r="KG18" s="61">
        <v>47</v>
      </c>
      <c r="KH18" s="61">
        <v>34</v>
      </c>
      <c r="KI18" s="61">
        <v>27</v>
      </c>
      <c r="KJ18" s="61">
        <v>28</v>
      </c>
      <c r="KK18" s="61">
        <v>9</v>
      </c>
      <c r="KL18" s="62">
        <v>145</v>
      </c>
      <c r="KM18" s="63">
        <v>203</v>
      </c>
    </row>
    <row r="19" spans="2:299" ht="21" customHeight="1" x14ac:dyDescent="0.2">
      <c r="B19" s="472" t="s">
        <v>16</v>
      </c>
      <c r="C19" s="293">
        <v>35</v>
      </c>
      <c r="D19" s="72">
        <v>44</v>
      </c>
      <c r="E19" s="73">
        <v>79</v>
      </c>
      <c r="F19" s="228"/>
      <c r="G19" s="72">
        <v>69</v>
      </c>
      <c r="H19" s="72">
        <v>97</v>
      </c>
      <c r="I19" s="72">
        <v>53</v>
      </c>
      <c r="J19" s="72">
        <v>40</v>
      </c>
      <c r="K19" s="72">
        <v>24</v>
      </c>
      <c r="L19" s="74">
        <v>283</v>
      </c>
      <c r="M19" s="75">
        <v>362</v>
      </c>
      <c r="N19" s="60">
        <v>1</v>
      </c>
      <c r="O19" s="61">
        <v>0</v>
      </c>
      <c r="P19" s="62">
        <v>1</v>
      </c>
      <c r="Q19" s="231"/>
      <c r="R19" s="61">
        <v>2</v>
      </c>
      <c r="S19" s="61">
        <v>1</v>
      </c>
      <c r="T19" s="61">
        <v>1</v>
      </c>
      <c r="U19" s="61">
        <v>1</v>
      </c>
      <c r="V19" s="61">
        <v>1</v>
      </c>
      <c r="W19" s="62">
        <v>6</v>
      </c>
      <c r="X19" s="63">
        <v>7</v>
      </c>
      <c r="Y19" s="60">
        <v>4</v>
      </c>
      <c r="Z19" s="61">
        <v>4</v>
      </c>
      <c r="AA19" s="62">
        <v>8</v>
      </c>
      <c r="AB19" s="231"/>
      <c r="AC19" s="61">
        <v>2</v>
      </c>
      <c r="AD19" s="61">
        <v>6</v>
      </c>
      <c r="AE19" s="61">
        <v>2</v>
      </c>
      <c r="AF19" s="61">
        <v>2</v>
      </c>
      <c r="AG19" s="61">
        <v>3</v>
      </c>
      <c r="AH19" s="62">
        <v>15</v>
      </c>
      <c r="AI19" s="63">
        <v>23</v>
      </c>
      <c r="AJ19" s="60">
        <v>4</v>
      </c>
      <c r="AK19" s="61">
        <v>4</v>
      </c>
      <c r="AL19" s="62">
        <v>8</v>
      </c>
      <c r="AM19" s="231"/>
      <c r="AN19" s="61">
        <v>6</v>
      </c>
      <c r="AO19" s="61">
        <v>6</v>
      </c>
      <c r="AP19" s="61">
        <v>10</v>
      </c>
      <c r="AQ19" s="61">
        <v>1</v>
      </c>
      <c r="AR19" s="61">
        <v>3</v>
      </c>
      <c r="AS19" s="62">
        <v>26</v>
      </c>
      <c r="AT19" s="63">
        <v>34</v>
      </c>
      <c r="AU19" s="60">
        <v>10</v>
      </c>
      <c r="AV19" s="61">
        <v>8</v>
      </c>
      <c r="AW19" s="62">
        <v>18</v>
      </c>
      <c r="AX19" s="231"/>
      <c r="AY19" s="61">
        <v>15</v>
      </c>
      <c r="AZ19" s="61">
        <v>24</v>
      </c>
      <c r="BA19" s="61">
        <v>11</v>
      </c>
      <c r="BB19" s="61">
        <v>8</v>
      </c>
      <c r="BC19" s="61">
        <v>6</v>
      </c>
      <c r="BD19" s="62">
        <v>64</v>
      </c>
      <c r="BE19" s="63">
        <v>82</v>
      </c>
      <c r="BF19" s="60">
        <v>7</v>
      </c>
      <c r="BG19" s="61">
        <v>15</v>
      </c>
      <c r="BH19" s="62">
        <v>22</v>
      </c>
      <c r="BI19" s="231"/>
      <c r="BJ19" s="61">
        <v>21</v>
      </c>
      <c r="BK19" s="61">
        <v>22</v>
      </c>
      <c r="BL19" s="61">
        <v>11</v>
      </c>
      <c r="BM19" s="61">
        <v>6</v>
      </c>
      <c r="BN19" s="61">
        <v>3</v>
      </c>
      <c r="BO19" s="62">
        <v>63</v>
      </c>
      <c r="BP19" s="63">
        <v>85</v>
      </c>
      <c r="BQ19" s="60">
        <v>9</v>
      </c>
      <c r="BR19" s="61">
        <v>13</v>
      </c>
      <c r="BS19" s="62">
        <v>22</v>
      </c>
      <c r="BT19" s="231"/>
      <c r="BU19" s="61">
        <v>23</v>
      </c>
      <c r="BV19" s="61">
        <v>38</v>
      </c>
      <c r="BW19" s="61">
        <v>18</v>
      </c>
      <c r="BX19" s="61">
        <v>22</v>
      </c>
      <c r="BY19" s="61">
        <v>8</v>
      </c>
      <c r="BZ19" s="62">
        <v>109</v>
      </c>
      <c r="CA19" s="63">
        <v>131</v>
      </c>
      <c r="CB19" s="60">
        <v>0</v>
      </c>
      <c r="CC19" s="61">
        <v>0</v>
      </c>
      <c r="CD19" s="62">
        <v>0</v>
      </c>
      <c r="CE19" s="231"/>
      <c r="CF19" s="61">
        <v>0</v>
      </c>
      <c r="CG19" s="61">
        <v>0</v>
      </c>
      <c r="CH19" s="61">
        <v>0</v>
      </c>
      <c r="CI19" s="61">
        <v>0</v>
      </c>
      <c r="CJ19" s="61">
        <v>0</v>
      </c>
      <c r="CK19" s="62">
        <v>0</v>
      </c>
      <c r="CL19" s="63">
        <v>0</v>
      </c>
      <c r="CM19" s="60">
        <v>35</v>
      </c>
      <c r="CN19" s="61">
        <v>44</v>
      </c>
      <c r="CO19" s="62">
        <v>79</v>
      </c>
      <c r="CP19" s="231"/>
      <c r="CQ19" s="61">
        <v>69</v>
      </c>
      <c r="CR19" s="61">
        <v>97</v>
      </c>
      <c r="CS19" s="61">
        <v>53</v>
      </c>
      <c r="CT19" s="61">
        <v>40</v>
      </c>
      <c r="CU19" s="61">
        <v>24</v>
      </c>
      <c r="CV19" s="62">
        <v>283</v>
      </c>
      <c r="CW19" s="63">
        <v>362</v>
      </c>
      <c r="CX19" s="113">
        <v>7</v>
      </c>
      <c r="CY19" s="72">
        <v>11</v>
      </c>
      <c r="CZ19" s="73">
        <v>18</v>
      </c>
      <c r="DA19" s="228"/>
      <c r="DB19" s="72">
        <v>5</v>
      </c>
      <c r="DC19" s="72">
        <v>8</v>
      </c>
      <c r="DD19" s="72">
        <v>10</v>
      </c>
      <c r="DE19" s="72">
        <v>10</v>
      </c>
      <c r="DF19" s="72">
        <v>8</v>
      </c>
      <c r="DG19" s="74">
        <v>41</v>
      </c>
      <c r="DH19" s="75">
        <v>59</v>
      </c>
      <c r="DI19" s="60">
        <v>0</v>
      </c>
      <c r="DJ19" s="61">
        <v>1</v>
      </c>
      <c r="DK19" s="62">
        <v>1</v>
      </c>
      <c r="DL19" s="231"/>
      <c r="DM19" s="61">
        <v>0</v>
      </c>
      <c r="DN19" s="61">
        <v>0</v>
      </c>
      <c r="DO19" s="61">
        <v>0</v>
      </c>
      <c r="DP19" s="61">
        <v>0</v>
      </c>
      <c r="DQ19" s="61">
        <v>0</v>
      </c>
      <c r="DR19" s="62">
        <v>0</v>
      </c>
      <c r="DS19" s="63">
        <v>1</v>
      </c>
      <c r="DT19" s="60">
        <v>0</v>
      </c>
      <c r="DU19" s="61">
        <v>2</v>
      </c>
      <c r="DV19" s="62">
        <v>2</v>
      </c>
      <c r="DW19" s="231"/>
      <c r="DX19" s="61">
        <v>1</v>
      </c>
      <c r="DY19" s="61">
        <v>0</v>
      </c>
      <c r="DZ19" s="61">
        <v>1</v>
      </c>
      <c r="EA19" s="61">
        <v>0</v>
      </c>
      <c r="EB19" s="61">
        <v>0</v>
      </c>
      <c r="EC19" s="62">
        <v>2</v>
      </c>
      <c r="ED19" s="63">
        <v>4</v>
      </c>
      <c r="EE19" s="60">
        <v>1</v>
      </c>
      <c r="EF19" s="61">
        <v>1</v>
      </c>
      <c r="EG19" s="62">
        <v>2</v>
      </c>
      <c r="EH19" s="231"/>
      <c r="EI19" s="61">
        <v>0</v>
      </c>
      <c r="EJ19" s="61">
        <v>1</v>
      </c>
      <c r="EK19" s="61">
        <v>2</v>
      </c>
      <c r="EL19" s="61">
        <v>0</v>
      </c>
      <c r="EM19" s="61">
        <v>1</v>
      </c>
      <c r="EN19" s="62">
        <v>4</v>
      </c>
      <c r="EO19" s="63">
        <v>6</v>
      </c>
      <c r="EP19" s="60">
        <v>2</v>
      </c>
      <c r="EQ19" s="61">
        <v>2</v>
      </c>
      <c r="ER19" s="62">
        <v>4</v>
      </c>
      <c r="ES19" s="231"/>
      <c r="ET19" s="61">
        <v>1</v>
      </c>
      <c r="EU19" s="61">
        <v>5</v>
      </c>
      <c r="EV19" s="61">
        <v>1</v>
      </c>
      <c r="EW19" s="61">
        <v>2</v>
      </c>
      <c r="EX19" s="61">
        <v>1</v>
      </c>
      <c r="EY19" s="62">
        <v>10</v>
      </c>
      <c r="EZ19" s="63">
        <v>14</v>
      </c>
      <c r="FA19" s="60">
        <v>3</v>
      </c>
      <c r="FB19" s="61">
        <v>3</v>
      </c>
      <c r="FC19" s="62">
        <v>6</v>
      </c>
      <c r="FD19" s="231"/>
      <c r="FE19" s="61">
        <v>0</v>
      </c>
      <c r="FF19" s="61">
        <v>1</v>
      </c>
      <c r="FG19" s="61">
        <v>2</v>
      </c>
      <c r="FH19" s="61">
        <v>3</v>
      </c>
      <c r="FI19" s="61">
        <v>2</v>
      </c>
      <c r="FJ19" s="62">
        <v>8</v>
      </c>
      <c r="FK19" s="63">
        <v>14</v>
      </c>
      <c r="FL19" s="60">
        <v>1</v>
      </c>
      <c r="FM19" s="61">
        <v>2</v>
      </c>
      <c r="FN19" s="62">
        <v>3</v>
      </c>
      <c r="FO19" s="231"/>
      <c r="FP19" s="61">
        <v>3</v>
      </c>
      <c r="FQ19" s="61">
        <v>1</v>
      </c>
      <c r="FR19" s="61">
        <v>4</v>
      </c>
      <c r="FS19" s="61">
        <v>5</v>
      </c>
      <c r="FT19" s="61">
        <v>4</v>
      </c>
      <c r="FU19" s="62">
        <v>17</v>
      </c>
      <c r="FV19" s="63">
        <v>20</v>
      </c>
      <c r="FW19" s="60">
        <v>0</v>
      </c>
      <c r="FX19" s="61">
        <v>0</v>
      </c>
      <c r="FY19" s="62">
        <v>0</v>
      </c>
      <c r="FZ19" s="231"/>
      <c r="GA19" s="61">
        <v>0</v>
      </c>
      <c r="GB19" s="61">
        <v>0</v>
      </c>
      <c r="GC19" s="61">
        <v>0</v>
      </c>
      <c r="GD19" s="61">
        <v>0</v>
      </c>
      <c r="GE19" s="61">
        <v>0</v>
      </c>
      <c r="GF19" s="62">
        <v>0</v>
      </c>
      <c r="GG19" s="63">
        <v>0</v>
      </c>
      <c r="GH19" s="60">
        <v>7</v>
      </c>
      <c r="GI19" s="61">
        <v>11</v>
      </c>
      <c r="GJ19" s="62">
        <v>18</v>
      </c>
      <c r="GK19" s="231"/>
      <c r="GL19" s="61">
        <v>5</v>
      </c>
      <c r="GM19" s="61">
        <v>8</v>
      </c>
      <c r="GN19" s="61">
        <v>10</v>
      </c>
      <c r="GO19" s="61">
        <v>10</v>
      </c>
      <c r="GP19" s="61">
        <v>8</v>
      </c>
      <c r="GQ19" s="62">
        <v>41</v>
      </c>
      <c r="GR19" s="63">
        <v>59</v>
      </c>
      <c r="GS19" s="113">
        <v>42</v>
      </c>
      <c r="GT19" s="72">
        <v>55</v>
      </c>
      <c r="GU19" s="73">
        <v>97</v>
      </c>
      <c r="GV19" s="228"/>
      <c r="GW19" s="72">
        <v>74</v>
      </c>
      <c r="GX19" s="72">
        <v>105</v>
      </c>
      <c r="GY19" s="72">
        <v>63</v>
      </c>
      <c r="GZ19" s="72">
        <v>50</v>
      </c>
      <c r="HA19" s="72">
        <v>32</v>
      </c>
      <c r="HB19" s="74">
        <v>324</v>
      </c>
      <c r="HC19" s="75">
        <v>421</v>
      </c>
      <c r="HD19" s="60">
        <v>1</v>
      </c>
      <c r="HE19" s="61">
        <v>1</v>
      </c>
      <c r="HF19" s="62">
        <v>2</v>
      </c>
      <c r="HG19" s="231"/>
      <c r="HH19" s="61">
        <v>2</v>
      </c>
      <c r="HI19" s="61">
        <v>1</v>
      </c>
      <c r="HJ19" s="61">
        <v>1</v>
      </c>
      <c r="HK19" s="61">
        <v>1</v>
      </c>
      <c r="HL19" s="61">
        <v>1</v>
      </c>
      <c r="HM19" s="62">
        <v>6</v>
      </c>
      <c r="HN19" s="63">
        <v>8</v>
      </c>
      <c r="HO19" s="60">
        <v>4</v>
      </c>
      <c r="HP19" s="61">
        <v>6</v>
      </c>
      <c r="HQ19" s="62">
        <v>10</v>
      </c>
      <c r="HR19" s="231"/>
      <c r="HS19" s="61">
        <v>3</v>
      </c>
      <c r="HT19" s="61">
        <v>6</v>
      </c>
      <c r="HU19" s="61">
        <v>3</v>
      </c>
      <c r="HV19" s="61">
        <v>2</v>
      </c>
      <c r="HW19" s="61">
        <v>3</v>
      </c>
      <c r="HX19" s="62">
        <v>17</v>
      </c>
      <c r="HY19" s="63">
        <v>27</v>
      </c>
      <c r="HZ19" s="60">
        <v>5</v>
      </c>
      <c r="IA19" s="61">
        <v>5</v>
      </c>
      <c r="IB19" s="62">
        <v>10</v>
      </c>
      <c r="IC19" s="231"/>
      <c r="ID19" s="61">
        <v>6</v>
      </c>
      <c r="IE19" s="61">
        <v>7</v>
      </c>
      <c r="IF19" s="61">
        <v>12</v>
      </c>
      <c r="IG19" s="61">
        <v>1</v>
      </c>
      <c r="IH19" s="61">
        <v>4</v>
      </c>
      <c r="II19" s="62">
        <v>30</v>
      </c>
      <c r="IJ19" s="63">
        <v>40</v>
      </c>
      <c r="IK19" s="60">
        <v>12</v>
      </c>
      <c r="IL19" s="61">
        <v>10</v>
      </c>
      <c r="IM19" s="62">
        <v>22</v>
      </c>
      <c r="IN19" s="231"/>
      <c r="IO19" s="61">
        <v>16</v>
      </c>
      <c r="IP19" s="61">
        <v>29</v>
      </c>
      <c r="IQ19" s="61">
        <v>12</v>
      </c>
      <c r="IR19" s="61">
        <v>10</v>
      </c>
      <c r="IS19" s="61">
        <v>7</v>
      </c>
      <c r="IT19" s="62">
        <v>74</v>
      </c>
      <c r="IU19" s="63">
        <v>96</v>
      </c>
      <c r="IV19" s="60">
        <v>10</v>
      </c>
      <c r="IW19" s="61">
        <v>18</v>
      </c>
      <c r="IX19" s="62">
        <v>28</v>
      </c>
      <c r="IY19" s="231"/>
      <c r="IZ19" s="61">
        <v>21</v>
      </c>
      <c r="JA19" s="61">
        <v>23</v>
      </c>
      <c r="JB19" s="61">
        <v>13</v>
      </c>
      <c r="JC19" s="61">
        <v>9</v>
      </c>
      <c r="JD19" s="61">
        <v>5</v>
      </c>
      <c r="JE19" s="62">
        <v>71</v>
      </c>
      <c r="JF19" s="63">
        <v>99</v>
      </c>
      <c r="JG19" s="60">
        <v>10</v>
      </c>
      <c r="JH19" s="61">
        <v>15</v>
      </c>
      <c r="JI19" s="62">
        <v>25</v>
      </c>
      <c r="JJ19" s="231"/>
      <c r="JK19" s="61">
        <v>26</v>
      </c>
      <c r="JL19" s="61">
        <v>39</v>
      </c>
      <c r="JM19" s="61">
        <v>22</v>
      </c>
      <c r="JN19" s="61">
        <v>27</v>
      </c>
      <c r="JO19" s="61">
        <v>12</v>
      </c>
      <c r="JP19" s="62">
        <v>126</v>
      </c>
      <c r="JQ19" s="63">
        <v>151</v>
      </c>
      <c r="JR19" s="60">
        <v>0</v>
      </c>
      <c r="JS19" s="61">
        <v>0</v>
      </c>
      <c r="JT19" s="62">
        <v>0</v>
      </c>
      <c r="JU19" s="231"/>
      <c r="JV19" s="61">
        <v>0</v>
      </c>
      <c r="JW19" s="61">
        <v>0</v>
      </c>
      <c r="JX19" s="61">
        <v>0</v>
      </c>
      <c r="JY19" s="61">
        <v>0</v>
      </c>
      <c r="JZ19" s="61">
        <v>0</v>
      </c>
      <c r="KA19" s="62">
        <v>0</v>
      </c>
      <c r="KB19" s="63">
        <v>0</v>
      </c>
      <c r="KC19" s="60">
        <v>42</v>
      </c>
      <c r="KD19" s="61">
        <v>55</v>
      </c>
      <c r="KE19" s="62">
        <v>97</v>
      </c>
      <c r="KF19" s="231"/>
      <c r="KG19" s="61">
        <v>74</v>
      </c>
      <c r="KH19" s="61">
        <v>105</v>
      </c>
      <c r="KI19" s="61">
        <v>63</v>
      </c>
      <c r="KJ19" s="61">
        <v>50</v>
      </c>
      <c r="KK19" s="61">
        <v>32</v>
      </c>
      <c r="KL19" s="62">
        <v>324</v>
      </c>
      <c r="KM19" s="63">
        <v>421</v>
      </c>
    </row>
    <row r="20" spans="2:299" ht="21" customHeight="1" x14ac:dyDescent="0.2">
      <c r="B20" s="472" t="s">
        <v>17</v>
      </c>
      <c r="C20" s="293">
        <v>57</v>
      </c>
      <c r="D20" s="72">
        <v>49</v>
      </c>
      <c r="E20" s="73">
        <v>106</v>
      </c>
      <c r="F20" s="228"/>
      <c r="G20" s="72">
        <v>111</v>
      </c>
      <c r="H20" s="72">
        <v>101</v>
      </c>
      <c r="I20" s="72">
        <v>65</v>
      </c>
      <c r="J20" s="72">
        <v>43</v>
      </c>
      <c r="K20" s="72">
        <v>30</v>
      </c>
      <c r="L20" s="74">
        <v>350</v>
      </c>
      <c r="M20" s="75">
        <v>456</v>
      </c>
      <c r="N20" s="60">
        <v>0</v>
      </c>
      <c r="O20" s="61">
        <v>3</v>
      </c>
      <c r="P20" s="62">
        <v>3</v>
      </c>
      <c r="Q20" s="231"/>
      <c r="R20" s="61">
        <v>2</v>
      </c>
      <c r="S20" s="61">
        <v>1</v>
      </c>
      <c r="T20" s="61">
        <v>2</v>
      </c>
      <c r="U20" s="61">
        <v>1</v>
      </c>
      <c r="V20" s="61">
        <v>1</v>
      </c>
      <c r="W20" s="62">
        <v>7</v>
      </c>
      <c r="X20" s="63">
        <v>10</v>
      </c>
      <c r="Y20" s="60">
        <v>2</v>
      </c>
      <c r="Z20" s="61">
        <v>1</v>
      </c>
      <c r="AA20" s="62">
        <v>3</v>
      </c>
      <c r="AB20" s="231"/>
      <c r="AC20" s="61">
        <v>3</v>
      </c>
      <c r="AD20" s="61">
        <v>4</v>
      </c>
      <c r="AE20" s="61">
        <v>4</v>
      </c>
      <c r="AF20" s="61">
        <v>4</v>
      </c>
      <c r="AG20" s="61">
        <v>1</v>
      </c>
      <c r="AH20" s="62">
        <v>16</v>
      </c>
      <c r="AI20" s="63">
        <v>19</v>
      </c>
      <c r="AJ20" s="60">
        <v>8</v>
      </c>
      <c r="AK20" s="61">
        <v>4</v>
      </c>
      <c r="AL20" s="62">
        <v>12</v>
      </c>
      <c r="AM20" s="231"/>
      <c r="AN20" s="61">
        <v>10</v>
      </c>
      <c r="AO20" s="61">
        <v>14</v>
      </c>
      <c r="AP20" s="61">
        <v>3</v>
      </c>
      <c r="AQ20" s="61">
        <v>3</v>
      </c>
      <c r="AR20" s="61">
        <v>2</v>
      </c>
      <c r="AS20" s="62">
        <v>32</v>
      </c>
      <c r="AT20" s="63">
        <v>44</v>
      </c>
      <c r="AU20" s="60">
        <v>15</v>
      </c>
      <c r="AV20" s="61">
        <v>15</v>
      </c>
      <c r="AW20" s="62">
        <v>30</v>
      </c>
      <c r="AX20" s="231"/>
      <c r="AY20" s="61">
        <v>30</v>
      </c>
      <c r="AZ20" s="61">
        <v>24</v>
      </c>
      <c r="BA20" s="61">
        <v>13</v>
      </c>
      <c r="BB20" s="61">
        <v>6</v>
      </c>
      <c r="BC20" s="61">
        <v>5</v>
      </c>
      <c r="BD20" s="62">
        <v>78</v>
      </c>
      <c r="BE20" s="63">
        <v>108</v>
      </c>
      <c r="BF20" s="60">
        <v>16</v>
      </c>
      <c r="BG20" s="61">
        <v>14</v>
      </c>
      <c r="BH20" s="62">
        <v>30</v>
      </c>
      <c r="BI20" s="231"/>
      <c r="BJ20" s="61">
        <v>34</v>
      </c>
      <c r="BK20" s="61">
        <v>32</v>
      </c>
      <c r="BL20" s="61">
        <v>23</v>
      </c>
      <c r="BM20" s="61">
        <v>16</v>
      </c>
      <c r="BN20" s="61">
        <v>10</v>
      </c>
      <c r="BO20" s="62">
        <v>115</v>
      </c>
      <c r="BP20" s="63">
        <v>145</v>
      </c>
      <c r="BQ20" s="60">
        <v>16</v>
      </c>
      <c r="BR20" s="61">
        <v>12</v>
      </c>
      <c r="BS20" s="62">
        <v>28</v>
      </c>
      <c r="BT20" s="231"/>
      <c r="BU20" s="61">
        <v>32</v>
      </c>
      <c r="BV20" s="61">
        <v>26</v>
      </c>
      <c r="BW20" s="61">
        <v>20</v>
      </c>
      <c r="BX20" s="61">
        <v>13</v>
      </c>
      <c r="BY20" s="61">
        <v>11</v>
      </c>
      <c r="BZ20" s="62">
        <v>102</v>
      </c>
      <c r="CA20" s="63">
        <v>130</v>
      </c>
      <c r="CB20" s="60">
        <v>0</v>
      </c>
      <c r="CC20" s="61">
        <v>0</v>
      </c>
      <c r="CD20" s="62">
        <v>0</v>
      </c>
      <c r="CE20" s="231"/>
      <c r="CF20" s="61">
        <v>0</v>
      </c>
      <c r="CG20" s="61">
        <v>0</v>
      </c>
      <c r="CH20" s="61">
        <v>0</v>
      </c>
      <c r="CI20" s="61">
        <v>0</v>
      </c>
      <c r="CJ20" s="61">
        <v>0</v>
      </c>
      <c r="CK20" s="62">
        <v>0</v>
      </c>
      <c r="CL20" s="63">
        <v>0</v>
      </c>
      <c r="CM20" s="60">
        <v>57</v>
      </c>
      <c r="CN20" s="61">
        <v>49</v>
      </c>
      <c r="CO20" s="62">
        <v>106</v>
      </c>
      <c r="CP20" s="231"/>
      <c r="CQ20" s="61">
        <v>111</v>
      </c>
      <c r="CR20" s="61">
        <v>101</v>
      </c>
      <c r="CS20" s="61">
        <v>65</v>
      </c>
      <c r="CT20" s="61">
        <v>43</v>
      </c>
      <c r="CU20" s="61">
        <v>30</v>
      </c>
      <c r="CV20" s="62">
        <v>350</v>
      </c>
      <c r="CW20" s="63">
        <v>456</v>
      </c>
      <c r="CX20" s="113">
        <v>11</v>
      </c>
      <c r="CY20" s="72">
        <v>9</v>
      </c>
      <c r="CZ20" s="73">
        <v>20</v>
      </c>
      <c r="DA20" s="228"/>
      <c r="DB20" s="72">
        <v>6</v>
      </c>
      <c r="DC20" s="72">
        <v>18</v>
      </c>
      <c r="DD20" s="72">
        <v>9</v>
      </c>
      <c r="DE20" s="72">
        <v>12</v>
      </c>
      <c r="DF20" s="72">
        <v>5</v>
      </c>
      <c r="DG20" s="74">
        <v>50</v>
      </c>
      <c r="DH20" s="75">
        <v>70</v>
      </c>
      <c r="DI20" s="60">
        <v>0</v>
      </c>
      <c r="DJ20" s="61">
        <v>0</v>
      </c>
      <c r="DK20" s="62">
        <v>0</v>
      </c>
      <c r="DL20" s="231"/>
      <c r="DM20" s="61">
        <v>0</v>
      </c>
      <c r="DN20" s="61">
        <v>2</v>
      </c>
      <c r="DO20" s="61">
        <v>0</v>
      </c>
      <c r="DP20" s="61">
        <v>0</v>
      </c>
      <c r="DQ20" s="61">
        <v>1</v>
      </c>
      <c r="DR20" s="62">
        <v>3</v>
      </c>
      <c r="DS20" s="63">
        <v>3</v>
      </c>
      <c r="DT20" s="60">
        <v>0</v>
      </c>
      <c r="DU20" s="61">
        <v>2</v>
      </c>
      <c r="DV20" s="62">
        <v>2</v>
      </c>
      <c r="DW20" s="231"/>
      <c r="DX20" s="61">
        <v>0</v>
      </c>
      <c r="DY20" s="61">
        <v>1</v>
      </c>
      <c r="DZ20" s="61">
        <v>1</v>
      </c>
      <c r="EA20" s="61">
        <v>0</v>
      </c>
      <c r="EB20" s="61">
        <v>0</v>
      </c>
      <c r="EC20" s="62">
        <v>2</v>
      </c>
      <c r="ED20" s="63">
        <v>4</v>
      </c>
      <c r="EE20" s="60">
        <v>4</v>
      </c>
      <c r="EF20" s="61">
        <v>2</v>
      </c>
      <c r="EG20" s="62">
        <v>6</v>
      </c>
      <c r="EH20" s="231"/>
      <c r="EI20" s="61">
        <v>1</v>
      </c>
      <c r="EJ20" s="61">
        <v>0</v>
      </c>
      <c r="EK20" s="61">
        <v>1</v>
      </c>
      <c r="EL20" s="61">
        <v>0</v>
      </c>
      <c r="EM20" s="61">
        <v>0</v>
      </c>
      <c r="EN20" s="62">
        <v>2</v>
      </c>
      <c r="EO20" s="63">
        <v>8</v>
      </c>
      <c r="EP20" s="60">
        <v>3</v>
      </c>
      <c r="EQ20" s="61">
        <v>1</v>
      </c>
      <c r="ER20" s="62">
        <v>4</v>
      </c>
      <c r="ES20" s="231"/>
      <c r="ET20" s="61">
        <v>2</v>
      </c>
      <c r="EU20" s="61">
        <v>2</v>
      </c>
      <c r="EV20" s="61">
        <v>2</v>
      </c>
      <c r="EW20" s="61">
        <v>1</v>
      </c>
      <c r="EX20" s="61">
        <v>1</v>
      </c>
      <c r="EY20" s="62">
        <v>8</v>
      </c>
      <c r="EZ20" s="63">
        <v>12</v>
      </c>
      <c r="FA20" s="60">
        <v>3</v>
      </c>
      <c r="FB20" s="61">
        <v>2</v>
      </c>
      <c r="FC20" s="62">
        <v>5</v>
      </c>
      <c r="FD20" s="231"/>
      <c r="FE20" s="61">
        <v>1</v>
      </c>
      <c r="FF20" s="61">
        <v>5</v>
      </c>
      <c r="FG20" s="61">
        <v>1</v>
      </c>
      <c r="FH20" s="61">
        <v>3</v>
      </c>
      <c r="FI20" s="61">
        <v>0</v>
      </c>
      <c r="FJ20" s="62">
        <v>10</v>
      </c>
      <c r="FK20" s="63">
        <v>15</v>
      </c>
      <c r="FL20" s="60">
        <v>1</v>
      </c>
      <c r="FM20" s="61">
        <v>2</v>
      </c>
      <c r="FN20" s="62">
        <v>3</v>
      </c>
      <c r="FO20" s="231"/>
      <c r="FP20" s="61">
        <v>2</v>
      </c>
      <c r="FQ20" s="61">
        <v>8</v>
      </c>
      <c r="FR20" s="61">
        <v>4</v>
      </c>
      <c r="FS20" s="61">
        <v>8</v>
      </c>
      <c r="FT20" s="61">
        <v>3</v>
      </c>
      <c r="FU20" s="62">
        <v>25</v>
      </c>
      <c r="FV20" s="63">
        <v>28</v>
      </c>
      <c r="FW20" s="60">
        <v>0</v>
      </c>
      <c r="FX20" s="61">
        <v>0</v>
      </c>
      <c r="FY20" s="62">
        <v>0</v>
      </c>
      <c r="FZ20" s="231"/>
      <c r="GA20" s="61">
        <v>0</v>
      </c>
      <c r="GB20" s="61">
        <v>0</v>
      </c>
      <c r="GC20" s="61">
        <v>0</v>
      </c>
      <c r="GD20" s="61">
        <v>0</v>
      </c>
      <c r="GE20" s="61">
        <v>0</v>
      </c>
      <c r="GF20" s="62">
        <v>0</v>
      </c>
      <c r="GG20" s="63">
        <v>0</v>
      </c>
      <c r="GH20" s="60">
        <v>11</v>
      </c>
      <c r="GI20" s="61">
        <v>9</v>
      </c>
      <c r="GJ20" s="62">
        <v>20</v>
      </c>
      <c r="GK20" s="231"/>
      <c r="GL20" s="61">
        <v>6</v>
      </c>
      <c r="GM20" s="61">
        <v>18</v>
      </c>
      <c r="GN20" s="61">
        <v>9</v>
      </c>
      <c r="GO20" s="61">
        <v>12</v>
      </c>
      <c r="GP20" s="61">
        <v>5</v>
      </c>
      <c r="GQ20" s="62">
        <v>50</v>
      </c>
      <c r="GR20" s="63">
        <v>70</v>
      </c>
      <c r="GS20" s="113">
        <v>68</v>
      </c>
      <c r="GT20" s="72">
        <v>58</v>
      </c>
      <c r="GU20" s="73">
        <v>126</v>
      </c>
      <c r="GV20" s="228"/>
      <c r="GW20" s="72">
        <v>117</v>
      </c>
      <c r="GX20" s="72">
        <v>119</v>
      </c>
      <c r="GY20" s="72">
        <v>74</v>
      </c>
      <c r="GZ20" s="72">
        <v>55</v>
      </c>
      <c r="HA20" s="72">
        <v>35</v>
      </c>
      <c r="HB20" s="74">
        <v>400</v>
      </c>
      <c r="HC20" s="75">
        <v>526</v>
      </c>
      <c r="HD20" s="60">
        <v>0</v>
      </c>
      <c r="HE20" s="61">
        <v>3</v>
      </c>
      <c r="HF20" s="62">
        <v>3</v>
      </c>
      <c r="HG20" s="231"/>
      <c r="HH20" s="61">
        <v>2</v>
      </c>
      <c r="HI20" s="61">
        <v>3</v>
      </c>
      <c r="HJ20" s="61">
        <v>2</v>
      </c>
      <c r="HK20" s="61">
        <v>1</v>
      </c>
      <c r="HL20" s="61">
        <v>2</v>
      </c>
      <c r="HM20" s="62">
        <v>10</v>
      </c>
      <c r="HN20" s="63">
        <v>13</v>
      </c>
      <c r="HO20" s="60">
        <v>2</v>
      </c>
      <c r="HP20" s="61">
        <v>3</v>
      </c>
      <c r="HQ20" s="62">
        <v>5</v>
      </c>
      <c r="HR20" s="231"/>
      <c r="HS20" s="61">
        <v>3</v>
      </c>
      <c r="HT20" s="61">
        <v>5</v>
      </c>
      <c r="HU20" s="61">
        <v>5</v>
      </c>
      <c r="HV20" s="61">
        <v>4</v>
      </c>
      <c r="HW20" s="61">
        <v>1</v>
      </c>
      <c r="HX20" s="62">
        <v>18</v>
      </c>
      <c r="HY20" s="63">
        <v>23</v>
      </c>
      <c r="HZ20" s="60">
        <v>12</v>
      </c>
      <c r="IA20" s="61">
        <v>6</v>
      </c>
      <c r="IB20" s="62">
        <v>18</v>
      </c>
      <c r="IC20" s="231"/>
      <c r="ID20" s="61">
        <v>11</v>
      </c>
      <c r="IE20" s="61">
        <v>14</v>
      </c>
      <c r="IF20" s="61">
        <v>4</v>
      </c>
      <c r="IG20" s="61">
        <v>3</v>
      </c>
      <c r="IH20" s="61">
        <v>2</v>
      </c>
      <c r="II20" s="62">
        <v>34</v>
      </c>
      <c r="IJ20" s="63">
        <v>52</v>
      </c>
      <c r="IK20" s="60">
        <v>18</v>
      </c>
      <c r="IL20" s="61">
        <v>16</v>
      </c>
      <c r="IM20" s="62">
        <v>34</v>
      </c>
      <c r="IN20" s="231"/>
      <c r="IO20" s="61">
        <v>32</v>
      </c>
      <c r="IP20" s="61">
        <v>26</v>
      </c>
      <c r="IQ20" s="61">
        <v>15</v>
      </c>
      <c r="IR20" s="61">
        <v>7</v>
      </c>
      <c r="IS20" s="61">
        <v>6</v>
      </c>
      <c r="IT20" s="62">
        <v>86</v>
      </c>
      <c r="IU20" s="63">
        <v>120</v>
      </c>
      <c r="IV20" s="60">
        <v>19</v>
      </c>
      <c r="IW20" s="61">
        <v>16</v>
      </c>
      <c r="IX20" s="62">
        <v>35</v>
      </c>
      <c r="IY20" s="231"/>
      <c r="IZ20" s="61">
        <v>35</v>
      </c>
      <c r="JA20" s="61">
        <v>37</v>
      </c>
      <c r="JB20" s="61">
        <v>24</v>
      </c>
      <c r="JC20" s="61">
        <v>19</v>
      </c>
      <c r="JD20" s="61">
        <v>10</v>
      </c>
      <c r="JE20" s="62">
        <v>125</v>
      </c>
      <c r="JF20" s="63">
        <v>160</v>
      </c>
      <c r="JG20" s="60">
        <v>17</v>
      </c>
      <c r="JH20" s="61">
        <v>14</v>
      </c>
      <c r="JI20" s="62">
        <v>31</v>
      </c>
      <c r="JJ20" s="231"/>
      <c r="JK20" s="61">
        <v>34</v>
      </c>
      <c r="JL20" s="61">
        <v>34</v>
      </c>
      <c r="JM20" s="61">
        <v>24</v>
      </c>
      <c r="JN20" s="61">
        <v>21</v>
      </c>
      <c r="JO20" s="61">
        <v>14</v>
      </c>
      <c r="JP20" s="62">
        <v>127</v>
      </c>
      <c r="JQ20" s="63">
        <v>158</v>
      </c>
      <c r="JR20" s="60">
        <v>0</v>
      </c>
      <c r="JS20" s="61">
        <v>0</v>
      </c>
      <c r="JT20" s="62">
        <v>0</v>
      </c>
      <c r="JU20" s="231"/>
      <c r="JV20" s="61">
        <v>0</v>
      </c>
      <c r="JW20" s="61">
        <v>0</v>
      </c>
      <c r="JX20" s="61">
        <v>0</v>
      </c>
      <c r="JY20" s="61">
        <v>0</v>
      </c>
      <c r="JZ20" s="61">
        <v>0</v>
      </c>
      <c r="KA20" s="62">
        <v>0</v>
      </c>
      <c r="KB20" s="63">
        <v>0</v>
      </c>
      <c r="KC20" s="60">
        <v>68</v>
      </c>
      <c r="KD20" s="61">
        <v>58</v>
      </c>
      <c r="KE20" s="62">
        <v>126</v>
      </c>
      <c r="KF20" s="231"/>
      <c r="KG20" s="61">
        <v>117</v>
      </c>
      <c r="KH20" s="61">
        <v>119</v>
      </c>
      <c r="KI20" s="61">
        <v>74</v>
      </c>
      <c r="KJ20" s="61">
        <v>55</v>
      </c>
      <c r="KK20" s="61">
        <v>35</v>
      </c>
      <c r="KL20" s="62">
        <v>400</v>
      </c>
      <c r="KM20" s="63">
        <v>526</v>
      </c>
    </row>
    <row r="21" spans="2:299" ht="21" customHeight="1" x14ac:dyDescent="0.2">
      <c r="B21" s="472" t="s">
        <v>18</v>
      </c>
      <c r="C21" s="293">
        <v>67</v>
      </c>
      <c r="D21" s="72">
        <v>79</v>
      </c>
      <c r="E21" s="73">
        <v>146</v>
      </c>
      <c r="F21" s="228"/>
      <c r="G21" s="72">
        <v>156</v>
      </c>
      <c r="H21" s="72">
        <v>116</v>
      </c>
      <c r="I21" s="72">
        <v>79</v>
      </c>
      <c r="J21" s="72">
        <v>67</v>
      </c>
      <c r="K21" s="72">
        <v>30</v>
      </c>
      <c r="L21" s="74">
        <v>448</v>
      </c>
      <c r="M21" s="75">
        <v>594</v>
      </c>
      <c r="N21" s="60">
        <v>1</v>
      </c>
      <c r="O21" s="61">
        <v>1</v>
      </c>
      <c r="P21" s="62">
        <v>2</v>
      </c>
      <c r="Q21" s="231"/>
      <c r="R21" s="61">
        <v>4</v>
      </c>
      <c r="S21" s="61">
        <v>2</v>
      </c>
      <c r="T21" s="61">
        <v>1</v>
      </c>
      <c r="U21" s="61">
        <v>2</v>
      </c>
      <c r="V21" s="61">
        <v>1</v>
      </c>
      <c r="W21" s="62">
        <v>10</v>
      </c>
      <c r="X21" s="63">
        <v>12</v>
      </c>
      <c r="Y21" s="60">
        <v>3</v>
      </c>
      <c r="Z21" s="61">
        <v>4</v>
      </c>
      <c r="AA21" s="62">
        <v>7</v>
      </c>
      <c r="AB21" s="231"/>
      <c r="AC21" s="61">
        <v>5</v>
      </c>
      <c r="AD21" s="61">
        <v>5</v>
      </c>
      <c r="AE21" s="61">
        <v>2</v>
      </c>
      <c r="AF21" s="61">
        <v>6</v>
      </c>
      <c r="AG21" s="61">
        <v>2</v>
      </c>
      <c r="AH21" s="62">
        <v>20</v>
      </c>
      <c r="AI21" s="63">
        <v>27</v>
      </c>
      <c r="AJ21" s="60">
        <v>8</v>
      </c>
      <c r="AK21" s="61">
        <v>8</v>
      </c>
      <c r="AL21" s="62">
        <v>16</v>
      </c>
      <c r="AM21" s="231"/>
      <c r="AN21" s="61">
        <v>10</v>
      </c>
      <c r="AO21" s="61">
        <v>8</v>
      </c>
      <c r="AP21" s="61">
        <v>4</v>
      </c>
      <c r="AQ21" s="61">
        <v>4</v>
      </c>
      <c r="AR21" s="61">
        <v>1</v>
      </c>
      <c r="AS21" s="62">
        <v>27</v>
      </c>
      <c r="AT21" s="63">
        <v>43</v>
      </c>
      <c r="AU21" s="60">
        <v>15</v>
      </c>
      <c r="AV21" s="61">
        <v>14</v>
      </c>
      <c r="AW21" s="62">
        <v>29</v>
      </c>
      <c r="AX21" s="231"/>
      <c r="AY21" s="61">
        <v>27</v>
      </c>
      <c r="AZ21" s="61">
        <v>22</v>
      </c>
      <c r="BA21" s="61">
        <v>12</v>
      </c>
      <c r="BB21" s="61">
        <v>13</v>
      </c>
      <c r="BC21" s="61">
        <v>9</v>
      </c>
      <c r="BD21" s="62">
        <v>83</v>
      </c>
      <c r="BE21" s="63">
        <v>112</v>
      </c>
      <c r="BF21" s="60">
        <v>23</v>
      </c>
      <c r="BG21" s="61">
        <v>31</v>
      </c>
      <c r="BH21" s="62">
        <v>54</v>
      </c>
      <c r="BI21" s="231"/>
      <c r="BJ21" s="61">
        <v>59</v>
      </c>
      <c r="BK21" s="61">
        <v>37</v>
      </c>
      <c r="BL21" s="61">
        <v>28</v>
      </c>
      <c r="BM21" s="61">
        <v>20</v>
      </c>
      <c r="BN21" s="61">
        <v>7</v>
      </c>
      <c r="BO21" s="62">
        <v>151</v>
      </c>
      <c r="BP21" s="63">
        <v>205</v>
      </c>
      <c r="BQ21" s="60">
        <v>17</v>
      </c>
      <c r="BR21" s="61">
        <v>21</v>
      </c>
      <c r="BS21" s="62">
        <v>38</v>
      </c>
      <c r="BT21" s="231"/>
      <c r="BU21" s="61">
        <v>51</v>
      </c>
      <c r="BV21" s="61">
        <v>42</v>
      </c>
      <c r="BW21" s="61">
        <v>32</v>
      </c>
      <c r="BX21" s="61">
        <v>22</v>
      </c>
      <c r="BY21" s="61">
        <v>10</v>
      </c>
      <c r="BZ21" s="62">
        <v>157</v>
      </c>
      <c r="CA21" s="63">
        <v>195</v>
      </c>
      <c r="CB21" s="60">
        <v>0</v>
      </c>
      <c r="CC21" s="61">
        <v>0</v>
      </c>
      <c r="CD21" s="62">
        <v>0</v>
      </c>
      <c r="CE21" s="231"/>
      <c r="CF21" s="61">
        <v>0</v>
      </c>
      <c r="CG21" s="61">
        <v>0</v>
      </c>
      <c r="CH21" s="61">
        <v>0</v>
      </c>
      <c r="CI21" s="61">
        <v>0</v>
      </c>
      <c r="CJ21" s="61">
        <v>0</v>
      </c>
      <c r="CK21" s="62">
        <v>0</v>
      </c>
      <c r="CL21" s="63">
        <v>0</v>
      </c>
      <c r="CM21" s="60">
        <v>67</v>
      </c>
      <c r="CN21" s="61">
        <v>79</v>
      </c>
      <c r="CO21" s="62">
        <v>146</v>
      </c>
      <c r="CP21" s="231"/>
      <c r="CQ21" s="61">
        <v>156</v>
      </c>
      <c r="CR21" s="61">
        <v>116</v>
      </c>
      <c r="CS21" s="61">
        <v>79</v>
      </c>
      <c r="CT21" s="61">
        <v>67</v>
      </c>
      <c r="CU21" s="61">
        <v>30</v>
      </c>
      <c r="CV21" s="62">
        <v>448</v>
      </c>
      <c r="CW21" s="63">
        <v>594</v>
      </c>
      <c r="CX21" s="113">
        <v>9</v>
      </c>
      <c r="CY21" s="72">
        <v>16</v>
      </c>
      <c r="CZ21" s="73">
        <v>25</v>
      </c>
      <c r="DA21" s="228"/>
      <c r="DB21" s="72">
        <v>20</v>
      </c>
      <c r="DC21" s="72">
        <v>13</v>
      </c>
      <c r="DD21" s="72">
        <v>8</v>
      </c>
      <c r="DE21" s="72">
        <v>9</v>
      </c>
      <c r="DF21" s="72">
        <v>4</v>
      </c>
      <c r="DG21" s="74">
        <v>54</v>
      </c>
      <c r="DH21" s="75">
        <v>79</v>
      </c>
      <c r="DI21" s="60">
        <v>0</v>
      </c>
      <c r="DJ21" s="61">
        <v>0</v>
      </c>
      <c r="DK21" s="62">
        <v>0</v>
      </c>
      <c r="DL21" s="231"/>
      <c r="DM21" s="61">
        <v>1</v>
      </c>
      <c r="DN21" s="61">
        <v>0</v>
      </c>
      <c r="DO21" s="61">
        <v>0</v>
      </c>
      <c r="DP21" s="61">
        <v>0</v>
      </c>
      <c r="DQ21" s="61">
        <v>0</v>
      </c>
      <c r="DR21" s="62">
        <v>1</v>
      </c>
      <c r="DS21" s="63">
        <v>1</v>
      </c>
      <c r="DT21" s="60">
        <v>0</v>
      </c>
      <c r="DU21" s="61">
        <v>3</v>
      </c>
      <c r="DV21" s="62">
        <v>3</v>
      </c>
      <c r="DW21" s="231"/>
      <c r="DX21" s="61">
        <v>1</v>
      </c>
      <c r="DY21" s="61">
        <v>1</v>
      </c>
      <c r="DZ21" s="61">
        <v>1</v>
      </c>
      <c r="EA21" s="61">
        <v>0</v>
      </c>
      <c r="EB21" s="61">
        <v>0</v>
      </c>
      <c r="EC21" s="62">
        <v>3</v>
      </c>
      <c r="ED21" s="63">
        <v>6</v>
      </c>
      <c r="EE21" s="60">
        <v>1</v>
      </c>
      <c r="EF21" s="61">
        <v>3</v>
      </c>
      <c r="EG21" s="62">
        <v>4</v>
      </c>
      <c r="EH21" s="231"/>
      <c r="EI21" s="61">
        <v>2</v>
      </c>
      <c r="EJ21" s="61">
        <v>0</v>
      </c>
      <c r="EK21" s="61">
        <v>0</v>
      </c>
      <c r="EL21" s="61">
        <v>1</v>
      </c>
      <c r="EM21" s="61">
        <v>1</v>
      </c>
      <c r="EN21" s="62">
        <v>4</v>
      </c>
      <c r="EO21" s="63">
        <v>8</v>
      </c>
      <c r="EP21" s="60">
        <v>4</v>
      </c>
      <c r="EQ21" s="61">
        <v>7</v>
      </c>
      <c r="ER21" s="62">
        <v>11</v>
      </c>
      <c r="ES21" s="231"/>
      <c r="ET21" s="61">
        <v>4</v>
      </c>
      <c r="EU21" s="61">
        <v>1</v>
      </c>
      <c r="EV21" s="61">
        <v>3</v>
      </c>
      <c r="EW21" s="61">
        <v>0</v>
      </c>
      <c r="EX21" s="61">
        <v>0</v>
      </c>
      <c r="EY21" s="62">
        <v>8</v>
      </c>
      <c r="EZ21" s="63">
        <v>19</v>
      </c>
      <c r="FA21" s="60">
        <v>1</v>
      </c>
      <c r="FB21" s="61">
        <v>2</v>
      </c>
      <c r="FC21" s="62">
        <v>3</v>
      </c>
      <c r="FD21" s="231"/>
      <c r="FE21" s="61">
        <v>8</v>
      </c>
      <c r="FF21" s="61">
        <v>8</v>
      </c>
      <c r="FG21" s="61">
        <v>2</v>
      </c>
      <c r="FH21" s="61">
        <v>3</v>
      </c>
      <c r="FI21" s="61">
        <v>1</v>
      </c>
      <c r="FJ21" s="62">
        <v>22</v>
      </c>
      <c r="FK21" s="63">
        <v>25</v>
      </c>
      <c r="FL21" s="60">
        <v>3</v>
      </c>
      <c r="FM21" s="61">
        <v>1</v>
      </c>
      <c r="FN21" s="62">
        <v>4</v>
      </c>
      <c r="FO21" s="231"/>
      <c r="FP21" s="61">
        <v>4</v>
      </c>
      <c r="FQ21" s="61">
        <v>3</v>
      </c>
      <c r="FR21" s="61">
        <v>2</v>
      </c>
      <c r="FS21" s="61">
        <v>5</v>
      </c>
      <c r="FT21" s="61">
        <v>2</v>
      </c>
      <c r="FU21" s="62">
        <v>16</v>
      </c>
      <c r="FV21" s="63">
        <v>20</v>
      </c>
      <c r="FW21" s="60">
        <v>0</v>
      </c>
      <c r="FX21" s="61">
        <v>0</v>
      </c>
      <c r="FY21" s="62">
        <v>0</v>
      </c>
      <c r="FZ21" s="231"/>
      <c r="GA21" s="61">
        <v>0</v>
      </c>
      <c r="GB21" s="61">
        <v>0</v>
      </c>
      <c r="GC21" s="61">
        <v>0</v>
      </c>
      <c r="GD21" s="61">
        <v>0</v>
      </c>
      <c r="GE21" s="61">
        <v>0</v>
      </c>
      <c r="GF21" s="62">
        <v>0</v>
      </c>
      <c r="GG21" s="63">
        <v>0</v>
      </c>
      <c r="GH21" s="60">
        <v>9</v>
      </c>
      <c r="GI21" s="61">
        <v>16</v>
      </c>
      <c r="GJ21" s="62">
        <v>25</v>
      </c>
      <c r="GK21" s="231"/>
      <c r="GL21" s="61">
        <v>20</v>
      </c>
      <c r="GM21" s="61">
        <v>13</v>
      </c>
      <c r="GN21" s="61">
        <v>8</v>
      </c>
      <c r="GO21" s="61">
        <v>9</v>
      </c>
      <c r="GP21" s="61">
        <v>4</v>
      </c>
      <c r="GQ21" s="62">
        <v>54</v>
      </c>
      <c r="GR21" s="63">
        <v>79</v>
      </c>
      <c r="GS21" s="113">
        <v>76</v>
      </c>
      <c r="GT21" s="72">
        <v>95</v>
      </c>
      <c r="GU21" s="73">
        <v>171</v>
      </c>
      <c r="GV21" s="228"/>
      <c r="GW21" s="72">
        <v>176</v>
      </c>
      <c r="GX21" s="72">
        <v>129</v>
      </c>
      <c r="GY21" s="72">
        <v>87</v>
      </c>
      <c r="GZ21" s="72">
        <v>76</v>
      </c>
      <c r="HA21" s="72">
        <v>34</v>
      </c>
      <c r="HB21" s="74">
        <v>502</v>
      </c>
      <c r="HC21" s="75">
        <v>673</v>
      </c>
      <c r="HD21" s="60">
        <v>1</v>
      </c>
      <c r="HE21" s="61">
        <v>1</v>
      </c>
      <c r="HF21" s="62">
        <v>2</v>
      </c>
      <c r="HG21" s="231"/>
      <c r="HH21" s="61">
        <v>5</v>
      </c>
      <c r="HI21" s="61">
        <v>2</v>
      </c>
      <c r="HJ21" s="61">
        <v>1</v>
      </c>
      <c r="HK21" s="61">
        <v>2</v>
      </c>
      <c r="HL21" s="61">
        <v>1</v>
      </c>
      <c r="HM21" s="62">
        <v>11</v>
      </c>
      <c r="HN21" s="63">
        <v>13</v>
      </c>
      <c r="HO21" s="60">
        <v>3</v>
      </c>
      <c r="HP21" s="61">
        <v>7</v>
      </c>
      <c r="HQ21" s="62">
        <v>10</v>
      </c>
      <c r="HR21" s="231"/>
      <c r="HS21" s="61">
        <v>6</v>
      </c>
      <c r="HT21" s="61">
        <v>6</v>
      </c>
      <c r="HU21" s="61">
        <v>3</v>
      </c>
      <c r="HV21" s="61">
        <v>6</v>
      </c>
      <c r="HW21" s="61">
        <v>2</v>
      </c>
      <c r="HX21" s="62">
        <v>23</v>
      </c>
      <c r="HY21" s="63">
        <v>33</v>
      </c>
      <c r="HZ21" s="60">
        <v>9</v>
      </c>
      <c r="IA21" s="61">
        <v>11</v>
      </c>
      <c r="IB21" s="62">
        <v>20</v>
      </c>
      <c r="IC21" s="231"/>
      <c r="ID21" s="61">
        <v>12</v>
      </c>
      <c r="IE21" s="61">
        <v>8</v>
      </c>
      <c r="IF21" s="61">
        <v>4</v>
      </c>
      <c r="IG21" s="61">
        <v>5</v>
      </c>
      <c r="IH21" s="61">
        <v>2</v>
      </c>
      <c r="II21" s="62">
        <v>31</v>
      </c>
      <c r="IJ21" s="63">
        <v>51</v>
      </c>
      <c r="IK21" s="60">
        <v>19</v>
      </c>
      <c r="IL21" s="61">
        <v>21</v>
      </c>
      <c r="IM21" s="62">
        <v>40</v>
      </c>
      <c r="IN21" s="231"/>
      <c r="IO21" s="61">
        <v>31</v>
      </c>
      <c r="IP21" s="61">
        <v>23</v>
      </c>
      <c r="IQ21" s="61">
        <v>15</v>
      </c>
      <c r="IR21" s="61">
        <v>13</v>
      </c>
      <c r="IS21" s="61">
        <v>9</v>
      </c>
      <c r="IT21" s="62">
        <v>91</v>
      </c>
      <c r="IU21" s="63">
        <v>131</v>
      </c>
      <c r="IV21" s="60">
        <v>24</v>
      </c>
      <c r="IW21" s="61">
        <v>33</v>
      </c>
      <c r="IX21" s="62">
        <v>57</v>
      </c>
      <c r="IY21" s="231"/>
      <c r="IZ21" s="61">
        <v>67</v>
      </c>
      <c r="JA21" s="61">
        <v>45</v>
      </c>
      <c r="JB21" s="61">
        <v>30</v>
      </c>
      <c r="JC21" s="61">
        <v>23</v>
      </c>
      <c r="JD21" s="61">
        <v>8</v>
      </c>
      <c r="JE21" s="62">
        <v>173</v>
      </c>
      <c r="JF21" s="63">
        <v>230</v>
      </c>
      <c r="JG21" s="60">
        <v>20</v>
      </c>
      <c r="JH21" s="61">
        <v>22</v>
      </c>
      <c r="JI21" s="62">
        <v>42</v>
      </c>
      <c r="JJ21" s="231"/>
      <c r="JK21" s="61">
        <v>55</v>
      </c>
      <c r="JL21" s="61">
        <v>45</v>
      </c>
      <c r="JM21" s="61">
        <v>34</v>
      </c>
      <c r="JN21" s="61">
        <v>27</v>
      </c>
      <c r="JO21" s="61">
        <v>12</v>
      </c>
      <c r="JP21" s="62">
        <v>173</v>
      </c>
      <c r="JQ21" s="63">
        <v>215</v>
      </c>
      <c r="JR21" s="60">
        <v>0</v>
      </c>
      <c r="JS21" s="61">
        <v>0</v>
      </c>
      <c r="JT21" s="62">
        <v>0</v>
      </c>
      <c r="JU21" s="231"/>
      <c r="JV21" s="61">
        <v>0</v>
      </c>
      <c r="JW21" s="61">
        <v>0</v>
      </c>
      <c r="JX21" s="61">
        <v>0</v>
      </c>
      <c r="JY21" s="61">
        <v>0</v>
      </c>
      <c r="JZ21" s="61">
        <v>0</v>
      </c>
      <c r="KA21" s="62">
        <v>0</v>
      </c>
      <c r="KB21" s="63">
        <v>0</v>
      </c>
      <c r="KC21" s="60">
        <v>76</v>
      </c>
      <c r="KD21" s="61">
        <v>95</v>
      </c>
      <c r="KE21" s="62">
        <v>171</v>
      </c>
      <c r="KF21" s="231"/>
      <c r="KG21" s="61">
        <v>176</v>
      </c>
      <c r="KH21" s="61">
        <v>129</v>
      </c>
      <c r="KI21" s="61">
        <v>87</v>
      </c>
      <c r="KJ21" s="61">
        <v>76</v>
      </c>
      <c r="KK21" s="61">
        <v>34</v>
      </c>
      <c r="KL21" s="62">
        <v>502</v>
      </c>
      <c r="KM21" s="63">
        <v>673</v>
      </c>
    </row>
    <row r="22" spans="2:299" ht="21" customHeight="1" x14ac:dyDescent="0.2">
      <c r="B22" s="472" t="s">
        <v>19</v>
      </c>
      <c r="C22" s="293">
        <v>37</v>
      </c>
      <c r="D22" s="72">
        <v>30</v>
      </c>
      <c r="E22" s="73">
        <v>67</v>
      </c>
      <c r="F22" s="228"/>
      <c r="G22" s="72">
        <v>76</v>
      </c>
      <c r="H22" s="72">
        <v>45</v>
      </c>
      <c r="I22" s="72">
        <v>28</v>
      </c>
      <c r="J22" s="72">
        <v>19</v>
      </c>
      <c r="K22" s="72">
        <v>17</v>
      </c>
      <c r="L22" s="74">
        <v>185</v>
      </c>
      <c r="M22" s="75">
        <v>252</v>
      </c>
      <c r="N22" s="76">
        <v>0</v>
      </c>
      <c r="O22" s="61">
        <v>1</v>
      </c>
      <c r="P22" s="62">
        <v>1</v>
      </c>
      <c r="Q22" s="231"/>
      <c r="R22" s="61">
        <v>1</v>
      </c>
      <c r="S22" s="61">
        <v>1</v>
      </c>
      <c r="T22" s="61">
        <v>1</v>
      </c>
      <c r="U22" s="61">
        <v>0</v>
      </c>
      <c r="V22" s="61">
        <v>0</v>
      </c>
      <c r="W22" s="62">
        <v>3</v>
      </c>
      <c r="X22" s="63">
        <v>4</v>
      </c>
      <c r="Y22" s="60">
        <v>0</v>
      </c>
      <c r="Z22" s="61">
        <v>1</v>
      </c>
      <c r="AA22" s="62">
        <v>1</v>
      </c>
      <c r="AB22" s="231"/>
      <c r="AC22" s="61">
        <v>3</v>
      </c>
      <c r="AD22" s="61">
        <v>4</v>
      </c>
      <c r="AE22" s="61">
        <v>0</v>
      </c>
      <c r="AF22" s="61">
        <v>1</v>
      </c>
      <c r="AG22" s="61">
        <v>0</v>
      </c>
      <c r="AH22" s="62">
        <v>8</v>
      </c>
      <c r="AI22" s="63">
        <v>9</v>
      </c>
      <c r="AJ22" s="76">
        <v>4</v>
      </c>
      <c r="AK22" s="61">
        <v>3</v>
      </c>
      <c r="AL22" s="62">
        <v>7</v>
      </c>
      <c r="AM22" s="231"/>
      <c r="AN22" s="61">
        <v>3</v>
      </c>
      <c r="AO22" s="61">
        <v>1</v>
      </c>
      <c r="AP22" s="61">
        <v>4</v>
      </c>
      <c r="AQ22" s="61">
        <v>1</v>
      </c>
      <c r="AR22" s="61">
        <v>1</v>
      </c>
      <c r="AS22" s="62">
        <v>10</v>
      </c>
      <c r="AT22" s="63">
        <v>17</v>
      </c>
      <c r="AU22" s="60">
        <v>7</v>
      </c>
      <c r="AV22" s="61">
        <v>6</v>
      </c>
      <c r="AW22" s="62">
        <v>13</v>
      </c>
      <c r="AX22" s="231"/>
      <c r="AY22" s="61">
        <v>13</v>
      </c>
      <c r="AZ22" s="61">
        <v>5</v>
      </c>
      <c r="BA22" s="61">
        <v>6</v>
      </c>
      <c r="BB22" s="61">
        <v>5</v>
      </c>
      <c r="BC22" s="61">
        <v>6</v>
      </c>
      <c r="BD22" s="62">
        <v>35</v>
      </c>
      <c r="BE22" s="63">
        <v>48</v>
      </c>
      <c r="BF22" s="76">
        <v>12</v>
      </c>
      <c r="BG22" s="61">
        <v>12</v>
      </c>
      <c r="BH22" s="62">
        <v>24</v>
      </c>
      <c r="BI22" s="231"/>
      <c r="BJ22" s="61">
        <v>35</v>
      </c>
      <c r="BK22" s="61">
        <v>14</v>
      </c>
      <c r="BL22" s="61">
        <v>5</v>
      </c>
      <c r="BM22" s="61">
        <v>8</v>
      </c>
      <c r="BN22" s="61">
        <v>8</v>
      </c>
      <c r="BO22" s="62">
        <v>70</v>
      </c>
      <c r="BP22" s="63">
        <v>94</v>
      </c>
      <c r="BQ22" s="60">
        <v>14</v>
      </c>
      <c r="BR22" s="61">
        <v>7</v>
      </c>
      <c r="BS22" s="62">
        <v>21</v>
      </c>
      <c r="BT22" s="231"/>
      <c r="BU22" s="61">
        <v>21</v>
      </c>
      <c r="BV22" s="61">
        <v>20</v>
      </c>
      <c r="BW22" s="61">
        <v>12</v>
      </c>
      <c r="BX22" s="61">
        <v>4</v>
      </c>
      <c r="BY22" s="61">
        <v>2</v>
      </c>
      <c r="BZ22" s="62">
        <v>59</v>
      </c>
      <c r="CA22" s="63">
        <v>80</v>
      </c>
      <c r="CB22" s="60">
        <v>0</v>
      </c>
      <c r="CC22" s="61">
        <v>0</v>
      </c>
      <c r="CD22" s="62">
        <v>0</v>
      </c>
      <c r="CE22" s="231"/>
      <c r="CF22" s="61">
        <v>0</v>
      </c>
      <c r="CG22" s="61">
        <v>0</v>
      </c>
      <c r="CH22" s="61">
        <v>0</v>
      </c>
      <c r="CI22" s="61">
        <v>0</v>
      </c>
      <c r="CJ22" s="61">
        <v>0</v>
      </c>
      <c r="CK22" s="62">
        <v>0</v>
      </c>
      <c r="CL22" s="63">
        <v>0</v>
      </c>
      <c r="CM22" s="60">
        <v>37</v>
      </c>
      <c r="CN22" s="61">
        <v>30</v>
      </c>
      <c r="CO22" s="62">
        <v>67</v>
      </c>
      <c r="CP22" s="231"/>
      <c r="CQ22" s="61">
        <v>76</v>
      </c>
      <c r="CR22" s="61">
        <v>45</v>
      </c>
      <c r="CS22" s="61">
        <v>28</v>
      </c>
      <c r="CT22" s="61">
        <v>19</v>
      </c>
      <c r="CU22" s="61">
        <v>17</v>
      </c>
      <c r="CV22" s="62">
        <v>185</v>
      </c>
      <c r="CW22" s="63">
        <v>252</v>
      </c>
      <c r="CX22" s="113">
        <v>3</v>
      </c>
      <c r="CY22" s="72">
        <v>6</v>
      </c>
      <c r="CZ22" s="73">
        <v>9</v>
      </c>
      <c r="DA22" s="228"/>
      <c r="DB22" s="72">
        <v>9</v>
      </c>
      <c r="DC22" s="72">
        <v>6</v>
      </c>
      <c r="DD22" s="72">
        <v>7</v>
      </c>
      <c r="DE22" s="72">
        <v>2</v>
      </c>
      <c r="DF22" s="72">
        <v>6</v>
      </c>
      <c r="DG22" s="74">
        <v>30</v>
      </c>
      <c r="DH22" s="75">
        <v>39</v>
      </c>
      <c r="DI22" s="76">
        <v>1</v>
      </c>
      <c r="DJ22" s="61">
        <v>0</v>
      </c>
      <c r="DK22" s="62">
        <v>1</v>
      </c>
      <c r="DL22" s="231"/>
      <c r="DM22" s="61">
        <v>0</v>
      </c>
      <c r="DN22" s="61">
        <v>0</v>
      </c>
      <c r="DO22" s="61">
        <v>0</v>
      </c>
      <c r="DP22" s="61">
        <v>0</v>
      </c>
      <c r="DQ22" s="61">
        <v>1</v>
      </c>
      <c r="DR22" s="62">
        <v>1</v>
      </c>
      <c r="DS22" s="63">
        <v>2</v>
      </c>
      <c r="DT22" s="60">
        <v>0</v>
      </c>
      <c r="DU22" s="61">
        <v>0</v>
      </c>
      <c r="DV22" s="62">
        <v>0</v>
      </c>
      <c r="DW22" s="231"/>
      <c r="DX22" s="61">
        <v>0</v>
      </c>
      <c r="DY22" s="61">
        <v>0</v>
      </c>
      <c r="DZ22" s="61">
        <v>0</v>
      </c>
      <c r="EA22" s="61">
        <v>0</v>
      </c>
      <c r="EB22" s="61">
        <v>0</v>
      </c>
      <c r="EC22" s="62">
        <v>0</v>
      </c>
      <c r="ED22" s="63">
        <v>0</v>
      </c>
      <c r="EE22" s="76">
        <v>1</v>
      </c>
      <c r="EF22" s="61">
        <v>2</v>
      </c>
      <c r="EG22" s="62">
        <v>3</v>
      </c>
      <c r="EH22" s="231"/>
      <c r="EI22" s="61">
        <v>1</v>
      </c>
      <c r="EJ22" s="61">
        <v>0</v>
      </c>
      <c r="EK22" s="61">
        <v>0</v>
      </c>
      <c r="EL22" s="61">
        <v>0</v>
      </c>
      <c r="EM22" s="61">
        <v>0</v>
      </c>
      <c r="EN22" s="62">
        <v>1</v>
      </c>
      <c r="EO22" s="63">
        <v>4</v>
      </c>
      <c r="EP22" s="60">
        <v>1</v>
      </c>
      <c r="EQ22" s="61">
        <v>2</v>
      </c>
      <c r="ER22" s="62">
        <v>3</v>
      </c>
      <c r="ES22" s="231"/>
      <c r="ET22" s="61">
        <v>1</v>
      </c>
      <c r="EU22" s="61">
        <v>1</v>
      </c>
      <c r="EV22" s="61">
        <v>1</v>
      </c>
      <c r="EW22" s="61">
        <v>0</v>
      </c>
      <c r="EX22" s="61">
        <v>0</v>
      </c>
      <c r="EY22" s="62">
        <v>3</v>
      </c>
      <c r="EZ22" s="63">
        <v>6</v>
      </c>
      <c r="FA22" s="76">
        <v>0</v>
      </c>
      <c r="FB22" s="61">
        <v>1</v>
      </c>
      <c r="FC22" s="62">
        <v>1</v>
      </c>
      <c r="FD22" s="231"/>
      <c r="FE22" s="61">
        <v>3</v>
      </c>
      <c r="FF22" s="61">
        <v>3</v>
      </c>
      <c r="FG22" s="61">
        <v>2</v>
      </c>
      <c r="FH22" s="61">
        <v>1</v>
      </c>
      <c r="FI22" s="61">
        <v>1</v>
      </c>
      <c r="FJ22" s="62">
        <v>10</v>
      </c>
      <c r="FK22" s="63">
        <v>11</v>
      </c>
      <c r="FL22" s="60">
        <v>0</v>
      </c>
      <c r="FM22" s="61">
        <v>1</v>
      </c>
      <c r="FN22" s="62">
        <v>1</v>
      </c>
      <c r="FO22" s="231"/>
      <c r="FP22" s="61">
        <v>4</v>
      </c>
      <c r="FQ22" s="61">
        <v>2</v>
      </c>
      <c r="FR22" s="61">
        <v>4</v>
      </c>
      <c r="FS22" s="61">
        <v>1</v>
      </c>
      <c r="FT22" s="61">
        <v>4</v>
      </c>
      <c r="FU22" s="62">
        <v>15</v>
      </c>
      <c r="FV22" s="63">
        <v>16</v>
      </c>
      <c r="FW22" s="60">
        <v>0</v>
      </c>
      <c r="FX22" s="61">
        <v>0</v>
      </c>
      <c r="FY22" s="62">
        <v>0</v>
      </c>
      <c r="FZ22" s="231"/>
      <c r="GA22" s="61">
        <v>0</v>
      </c>
      <c r="GB22" s="61">
        <v>0</v>
      </c>
      <c r="GC22" s="61">
        <v>0</v>
      </c>
      <c r="GD22" s="61">
        <v>0</v>
      </c>
      <c r="GE22" s="61">
        <v>0</v>
      </c>
      <c r="GF22" s="62">
        <v>0</v>
      </c>
      <c r="GG22" s="63">
        <v>0</v>
      </c>
      <c r="GH22" s="60">
        <v>3</v>
      </c>
      <c r="GI22" s="61">
        <v>6</v>
      </c>
      <c r="GJ22" s="62">
        <v>9</v>
      </c>
      <c r="GK22" s="231"/>
      <c r="GL22" s="61">
        <v>9</v>
      </c>
      <c r="GM22" s="61">
        <v>6</v>
      </c>
      <c r="GN22" s="61">
        <v>7</v>
      </c>
      <c r="GO22" s="61">
        <v>2</v>
      </c>
      <c r="GP22" s="61">
        <v>6</v>
      </c>
      <c r="GQ22" s="62">
        <v>30</v>
      </c>
      <c r="GR22" s="63">
        <v>39</v>
      </c>
      <c r="GS22" s="113">
        <v>40</v>
      </c>
      <c r="GT22" s="72">
        <v>36</v>
      </c>
      <c r="GU22" s="73">
        <v>76</v>
      </c>
      <c r="GV22" s="228"/>
      <c r="GW22" s="72">
        <v>85</v>
      </c>
      <c r="GX22" s="72">
        <v>51</v>
      </c>
      <c r="GY22" s="72">
        <v>35</v>
      </c>
      <c r="GZ22" s="72">
        <v>21</v>
      </c>
      <c r="HA22" s="72">
        <v>23</v>
      </c>
      <c r="HB22" s="74">
        <v>215</v>
      </c>
      <c r="HC22" s="75">
        <v>291</v>
      </c>
      <c r="HD22" s="76">
        <v>1</v>
      </c>
      <c r="HE22" s="61">
        <v>1</v>
      </c>
      <c r="HF22" s="62">
        <v>2</v>
      </c>
      <c r="HG22" s="231"/>
      <c r="HH22" s="61">
        <v>1</v>
      </c>
      <c r="HI22" s="61">
        <v>1</v>
      </c>
      <c r="HJ22" s="61">
        <v>1</v>
      </c>
      <c r="HK22" s="61">
        <v>0</v>
      </c>
      <c r="HL22" s="61">
        <v>1</v>
      </c>
      <c r="HM22" s="62">
        <v>4</v>
      </c>
      <c r="HN22" s="63">
        <v>6</v>
      </c>
      <c r="HO22" s="60">
        <v>0</v>
      </c>
      <c r="HP22" s="61">
        <v>1</v>
      </c>
      <c r="HQ22" s="62">
        <v>1</v>
      </c>
      <c r="HR22" s="231"/>
      <c r="HS22" s="61">
        <v>3</v>
      </c>
      <c r="HT22" s="61">
        <v>4</v>
      </c>
      <c r="HU22" s="61">
        <v>0</v>
      </c>
      <c r="HV22" s="61">
        <v>1</v>
      </c>
      <c r="HW22" s="61">
        <v>0</v>
      </c>
      <c r="HX22" s="62">
        <v>8</v>
      </c>
      <c r="HY22" s="63">
        <v>9</v>
      </c>
      <c r="HZ22" s="76">
        <v>5</v>
      </c>
      <c r="IA22" s="61">
        <v>5</v>
      </c>
      <c r="IB22" s="62">
        <v>10</v>
      </c>
      <c r="IC22" s="231"/>
      <c r="ID22" s="61">
        <v>4</v>
      </c>
      <c r="IE22" s="61">
        <v>1</v>
      </c>
      <c r="IF22" s="61">
        <v>4</v>
      </c>
      <c r="IG22" s="61">
        <v>1</v>
      </c>
      <c r="IH22" s="61">
        <v>1</v>
      </c>
      <c r="II22" s="62">
        <v>11</v>
      </c>
      <c r="IJ22" s="63">
        <v>21</v>
      </c>
      <c r="IK22" s="60">
        <v>8</v>
      </c>
      <c r="IL22" s="61">
        <v>8</v>
      </c>
      <c r="IM22" s="62">
        <v>16</v>
      </c>
      <c r="IN22" s="231"/>
      <c r="IO22" s="61">
        <v>14</v>
      </c>
      <c r="IP22" s="61">
        <v>6</v>
      </c>
      <c r="IQ22" s="61">
        <v>7</v>
      </c>
      <c r="IR22" s="61">
        <v>5</v>
      </c>
      <c r="IS22" s="61">
        <v>6</v>
      </c>
      <c r="IT22" s="62">
        <v>38</v>
      </c>
      <c r="IU22" s="63">
        <v>54</v>
      </c>
      <c r="IV22" s="76">
        <v>12</v>
      </c>
      <c r="IW22" s="61">
        <v>13</v>
      </c>
      <c r="IX22" s="62">
        <v>25</v>
      </c>
      <c r="IY22" s="231"/>
      <c r="IZ22" s="61">
        <v>38</v>
      </c>
      <c r="JA22" s="61">
        <v>17</v>
      </c>
      <c r="JB22" s="61">
        <v>7</v>
      </c>
      <c r="JC22" s="61">
        <v>9</v>
      </c>
      <c r="JD22" s="61">
        <v>9</v>
      </c>
      <c r="JE22" s="62">
        <v>80</v>
      </c>
      <c r="JF22" s="63">
        <v>105</v>
      </c>
      <c r="JG22" s="60">
        <v>14</v>
      </c>
      <c r="JH22" s="61">
        <v>8</v>
      </c>
      <c r="JI22" s="62">
        <v>22</v>
      </c>
      <c r="JJ22" s="231"/>
      <c r="JK22" s="61">
        <v>25</v>
      </c>
      <c r="JL22" s="61">
        <v>22</v>
      </c>
      <c r="JM22" s="61">
        <v>16</v>
      </c>
      <c r="JN22" s="61">
        <v>5</v>
      </c>
      <c r="JO22" s="61">
        <v>6</v>
      </c>
      <c r="JP22" s="62">
        <v>74</v>
      </c>
      <c r="JQ22" s="63">
        <v>96</v>
      </c>
      <c r="JR22" s="60">
        <v>0</v>
      </c>
      <c r="JS22" s="61">
        <v>0</v>
      </c>
      <c r="JT22" s="62">
        <v>0</v>
      </c>
      <c r="JU22" s="231"/>
      <c r="JV22" s="61">
        <v>0</v>
      </c>
      <c r="JW22" s="61">
        <v>0</v>
      </c>
      <c r="JX22" s="61">
        <v>0</v>
      </c>
      <c r="JY22" s="61">
        <v>0</v>
      </c>
      <c r="JZ22" s="61">
        <v>0</v>
      </c>
      <c r="KA22" s="62">
        <v>0</v>
      </c>
      <c r="KB22" s="63">
        <v>0</v>
      </c>
      <c r="KC22" s="60">
        <v>40</v>
      </c>
      <c r="KD22" s="61">
        <v>36</v>
      </c>
      <c r="KE22" s="62">
        <v>76</v>
      </c>
      <c r="KF22" s="231"/>
      <c r="KG22" s="61">
        <v>85</v>
      </c>
      <c r="KH22" s="61">
        <v>51</v>
      </c>
      <c r="KI22" s="61">
        <v>35</v>
      </c>
      <c r="KJ22" s="61">
        <v>21</v>
      </c>
      <c r="KK22" s="61">
        <v>23</v>
      </c>
      <c r="KL22" s="62">
        <v>215</v>
      </c>
      <c r="KM22" s="63">
        <v>291</v>
      </c>
    </row>
    <row r="23" spans="2:299" ht="21" customHeight="1" x14ac:dyDescent="0.2">
      <c r="B23" s="472" t="s">
        <v>20</v>
      </c>
      <c r="C23" s="293">
        <v>57</v>
      </c>
      <c r="D23" s="72">
        <v>65</v>
      </c>
      <c r="E23" s="73">
        <v>122</v>
      </c>
      <c r="F23" s="228"/>
      <c r="G23" s="72">
        <v>112</v>
      </c>
      <c r="H23" s="72">
        <v>67</v>
      </c>
      <c r="I23" s="72">
        <v>51</v>
      </c>
      <c r="J23" s="72">
        <v>38</v>
      </c>
      <c r="K23" s="72">
        <v>25</v>
      </c>
      <c r="L23" s="74">
        <v>293</v>
      </c>
      <c r="M23" s="75">
        <v>415</v>
      </c>
      <c r="N23" s="60">
        <v>0</v>
      </c>
      <c r="O23" s="61">
        <v>1</v>
      </c>
      <c r="P23" s="62">
        <v>1</v>
      </c>
      <c r="Q23" s="231"/>
      <c r="R23" s="61">
        <v>0</v>
      </c>
      <c r="S23" s="61">
        <v>1</v>
      </c>
      <c r="T23" s="61">
        <v>3</v>
      </c>
      <c r="U23" s="61">
        <v>0</v>
      </c>
      <c r="V23" s="61">
        <v>0</v>
      </c>
      <c r="W23" s="62">
        <v>4</v>
      </c>
      <c r="X23" s="63">
        <v>5</v>
      </c>
      <c r="Y23" s="60">
        <v>0</v>
      </c>
      <c r="Z23" s="61">
        <v>0</v>
      </c>
      <c r="AA23" s="62">
        <v>0</v>
      </c>
      <c r="AB23" s="231"/>
      <c r="AC23" s="61">
        <v>5</v>
      </c>
      <c r="AD23" s="61">
        <v>2</v>
      </c>
      <c r="AE23" s="61">
        <v>2</v>
      </c>
      <c r="AF23" s="61">
        <v>1</v>
      </c>
      <c r="AG23" s="61">
        <v>0</v>
      </c>
      <c r="AH23" s="62">
        <v>10</v>
      </c>
      <c r="AI23" s="63">
        <v>10</v>
      </c>
      <c r="AJ23" s="60">
        <v>9</v>
      </c>
      <c r="AK23" s="61">
        <v>6</v>
      </c>
      <c r="AL23" s="62">
        <v>15</v>
      </c>
      <c r="AM23" s="231"/>
      <c r="AN23" s="61">
        <v>7</v>
      </c>
      <c r="AO23" s="61">
        <v>5</v>
      </c>
      <c r="AP23" s="61">
        <v>6</v>
      </c>
      <c r="AQ23" s="61">
        <v>6</v>
      </c>
      <c r="AR23" s="61">
        <v>5</v>
      </c>
      <c r="AS23" s="62">
        <v>29</v>
      </c>
      <c r="AT23" s="63">
        <v>44</v>
      </c>
      <c r="AU23" s="60">
        <v>13</v>
      </c>
      <c r="AV23" s="61">
        <v>15</v>
      </c>
      <c r="AW23" s="62">
        <v>28</v>
      </c>
      <c r="AX23" s="231"/>
      <c r="AY23" s="61">
        <v>28</v>
      </c>
      <c r="AZ23" s="61">
        <v>14</v>
      </c>
      <c r="BA23" s="61">
        <v>12</v>
      </c>
      <c r="BB23" s="61">
        <v>9</v>
      </c>
      <c r="BC23" s="61">
        <v>4</v>
      </c>
      <c r="BD23" s="62">
        <v>67</v>
      </c>
      <c r="BE23" s="63">
        <v>95</v>
      </c>
      <c r="BF23" s="60">
        <v>23</v>
      </c>
      <c r="BG23" s="61">
        <v>27</v>
      </c>
      <c r="BH23" s="62">
        <v>50</v>
      </c>
      <c r="BI23" s="231"/>
      <c r="BJ23" s="61">
        <v>41</v>
      </c>
      <c r="BK23" s="61">
        <v>22</v>
      </c>
      <c r="BL23" s="61">
        <v>17</v>
      </c>
      <c r="BM23" s="61">
        <v>7</v>
      </c>
      <c r="BN23" s="61">
        <v>6</v>
      </c>
      <c r="BO23" s="62">
        <v>93</v>
      </c>
      <c r="BP23" s="63">
        <v>143</v>
      </c>
      <c r="BQ23" s="60">
        <v>12</v>
      </c>
      <c r="BR23" s="61">
        <v>16</v>
      </c>
      <c r="BS23" s="62">
        <v>28</v>
      </c>
      <c r="BT23" s="231"/>
      <c r="BU23" s="61">
        <v>31</v>
      </c>
      <c r="BV23" s="61">
        <v>23</v>
      </c>
      <c r="BW23" s="61">
        <v>11</v>
      </c>
      <c r="BX23" s="61">
        <v>15</v>
      </c>
      <c r="BY23" s="61">
        <v>10</v>
      </c>
      <c r="BZ23" s="62">
        <v>90</v>
      </c>
      <c r="CA23" s="63">
        <v>118</v>
      </c>
      <c r="CB23" s="60">
        <v>0</v>
      </c>
      <c r="CC23" s="61">
        <v>0</v>
      </c>
      <c r="CD23" s="62">
        <v>0</v>
      </c>
      <c r="CE23" s="231"/>
      <c r="CF23" s="61">
        <v>0</v>
      </c>
      <c r="CG23" s="61">
        <v>0</v>
      </c>
      <c r="CH23" s="61">
        <v>0</v>
      </c>
      <c r="CI23" s="61">
        <v>0</v>
      </c>
      <c r="CJ23" s="61">
        <v>0</v>
      </c>
      <c r="CK23" s="62">
        <v>0</v>
      </c>
      <c r="CL23" s="63">
        <v>0</v>
      </c>
      <c r="CM23" s="60">
        <v>57</v>
      </c>
      <c r="CN23" s="61">
        <v>65</v>
      </c>
      <c r="CO23" s="62">
        <v>122</v>
      </c>
      <c r="CP23" s="231"/>
      <c r="CQ23" s="61">
        <v>112</v>
      </c>
      <c r="CR23" s="61">
        <v>67</v>
      </c>
      <c r="CS23" s="61">
        <v>51</v>
      </c>
      <c r="CT23" s="61">
        <v>38</v>
      </c>
      <c r="CU23" s="61">
        <v>25</v>
      </c>
      <c r="CV23" s="62">
        <v>293</v>
      </c>
      <c r="CW23" s="63">
        <v>415</v>
      </c>
      <c r="CX23" s="113">
        <v>7</v>
      </c>
      <c r="CY23" s="72">
        <v>9</v>
      </c>
      <c r="CZ23" s="73">
        <v>16</v>
      </c>
      <c r="DA23" s="228"/>
      <c r="DB23" s="72">
        <v>15</v>
      </c>
      <c r="DC23" s="72">
        <v>3</v>
      </c>
      <c r="DD23" s="72">
        <v>3</v>
      </c>
      <c r="DE23" s="72">
        <v>5</v>
      </c>
      <c r="DF23" s="72">
        <v>3</v>
      </c>
      <c r="DG23" s="74">
        <v>29</v>
      </c>
      <c r="DH23" s="75">
        <v>45</v>
      </c>
      <c r="DI23" s="60">
        <v>0</v>
      </c>
      <c r="DJ23" s="61">
        <v>0</v>
      </c>
      <c r="DK23" s="62">
        <v>0</v>
      </c>
      <c r="DL23" s="231"/>
      <c r="DM23" s="61">
        <v>0</v>
      </c>
      <c r="DN23" s="61">
        <v>0</v>
      </c>
      <c r="DO23" s="61">
        <v>0</v>
      </c>
      <c r="DP23" s="61">
        <v>0</v>
      </c>
      <c r="DQ23" s="61">
        <v>0</v>
      </c>
      <c r="DR23" s="62">
        <v>0</v>
      </c>
      <c r="DS23" s="63">
        <v>0</v>
      </c>
      <c r="DT23" s="60">
        <v>1</v>
      </c>
      <c r="DU23" s="61">
        <v>1</v>
      </c>
      <c r="DV23" s="62">
        <v>2</v>
      </c>
      <c r="DW23" s="231"/>
      <c r="DX23" s="61">
        <v>0</v>
      </c>
      <c r="DY23" s="61">
        <v>1</v>
      </c>
      <c r="DZ23" s="61">
        <v>0</v>
      </c>
      <c r="EA23" s="61">
        <v>0</v>
      </c>
      <c r="EB23" s="61">
        <v>0</v>
      </c>
      <c r="EC23" s="62">
        <v>1</v>
      </c>
      <c r="ED23" s="63">
        <v>3</v>
      </c>
      <c r="EE23" s="60">
        <v>2</v>
      </c>
      <c r="EF23" s="61">
        <v>0</v>
      </c>
      <c r="EG23" s="62">
        <v>2</v>
      </c>
      <c r="EH23" s="231"/>
      <c r="EI23" s="61">
        <v>1</v>
      </c>
      <c r="EJ23" s="61">
        <v>0</v>
      </c>
      <c r="EK23" s="61">
        <v>0</v>
      </c>
      <c r="EL23" s="61">
        <v>0</v>
      </c>
      <c r="EM23" s="61">
        <v>1</v>
      </c>
      <c r="EN23" s="62">
        <v>2</v>
      </c>
      <c r="EO23" s="63">
        <v>4</v>
      </c>
      <c r="EP23" s="60">
        <v>4</v>
      </c>
      <c r="EQ23" s="61">
        <v>2</v>
      </c>
      <c r="ER23" s="62">
        <v>6</v>
      </c>
      <c r="ES23" s="231"/>
      <c r="ET23" s="61">
        <v>3</v>
      </c>
      <c r="EU23" s="61">
        <v>0</v>
      </c>
      <c r="EV23" s="61">
        <v>1</v>
      </c>
      <c r="EW23" s="61">
        <v>1</v>
      </c>
      <c r="EX23" s="61">
        <v>1</v>
      </c>
      <c r="EY23" s="62">
        <v>6</v>
      </c>
      <c r="EZ23" s="63">
        <v>12</v>
      </c>
      <c r="FA23" s="60">
        <v>0</v>
      </c>
      <c r="FB23" s="61">
        <v>4</v>
      </c>
      <c r="FC23" s="62">
        <v>4</v>
      </c>
      <c r="FD23" s="231"/>
      <c r="FE23" s="61">
        <v>5</v>
      </c>
      <c r="FF23" s="61">
        <v>1</v>
      </c>
      <c r="FG23" s="61">
        <v>0</v>
      </c>
      <c r="FH23" s="61">
        <v>1</v>
      </c>
      <c r="FI23" s="61">
        <v>0</v>
      </c>
      <c r="FJ23" s="62">
        <v>7</v>
      </c>
      <c r="FK23" s="63">
        <v>11</v>
      </c>
      <c r="FL23" s="60">
        <v>0</v>
      </c>
      <c r="FM23" s="61">
        <v>2</v>
      </c>
      <c r="FN23" s="62">
        <v>2</v>
      </c>
      <c r="FO23" s="231"/>
      <c r="FP23" s="61">
        <v>6</v>
      </c>
      <c r="FQ23" s="61">
        <v>1</v>
      </c>
      <c r="FR23" s="61">
        <v>2</v>
      </c>
      <c r="FS23" s="61">
        <v>3</v>
      </c>
      <c r="FT23" s="61">
        <v>1</v>
      </c>
      <c r="FU23" s="62">
        <v>13</v>
      </c>
      <c r="FV23" s="63">
        <v>15</v>
      </c>
      <c r="FW23" s="60">
        <v>0</v>
      </c>
      <c r="FX23" s="61">
        <v>0</v>
      </c>
      <c r="FY23" s="62">
        <v>0</v>
      </c>
      <c r="FZ23" s="231"/>
      <c r="GA23" s="61">
        <v>0</v>
      </c>
      <c r="GB23" s="61">
        <v>0</v>
      </c>
      <c r="GC23" s="61">
        <v>0</v>
      </c>
      <c r="GD23" s="61">
        <v>0</v>
      </c>
      <c r="GE23" s="61">
        <v>0</v>
      </c>
      <c r="GF23" s="62">
        <v>0</v>
      </c>
      <c r="GG23" s="63">
        <v>0</v>
      </c>
      <c r="GH23" s="60">
        <v>7</v>
      </c>
      <c r="GI23" s="61">
        <v>9</v>
      </c>
      <c r="GJ23" s="62">
        <v>16</v>
      </c>
      <c r="GK23" s="231"/>
      <c r="GL23" s="61">
        <v>15</v>
      </c>
      <c r="GM23" s="61">
        <v>3</v>
      </c>
      <c r="GN23" s="61">
        <v>3</v>
      </c>
      <c r="GO23" s="61">
        <v>5</v>
      </c>
      <c r="GP23" s="61">
        <v>3</v>
      </c>
      <c r="GQ23" s="62">
        <v>29</v>
      </c>
      <c r="GR23" s="63">
        <v>45</v>
      </c>
      <c r="GS23" s="113">
        <v>64</v>
      </c>
      <c r="GT23" s="72">
        <v>74</v>
      </c>
      <c r="GU23" s="73">
        <v>138</v>
      </c>
      <c r="GV23" s="228"/>
      <c r="GW23" s="72">
        <v>127</v>
      </c>
      <c r="GX23" s="72">
        <v>70</v>
      </c>
      <c r="GY23" s="72">
        <v>54</v>
      </c>
      <c r="GZ23" s="72">
        <v>43</v>
      </c>
      <c r="HA23" s="72">
        <v>28</v>
      </c>
      <c r="HB23" s="74">
        <v>322</v>
      </c>
      <c r="HC23" s="75">
        <v>460</v>
      </c>
      <c r="HD23" s="60">
        <v>0</v>
      </c>
      <c r="HE23" s="61">
        <v>1</v>
      </c>
      <c r="HF23" s="62">
        <v>1</v>
      </c>
      <c r="HG23" s="231"/>
      <c r="HH23" s="61">
        <v>0</v>
      </c>
      <c r="HI23" s="61">
        <v>1</v>
      </c>
      <c r="HJ23" s="61">
        <v>3</v>
      </c>
      <c r="HK23" s="61">
        <v>0</v>
      </c>
      <c r="HL23" s="61">
        <v>0</v>
      </c>
      <c r="HM23" s="62">
        <v>4</v>
      </c>
      <c r="HN23" s="63">
        <v>5</v>
      </c>
      <c r="HO23" s="60">
        <v>1</v>
      </c>
      <c r="HP23" s="61">
        <v>1</v>
      </c>
      <c r="HQ23" s="62">
        <v>2</v>
      </c>
      <c r="HR23" s="231"/>
      <c r="HS23" s="61">
        <v>5</v>
      </c>
      <c r="HT23" s="61">
        <v>3</v>
      </c>
      <c r="HU23" s="61">
        <v>2</v>
      </c>
      <c r="HV23" s="61">
        <v>1</v>
      </c>
      <c r="HW23" s="61">
        <v>0</v>
      </c>
      <c r="HX23" s="62">
        <v>11</v>
      </c>
      <c r="HY23" s="63">
        <v>13</v>
      </c>
      <c r="HZ23" s="60">
        <v>11</v>
      </c>
      <c r="IA23" s="61">
        <v>6</v>
      </c>
      <c r="IB23" s="62">
        <v>17</v>
      </c>
      <c r="IC23" s="231"/>
      <c r="ID23" s="61">
        <v>8</v>
      </c>
      <c r="IE23" s="61">
        <v>5</v>
      </c>
      <c r="IF23" s="61">
        <v>6</v>
      </c>
      <c r="IG23" s="61">
        <v>6</v>
      </c>
      <c r="IH23" s="61">
        <v>6</v>
      </c>
      <c r="II23" s="62">
        <v>31</v>
      </c>
      <c r="IJ23" s="63">
        <v>48</v>
      </c>
      <c r="IK23" s="60">
        <v>17</v>
      </c>
      <c r="IL23" s="61">
        <v>17</v>
      </c>
      <c r="IM23" s="62">
        <v>34</v>
      </c>
      <c r="IN23" s="231"/>
      <c r="IO23" s="61">
        <v>31</v>
      </c>
      <c r="IP23" s="61">
        <v>14</v>
      </c>
      <c r="IQ23" s="61">
        <v>13</v>
      </c>
      <c r="IR23" s="61">
        <v>10</v>
      </c>
      <c r="IS23" s="61">
        <v>5</v>
      </c>
      <c r="IT23" s="62">
        <v>73</v>
      </c>
      <c r="IU23" s="63">
        <v>107</v>
      </c>
      <c r="IV23" s="60">
        <v>23</v>
      </c>
      <c r="IW23" s="61">
        <v>31</v>
      </c>
      <c r="IX23" s="62">
        <v>54</v>
      </c>
      <c r="IY23" s="231"/>
      <c r="IZ23" s="61">
        <v>46</v>
      </c>
      <c r="JA23" s="61">
        <v>23</v>
      </c>
      <c r="JB23" s="61">
        <v>17</v>
      </c>
      <c r="JC23" s="61">
        <v>8</v>
      </c>
      <c r="JD23" s="61">
        <v>6</v>
      </c>
      <c r="JE23" s="62">
        <v>100</v>
      </c>
      <c r="JF23" s="63">
        <v>154</v>
      </c>
      <c r="JG23" s="60">
        <v>12</v>
      </c>
      <c r="JH23" s="61">
        <v>18</v>
      </c>
      <c r="JI23" s="62">
        <v>30</v>
      </c>
      <c r="JJ23" s="231"/>
      <c r="JK23" s="61">
        <v>37</v>
      </c>
      <c r="JL23" s="61">
        <v>24</v>
      </c>
      <c r="JM23" s="61">
        <v>13</v>
      </c>
      <c r="JN23" s="61">
        <v>18</v>
      </c>
      <c r="JO23" s="61">
        <v>11</v>
      </c>
      <c r="JP23" s="62">
        <v>103</v>
      </c>
      <c r="JQ23" s="63">
        <v>133</v>
      </c>
      <c r="JR23" s="60">
        <v>0</v>
      </c>
      <c r="JS23" s="61">
        <v>0</v>
      </c>
      <c r="JT23" s="62">
        <v>0</v>
      </c>
      <c r="JU23" s="231"/>
      <c r="JV23" s="61">
        <v>0</v>
      </c>
      <c r="JW23" s="61">
        <v>0</v>
      </c>
      <c r="JX23" s="61">
        <v>0</v>
      </c>
      <c r="JY23" s="61">
        <v>0</v>
      </c>
      <c r="JZ23" s="61">
        <v>0</v>
      </c>
      <c r="KA23" s="62">
        <v>0</v>
      </c>
      <c r="KB23" s="63">
        <v>0</v>
      </c>
      <c r="KC23" s="60">
        <v>64</v>
      </c>
      <c r="KD23" s="61">
        <v>74</v>
      </c>
      <c r="KE23" s="62">
        <v>138</v>
      </c>
      <c r="KF23" s="231"/>
      <c r="KG23" s="61">
        <v>127</v>
      </c>
      <c r="KH23" s="61">
        <v>70</v>
      </c>
      <c r="KI23" s="61">
        <v>54</v>
      </c>
      <c r="KJ23" s="61">
        <v>43</v>
      </c>
      <c r="KK23" s="61">
        <v>28</v>
      </c>
      <c r="KL23" s="62">
        <v>322</v>
      </c>
      <c r="KM23" s="63">
        <v>460</v>
      </c>
    </row>
    <row r="24" spans="2:299" ht="21" customHeight="1" x14ac:dyDescent="0.2">
      <c r="B24" s="472" t="s">
        <v>21</v>
      </c>
      <c r="C24" s="293">
        <v>56</v>
      </c>
      <c r="D24" s="72">
        <v>40</v>
      </c>
      <c r="E24" s="73">
        <v>96</v>
      </c>
      <c r="F24" s="228"/>
      <c r="G24" s="72">
        <v>62</v>
      </c>
      <c r="H24" s="72">
        <v>59</v>
      </c>
      <c r="I24" s="72">
        <v>34</v>
      </c>
      <c r="J24" s="72">
        <v>26</v>
      </c>
      <c r="K24" s="72">
        <v>25</v>
      </c>
      <c r="L24" s="74">
        <v>206</v>
      </c>
      <c r="M24" s="75">
        <v>302</v>
      </c>
      <c r="N24" s="60">
        <v>0</v>
      </c>
      <c r="O24" s="61">
        <v>0</v>
      </c>
      <c r="P24" s="62">
        <v>0</v>
      </c>
      <c r="Q24" s="231"/>
      <c r="R24" s="61">
        <v>0</v>
      </c>
      <c r="S24" s="61">
        <v>1</v>
      </c>
      <c r="T24" s="61">
        <v>1</v>
      </c>
      <c r="U24" s="61">
        <v>0</v>
      </c>
      <c r="V24" s="61">
        <v>1</v>
      </c>
      <c r="W24" s="62">
        <v>3</v>
      </c>
      <c r="X24" s="63">
        <v>3</v>
      </c>
      <c r="Y24" s="60">
        <v>1</v>
      </c>
      <c r="Z24" s="61">
        <v>2</v>
      </c>
      <c r="AA24" s="62">
        <v>3</v>
      </c>
      <c r="AB24" s="231"/>
      <c r="AC24" s="61">
        <v>5</v>
      </c>
      <c r="AD24" s="61">
        <v>2</v>
      </c>
      <c r="AE24" s="61">
        <v>3</v>
      </c>
      <c r="AF24" s="61">
        <v>3</v>
      </c>
      <c r="AG24" s="61">
        <v>0</v>
      </c>
      <c r="AH24" s="62">
        <v>13</v>
      </c>
      <c r="AI24" s="63">
        <v>16</v>
      </c>
      <c r="AJ24" s="60">
        <v>4</v>
      </c>
      <c r="AK24" s="61">
        <v>4</v>
      </c>
      <c r="AL24" s="62">
        <v>8</v>
      </c>
      <c r="AM24" s="231"/>
      <c r="AN24" s="61">
        <v>9</v>
      </c>
      <c r="AO24" s="61">
        <v>5</v>
      </c>
      <c r="AP24" s="61">
        <v>4</v>
      </c>
      <c r="AQ24" s="61">
        <v>5</v>
      </c>
      <c r="AR24" s="61">
        <v>3</v>
      </c>
      <c r="AS24" s="62">
        <v>26</v>
      </c>
      <c r="AT24" s="63">
        <v>34</v>
      </c>
      <c r="AU24" s="60">
        <v>14</v>
      </c>
      <c r="AV24" s="61">
        <v>5</v>
      </c>
      <c r="AW24" s="62">
        <v>19</v>
      </c>
      <c r="AX24" s="231"/>
      <c r="AY24" s="61">
        <v>17</v>
      </c>
      <c r="AZ24" s="61">
        <v>14</v>
      </c>
      <c r="BA24" s="61">
        <v>7</v>
      </c>
      <c r="BB24" s="61">
        <v>3</v>
      </c>
      <c r="BC24" s="61">
        <v>2</v>
      </c>
      <c r="BD24" s="62">
        <v>43</v>
      </c>
      <c r="BE24" s="63">
        <v>62</v>
      </c>
      <c r="BF24" s="60">
        <v>21</v>
      </c>
      <c r="BG24" s="61">
        <v>13</v>
      </c>
      <c r="BH24" s="62">
        <v>34</v>
      </c>
      <c r="BI24" s="231"/>
      <c r="BJ24" s="61">
        <v>18</v>
      </c>
      <c r="BK24" s="61">
        <v>16</v>
      </c>
      <c r="BL24" s="61">
        <v>10</v>
      </c>
      <c r="BM24" s="61">
        <v>7</v>
      </c>
      <c r="BN24" s="61">
        <v>12</v>
      </c>
      <c r="BO24" s="62">
        <v>63</v>
      </c>
      <c r="BP24" s="63">
        <v>97</v>
      </c>
      <c r="BQ24" s="60">
        <v>16</v>
      </c>
      <c r="BR24" s="61">
        <v>16</v>
      </c>
      <c r="BS24" s="62">
        <v>32</v>
      </c>
      <c r="BT24" s="231"/>
      <c r="BU24" s="61">
        <v>13</v>
      </c>
      <c r="BV24" s="61">
        <v>21</v>
      </c>
      <c r="BW24" s="61">
        <v>9</v>
      </c>
      <c r="BX24" s="61">
        <v>8</v>
      </c>
      <c r="BY24" s="61">
        <v>7</v>
      </c>
      <c r="BZ24" s="62">
        <v>58</v>
      </c>
      <c r="CA24" s="63">
        <v>90</v>
      </c>
      <c r="CB24" s="60">
        <v>0</v>
      </c>
      <c r="CC24" s="61">
        <v>0</v>
      </c>
      <c r="CD24" s="62">
        <v>0</v>
      </c>
      <c r="CE24" s="231"/>
      <c r="CF24" s="61">
        <v>0</v>
      </c>
      <c r="CG24" s="61">
        <v>0</v>
      </c>
      <c r="CH24" s="61">
        <v>0</v>
      </c>
      <c r="CI24" s="61">
        <v>0</v>
      </c>
      <c r="CJ24" s="61">
        <v>0</v>
      </c>
      <c r="CK24" s="62">
        <v>0</v>
      </c>
      <c r="CL24" s="63">
        <v>0</v>
      </c>
      <c r="CM24" s="60">
        <v>56</v>
      </c>
      <c r="CN24" s="61">
        <v>40</v>
      </c>
      <c r="CO24" s="62">
        <v>96</v>
      </c>
      <c r="CP24" s="231"/>
      <c r="CQ24" s="61">
        <v>62</v>
      </c>
      <c r="CR24" s="61">
        <v>59</v>
      </c>
      <c r="CS24" s="61">
        <v>34</v>
      </c>
      <c r="CT24" s="61">
        <v>26</v>
      </c>
      <c r="CU24" s="61">
        <v>25</v>
      </c>
      <c r="CV24" s="62">
        <v>206</v>
      </c>
      <c r="CW24" s="63">
        <v>302</v>
      </c>
      <c r="CX24" s="113">
        <v>8</v>
      </c>
      <c r="CY24" s="72">
        <v>7</v>
      </c>
      <c r="CZ24" s="73">
        <v>15</v>
      </c>
      <c r="DA24" s="228"/>
      <c r="DB24" s="72">
        <v>9</v>
      </c>
      <c r="DC24" s="72">
        <v>9</v>
      </c>
      <c r="DD24" s="72">
        <v>5</v>
      </c>
      <c r="DE24" s="72">
        <v>6</v>
      </c>
      <c r="DF24" s="72">
        <v>4</v>
      </c>
      <c r="DG24" s="74">
        <v>33</v>
      </c>
      <c r="DH24" s="75">
        <v>48</v>
      </c>
      <c r="DI24" s="60">
        <v>0</v>
      </c>
      <c r="DJ24" s="61">
        <v>0</v>
      </c>
      <c r="DK24" s="62">
        <v>0</v>
      </c>
      <c r="DL24" s="231"/>
      <c r="DM24" s="61">
        <v>1</v>
      </c>
      <c r="DN24" s="61">
        <v>0</v>
      </c>
      <c r="DO24" s="61">
        <v>0</v>
      </c>
      <c r="DP24" s="61">
        <v>0</v>
      </c>
      <c r="DQ24" s="61">
        <v>1</v>
      </c>
      <c r="DR24" s="62">
        <v>2</v>
      </c>
      <c r="DS24" s="63">
        <v>2</v>
      </c>
      <c r="DT24" s="60">
        <v>1</v>
      </c>
      <c r="DU24" s="61">
        <v>0</v>
      </c>
      <c r="DV24" s="62">
        <v>1</v>
      </c>
      <c r="DW24" s="231"/>
      <c r="DX24" s="61">
        <v>0</v>
      </c>
      <c r="DY24" s="61">
        <v>1</v>
      </c>
      <c r="DZ24" s="61">
        <v>0</v>
      </c>
      <c r="EA24" s="61">
        <v>0</v>
      </c>
      <c r="EB24" s="61">
        <v>0</v>
      </c>
      <c r="EC24" s="62">
        <v>1</v>
      </c>
      <c r="ED24" s="63">
        <v>2</v>
      </c>
      <c r="EE24" s="60">
        <v>1</v>
      </c>
      <c r="EF24" s="61">
        <v>2</v>
      </c>
      <c r="EG24" s="62">
        <v>3</v>
      </c>
      <c r="EH24" s="231"/>
      <c r="EI24" s="61">
        <v>0</v>
      </c>
      <c r="EJ24" s="61">
        <v>0</v>
      </c>
      <c r="EK24" s="61">
        <v>0</v>
      </c>
      <c r="EL24" s="61">
        <v>0</v>
      </c>
      <c r="EM24" s="61">
        <v>0</v>
      </c>
      <c r="EN24" s="62">
        <v>0</v>
      </c>
      <c r="EO24" s="63">
        <v>3</v>
      </c>
      <c r="EP24" s="60">
        <v>1</v>
      </c>
      <c r="EQ24" s="61">
        <v>1</v>
      </c>
      <c r="ER24" s="62">
        <v>2</v>
      </c>
      <c r="ES24" s="231"/>
      <c r="ET24" s="61">
        <v>1</v>
      </c>
      <c r="EU24" s="61">
        <v>1</v>
      </c>
      <c r="EV24" s="61">
        <v>2</v>
      </c>
      <c r="EW24" s="61">
        <v>0</v>
      </c>
      <c r="EX24" s="61">
        <v>1</v>
      </c>
      <c r="EY24" s="62">
        <v>5</v>
      </c>
      <c r="EZ24" s="63">
        <v>7</v>
      </c>
      <c r="FA24" s="60">
        <v>3</v>
      </c>
      <c r="FB24" s="61">
        <v>1</v>
      </c>
      <c r="FC24" s="62">
        <v>4</v>
      </c>
      <c r="FD24" s="231"/>
      <c r="FE24" s="61">
        <v>4</v>
      </c>
      <c r="FF24" s="61">
        <v>3</v>
      </c>
      <c r="FG24" s="61">
        <v>1</v>
      </c>
      <c r="FH24" s="61">
        <v>2</v>
      </c>
      <c r="FI24" s="61">
        <v>1</v>
      </c>
      <c r="FJ24" s="62">
        <v>11</v>
      </c>
      <c r="FK24" s="63">
        <v>15</v>
      </c>
      <c r="FL24" s="60">
        <v>2</v>
      </c>
      <c r="FM24" s="61">
        <v>3</v>
      </c>
      <c r="FN24" s="62">
        <v>5</v>
      </c>
      <c r="FO24" s="231"/>
      <c r="FP24" s="61">
        <v>3</v>
      </c>
      <c r="FQ24" s="61">
        <v>4</v>
      </c>
      <c r="FR24" s="61">
        <v>2</v>
      </c>
      <c r="FS24" s="61">
        <v>4</v>
      </c>
      <c r="FT24" s="61">
        <v>1</v>
      </c>
      <c r="FU24" s="62">
        <v>14</v>
      </c>
      <c r="FV24" s="63">
        <v>19</v>
      </c>
      <c r="FW24" s="60">
        <v>0</v>
      </c>
      <c r="FX24" s="61">
        <v>0</v>
      </c>
      <c r="FY24" s="62">
        <v>0</v>
      </c>
      <c r="FZ24" s="231"/>
      <c r="GA24" s="61">
        <v>0</v>
      </c>
      <c r="GB24" s="61">
        <v>0</v>
      </c>
      <c r="GC24" s="61">
        <v>0</v>
      </c>
      <c r="GD24" s="61">
        <v>0</v>
      </c>
      <c r="GE24" s="61">
        <v>0</v>
      </c>
      <c r="GF24" s="62">
        <v>0</v>
      </c>
      <c r="GG24" s="63">
        <v>0</v>
      </c>
      <c r="GH24" s="60">
        <v>8</v>
      </c>
      <c r="GI24" s="61">
        <v>7</v>
      </c>
      <c r="GJ24" s="62">
        <v>15</v>
      </c>
      <c r="GK24" s="231"/>
      <c r="GL24" s="61">
        <v>9</v>
      </c>
      <c r="GM24" s="61">
        <v>9</v>
      </c>
      <c r="GN24" s="61">
        <v>5</v>
      </c>
      <c r="GO24" s="61">
        <v>6</v>
      </c>
      <c r="GP24" s="61">
        <v>4</v>
      </c>
      <c r="GQ24" s="62">
        <v>33</v>
      </c>
      <c r="GR24" s="63">
        <v>48</v>
      </c>
      <c r="GS24" s="113">
        <v>64</v>
      </c>
      <c r="GT24" s="72">
        <v>47</v>
      </c>
      <c r="GU24" s="73">
        <v>111</v>
      </c>
      <c r="GV24" s="228"/>
      <c r="GW24" s="72">
        <v>71</v>
      </c>
      <c r="GX24" s="72">
        <v>68</v>
      </c>
      <c r="GY24" s="72">
        <v>39</v>
      </c>
      <c r="GZ24" s="72">
        <v>32</v>
      </c>
      <c r="HA24" s="72">
        <v>29</v>
      </c>
      <c r="HB24" s="74">
        <v>239</v>
      </c>
      <c r="HC24" s="75">
        <v>350</v>
      </c>
      <c r="HD24" s="60">
        <v>0</v>
      </c>
      <c r="HE24" s="61">
        <v>0</v>
      </c>
      <c r="HF24" s="62">
        <v>0</v>
      </c>
      <c r="HG24" s="231"/>
      <c r="HH24" s="61">
        <v>1</v>
      </c>
      <c r="HI24" s="61">
        <v>1</v>
      </c>
      <c r="HJ24" s="61">
        <v>1</v>
      </c>
      <c r="HK24" s="61">
        <v>0</v>
      </c>
      <c r="HL24" s="61">
        <v>2</v>
      </c>
      <c r="HM24" s="62">
        <v>5</v>
      </c>
      <c r="HN24" s="63">
        <v>5</v>
      </c>
      <c r="HO24" s="60">
        <v>2</v>
      </c>
      <c r="HP24" s="61">
        <v>2</v>
      </c>
      <c r="HQ24" s="62">
        <v>4</v>
      </c>
      <c r="HR24" s="231"/>
      <c r="HS24" s="61">
        <v>5</v>
      </c>
      <c r="HT24" s="61">
        <v>3</v>
      </c>
      <c r="HU24" s="61">
        <v>3</v>
      </c>
      <c r="HV24" s="61">
        <v>3</v>
      </c>
      <c r="HW24" s="61">
        <v>0</v>
      </c>
      <c r="HX24" s="62">
        <v>14</v>
      </c>
      <c r="HY24" s="63">
        <v>18</v>
      </c>
      <c r="HZ24" s="60">
        <v>5</v>
      </c>
      <c r="IA24" s="61">
        <v>6</v>
      </c>
      <c r="IB24" s="62">
        <v>11</v>
      </c>
      <c r="IC24" s="231"/>
      <c r="ID24" s="61">
        <v>9</v>
      </c>
      <c r="IE24" s="61">
        <v>5</v>
      </c>
      <c r="IF24" s="61">
        <v>4</v>
      </c>
      <c r="IG24" s="61">
        <v>5</v>
      </c>
      <c r="IH24" s="61">
        <v>3</v>
      </c>
      <c r="II24" s="62">
        <v>26</v>
      </c>
      <c r="IJ24" s="63">
        <v>37</v>
      </c>
      <c r="IK24" s="60">
        <v>15</v>
      </c>
      <c r="IL24" s="61">
        <v>6</v>
      </c>
      <c r="IM24" s="62">
        <v>21</v>
      </c>
      <c r="IN24" s="231"/>
      <c r="IO24" s="61">
        <v>18</v>
      </c>
      <c r="IP24" s="61">
        <v>15</v>
      </c>
      <c r="IQ24" s="61">
        <v>9</v>
      </c>
      <c r="IR24" s="61">
        <v>3</v>
      </c>
      <c r="IS24" s="61">
        <v>3</v>
      </c>
      <c r="IT24" s="62">
        <v>48</v>
      </c>
      <c r="IU24" s="63">
        <v>69</v>
      </c>
      <c r="IV24" s="60">
        <v>24</v>
      </c>
      <c r="IW24" s="61">
        <v>14</v>
      </c>
      <c r="IX24" s="62">
        <v>38</v>
      </c>
      <c r="IY24" s="231"/>
      <c r="IZ24" s="61">
        <v>22</v>
      </c>
      <c r="JA24" s="61">
        <v>19</v>
      </c>
      <c r="JB24" s="61">
        <v>11</v>
      </c>
      <c r="JC24" s="61">
        <v>9</v>
      </c>
      <c r="JD24" s="61">
        <v>13</v>
      </c>
      <c r="JE24" s="62">
        <v>74</v>
      </c>
      <c r="JF24" s="63">
        <v>112</v>
      </c>
      <c r="JG24" s="60">
        <v>18</v>
      </c>
      <c r="JH24" s="61">
        <v>19</v>
      </c>
      <c r="JI24" s="62">
        <v>37</v>
      </c>
      <c r="JJ24" s="231"/>
      <c r="JK24" s="61">
        <v>16</v>
      </c>
      <c r="JL24" s="61">
        <v>25</v>
      </c>
      <c r="JM24" s="61">
        <v>11</v>
      </c>
      <c r="JN24" s="61">
        <v>12</v>
      </c>
      <c r="JO24" s="61">
        <v>8</v>
      </c>
      <c r="JP24" s="62">
        <v>72</v>
      </c>
      <c r="JQ24" s="63">
        <v>109</v>
      </c>
      <c r="JR24" s="60">
        <v>0</v>
      </c>
      <c r="JS24" s="61">
        <v>0</v>
      </c>
      <c r="JT24" s="62">
        <v>0</v>
      </c>
      <c r="JU24" s="231"/>
      <c r="JV24" s="61">
        <v>0</v>
      </c>
      <c r="JW24" s="61">
        <v>0</v>
      </c>
      <c r="JX24" s="61">
        <v>0</v>
      </c>
      <c r="JY24" s="61">
        <v>0</v>
      </c>
      <c r="JZ24" s="61">
        <v>0</v>
      </c>
      <c r="KA24" s="62">
        <v>0</v>
      </c>
      <c r="KB24" s="63">
        <v>0</v>
      </c>
      <c r="KC24" s="60">
        <v>64</v>
      </c>
      <c r="KD24" s="61">
        <v>47</v>
      </c>
      <c r="KE24" s="62">
        <v>111</v>
      </c>
      <c r="KF24" s="231"/>
      <c r="KG24" s="61">
        <v>71</v>
      </c>
      <c r="KH24" s="61">
        <v>68</v>
      </c>
      <c r="KI24" s="61">
        <v>39</v>
      </c>
      <c r="KJ24" s="61">
        <v>32</v>
      </c>
      <c r="KK24" s="61">
        <v>29</v>
      </c>
      <c r="KL24" s="62">
        <v>239</v>
      </c>
      <c r="KM24" s="63">
        <v>350</v>
      </c>
    </row>
    <row r="25" spans="2:299" ht="21" customHeight="1" x14ac:dyDescent="0.2">
      <c r="B25" s="472" t="s">
        <v>22</v>
      </c>
      <c r="C25" s="293">
        <v>16</v>
      </c>
      <c r="D25" s="72">
        <v>15</v>
      </c>
      <c r="E25" s="73">
        <v>31</v>
      </c>
      <c r="F25" s="228"/>
      <c r="G25" s="72">
        <v>41</v>
      </c>
      <c r="H25" s="72">
        <v>30</v>
      </c>
      <c r="I25" s="72">
        <v>16</v>
      </c>
      <c r="J25" s="72">
        <v>14</v>
      </c>
      <c r="K25" s="72">
        <v>4</v>
      </c>
      <c r="L25" s="74">
        <v>105</v>
      </c>
      <c r="M25" s="75">
        <v>136</v>
      </c>
      <c r="N25" s="60">
        <v>0</v>
      </c>
      <c r="O25" s="61">
        <v>0</v>
      </c>
      <c r="P25" s="62">
        <v>0</v>
      </c>
      <c r="Q25" s="231"/>
      <c r="R25" s="61">
        <v>0</v>
      </c>
      <c r="S25" s="61">
        <v>0</v>
      </c>
      <c r="T25" s="61">
        <v>0</v>
      </c>
      <c r="U25" s="61">
        <v>0</v>
      </c>
      <c r="V25" s="61">
        <v>0</v>
      </c>
      <c r="W25" s="62">
        <v>0</v>
      </c>
      <c r="X25" s="63">
        <v>0</v>
      </c>
      <c r="Y25" s="60">
        <v>0</v>
      </c>
      <c r="Z25" s="61">
        <v>0</v>
      </c>
      <c r="AA25" s="62">
        <v>0</v>
      </c>
      <c r="AB25" s="231"/>
      <c r="AC25" s="61">
        <v>0</v>
      </c>
      <c r="AD25" s="61">
        <v>1</v>
      </c>
      <c r="AE25" s="61">
        <v>0</v>
      </c>
      <c r="AF25" s="61">
        <v>0</v>
      </c>
      <c r="AG25" s="61">
        <v>0</v>
      </c>
      <c r="AH25" s="62">
        <v>1</v>
      </c>
      <c r="AI25" s="63">
        <v>1</v>
      </c>
      <c r="AJ25" s="60">
        <v>0</v>
      </c>
      <c r="AK25" s="61">
        <v>1</v>
      </c>
      <c r="AL25" s="62">
        <v>1</v>
      </c>
      <c r="AM25" s="231"/>
      <c r="AN25" s="61">
        <v>4</v>
      </c>
      <c r="AO25" s="61">
        <v>6</v>
      </c>
      <c r="AP25" s="61">
        <v>2</v>
      </c>
      <c r="AQ25" s="61">
        <v>1</v>
      </c>
      <c r="AR25" s="61">
        <v>0</v>
      </c>
      <c r="AS25" s="62">
        <v>13</v>
      </c>
      <c r="AT25" s="63">
        <v>14</v>
      </c>
      <c r="AU25" s="60">
        <v>2</v>
      </c>
      <c r="AV25" s="61">
        <v>2</v>
      </c>
      <c r="AW25" s="62">
        <v>4</v>
      </c>
      <c r="AX25" s="231"/>
      <c r="AY25" s="61">
        <v>5</v>
      </c>
      <c r="AZ25" s="61">
        <v>4</v>
      </c>
      <c r="BA25" s="61">
        <v>3</v>
      </c>
      <c r="BB25" s="61">
        <v>5</v>
      </c>
      <c r="BC25" s="61">
        <v>3</v>
      </c>
      <c r="BD25" s="62">
        <v>20</v>
      </c>
      <c r="BE25" s="63">
        <v>24</v>
      </c>
      <c r="BF25" s="60">
        <v>8</v>
      </c>
      <c r="BG25" s="61">
        <v>7</v>
      </c>
      <c r="BH25" s="62">
        <v>15</v>
      </c>
      <c r="BI25" s="231"/>
      <c r="BJ25" s="61">
        <v>12</v>
      </c>
      <c r="BK25" s="61">
        <v>7</v>
      </c>
      <c r="BL25" s="61">
        <v>3</v>
      </c>
      <c r="BM25" s="61">
        <v>3</v>
      </c>
      <c r="BN25" s="61">
        <v>0</v>
      </c>
      <c r="BO25" s="62">
        <v>25</v>
      </c>
      <c r="BP25" s="63">
        <v>40</v>
      </c>
      <c r="BQ25" s="60">
        <v>6</v>
      </c>
      <c r="BR25" s="61">
        <v>5</v>
      </c>
      <c r="BS25" s="62">
        <v>11</v>
      </c>
      <c r="BT25" s="231"/>
      <c r="BU25" s="61">
        <v>20</v>
      </c>
      <c r="BV25" s="61">
        <v>12</v>
      </c>
      <c r="BW25" s="61">
        <v>8</v>
      </c>
      <c r="BX25" s="61">
        <v>5</v>
      </c>
      <c r="BY25" s="61">
        <v>1</v>
      </c>
      <c r="BZ25" s="62">
        <v>46</v>
      </c>
      <c r="CA25" s="63">
        <v>57</v>
      </c>
      <c r="CB25" s="60">
        <v>0</v>
      </c>
      <c r="CC25" s="61">
        <v>0</v>
      </c>
      <c r="CD25" s="62">
        <v>0</v>
      </c>
      <c r="CE25" s="231"/>
      <c r="CF25" s="61">
        <v>0</v>
      </c>
      <c r="CG25" s="61">
        <v>0</v>
      </c>
      <c r="CH25" s="61">
        <v>0</v>
      </c>
      <c r="CI25" s="61">
        <v>0</v>
      </c>
      <c r="CJ25" s="61">
        <v>0</v>
      </c>
      <c r="CK25" s="62">
        <v>0</v>
      </c>
      <c r="CL25" s="63">
        <v>0</v>
      </c>
      <c r="CM25" s="60">
        <v>16</v>
      </c>
      <c r="CN25" s="61">
        <v>15</v>
      </c>
      <c r="CO25" s="62">
        <v>31</v>
      </c>
      <c r="CP25" s="231"/>
      <c r="CQ25" s="61">
        <v>41</v>
      </c>
      <c r="CR25" s="61">
        <v>30</v>
      </c>
      <c r="CS25" s="61">
        <v>16</v>
      </c>
      <c r="CT25" s="61">
        <v>14</v>
      </c>
      <c r="CU25" s="61">
        <v>4</v>
      </c>
      <c r="CV25" s="62">
        <v>105</v>
      </c>
      <c r="CW25" s="63">
        <v>136</v>
      </c>
      <c r="CX25" s="113">
        <v>1</v>
      </c>
      <c r="CY25" s="72">
        <v>2</v>
      </c>
      <c r="CZ25" s="73">
        <v>3</v>
      </c>
      <c r="DA25" s="228"/>
      <c r="DB25" s="72">
        <v>6</v>
      </c>
      <c r="DC25" s="72">
        <v>7</v>
      </c>
      <c r="DD25" s="72">
        <v>3</v>
      </c>
      <c r="DE25" s="72">
        <v>2</v>
      </c>
      <c r="DF25" s="72">
        <v>0</v>
      </c>
      <c r="DG25" s="74">
        <v>18</v>
      </c>
      <c r="DH25" s="75">
        <v>21</v>
      </c>
      <c r="DI25" s="60">
        <v>0</v>
      </c>
      <c r="DJ25" s="61">
        <v>0</v>
      </c>
      <c r="DK25" s="62">
        <v>0</v>
      </c>
      <c r="DL25" s="231"/>
      <c r="DM25" s="61">
        <v>0</v>
      </c>
      <c r="DN25" s="61">
        <v>0</v>
      </c>
      <c r="DO25" s="61">
        <v>0</v>
      </c>
      <c r="DP25" s="61">
        <v>0</v>
      </c>
      <c r="DQ25" s="61">
        <v>0</v>
      </c>
      <c r="DR25" s="62">
        <v>0</v>
      </c>
      <c r="DS25" s="63">
        <v>0</v>
      </c>
      <c r="DT25" s="60">
        <v>0</v>
      </c>
      <c r="DU25" s="61">
        <v>0</v>
      </c>
      <c r="DV25" s="62">
        <v>0</v>
      </c>
      <c r="DW25" s="231"/>
      <c r="DX25" s="61">
        <v>0</v>
      </c>
      <c r="DY25" s="61">
        <v>0</v>
      </c>
      <c r="DZ25" s="61">
        <v>0</v>
      </c>
      <c r="EA25" s="61">
        <v>0</v>
      </c>
      <c r="EB25" s="61">
        <v>0</v>
      </c>
      <c r="EC25" s="62">
        <v>0</v>
      </c>
      <c r="ED25" s="63">
        <v>0</v>
      </c>
      <c r="EE25" s="60">
        <v>0</v>
      </c>
      <c r="EF25" s="61">
        <v>1</v>
      </c>
      <c r="EG25" s="62">
        <v>1</v>
      </c>
      <c r="EH25" s="231"/>
      <c r="EI25" s="61">
        <v>0</v>
      </c>
      <c r="EJ25" s="61">
        <v>2</v>
      </c>
      <c r="EK25" s="61">
        <v>2</v>
      </c>
      <c r="EL25" s="61">
        <v>0</v>
      </c>
      <c r="EM25" s="61">
        <v>0</v>
      </c>
      <c r="EN25" s="62">
        <v>4</v>
      </c>
      <c r="EO25" s="63">
        <v>5</v>
      </c>
      <c r="EP25" s="60">
        <v>1</v>
      </c>
      <c r="EQ25" s="61">
        <v>0</v>
      </c>
      <c r="ER25" s="62">
        <v>1</v>
      </c>
      <c r="ES25" s="231"/>
      <c r="ET25" s="61">
        <v>0</v>
      </c>
      <c r="EU25" s="61">
        <v>0</v>
      </c>
      <c r="EV25" s="61">
        <v>0</v>
      </c>
      <c r="EW25" s="61">
        <v>0</v>
      </c>
      <c r="EX25" s="61">
        <v>0</v>
      </c>
      <c r="EY25" s="62">
        <v>0</v>
      </c>
      <c r="EZ25" s="63">
        <v>1</v>
      </c>
      <c r="FA25" s="60">
        <v>0</v>
      </c>
      <c r="FB25" s="61">
        <v>0</v>
      </c>
      <c r="FC25" s="62">
        <v>0</v>
      </c>
      <c r="FD25" s="231"/>
      <c r="FE25" s="61">
        <v>3</v>
      </c>
      <c r="FF25" s="61">
        <v>1</v>
      </c>
      <c r="FG25" s="61">
        <v>0</v>
      </c>
      <c r="FH25" s="61">
        <v>0</v>
      </c>
      <c r="FI25" s="61">
        <v>0</v>
      </c>
      <c r="FJ25" s="62">
        <v>4</v>
      </c>
      <c r="FK25" s="63">
        <v>4</v>
      </c>
      <c r="FL25" s="60">
        <v>0</v>
      </c>
      <c r="FM25" s="61">
        <v>1</v>
      </c>
      <c r="FN25" s="62">
        <v>1</v>
      </c>
      <c r="FO25" s="231"/>
      <c r="FP25" s="61">
        <v>3</v>
      </c>
      <c r="FQ25" s="61">
        <v>4</v>
      </c>
      <c r="FR25" s="61">
        <v>1</v>
      </c>
      <c r="FS25" s="61">
        <v>2</v>
      </c>
      <c r="FT25" s="61">
        <v>0</v>
      </c>
      <c r="FU25" s="62">
        <v>10</v>
      </c>
      <c r="FV25" s="63">
        <v>11</v>
      </c>
      <c r="FW25" s="60">
        <v>0</v>
      </c>
      <c r="FX25" s="61">
        <v>0</v>
      </c>
      <c r="FY25" s="62">
        <v>0</v>
      </c>
      <c r="FZ25" s="231"/>
      <c r="GA25" s="61">
        <v>0</v>
      </c>
      <c r="GB25" s="61">
        <v>0</v>
      </c>
      <c r="GC25" s="61">
        <v>0</v>
      </c>
      <c r="GD25" s="61">
        <v>0</v>
      </c>
      <c r="GE25" s="61">
        <v>0</v>
      </c>
      <c r="GF25" s="62">
        <v>0</v>
      </c>
      <c r="GG25" s="63">
        <v>0</v>
      </c>
      <c r="GH25" s="60">
        <v>1</v>
      </c>
      <c r="GI25" s="61">
        <v>2</v>
      </c>
      <c r="GJ25" s="62">
        <v>3</v>
      </c>
      <c r="GK25" s="231"/>
      <c r="GL25" s="61">
        <v>6</v>
      </c>
      <c r="GM25" s="61">
        <v>7</v>
      </c>
      <c r="GN25" s="61">
        <v>3</v>
      </c>
      <c r="GO25" s="61">
        <v>2</v>
      </c>
      <c r="GP25" s="61">
        <v>0</v>
      </c>
      <c r="GQ25" s="62">
        <v>18</v>
      </c>
      <c r="GR25" s="63">
        <v>21</v>
      </c>
      <c r="GS25" s="113">
        <v>17</v>
      </c>
      <c r="GT25" s="72">
        <v>17</v>
      </c>
      <c r="GU25" s="73">
        <v>34</v>
      </c>
      <c r="GV25" s="228"/>
      <c r="GW25" s="72">
        <v>47</v>
      </c>
      <c r="GX25" s="72">
        <v>37</v>
      </c>
      <c r="GY25" s="72">
        <v>19</v>
      </c>
      <c r="GZ25" s="72">
        <v>16</v>
      </c>
      <c r="HA25" s="72">
        <v>4</v>
      </c>
      <c r="HB25" s="74">
        <v>123</v>
      </c>
      <c r="HC25" s="75">
        <v>157</v>
      </c>
      <c r="HD25" s="60">
        <v>0</v>
      </c>
      <c r="HE25" s="61">
        <v>0</v>
      </c>
      <c r="HF25" s="62">
        <v>0</v>
      </c>
      <c r="HG25" s="231"/>
      <c r="HH25" s="61">
        <v>0</v>
      </c>
      <c r="HI25" s="61">
        <v>0</v>
      </c>
      <c r="HJ25" s="61">
        <v>0</v>
      </c>
      <c r="HK25" s="61">
        <v>0</v>
      </c>
      <c r="HL25" s="61">
        <v>0</v>
      </c>
      <c r="HM25" s="62">
        <v>0</v>
      </c>
      <c r="HN25" s="63">
        <v>0</v>
      </c>
      <c r="HO25" s="60">
        <v>0</v>
      </c>
      <c r="HP25" s="61">
        <v>0</v>
      </c>
      <c r="HQ25" s="62">
        <v>0</v>
      </c>
      <c r="HR25" s="231"/>
      <c r="HS25" s="61">
        <v>0</v>
      </c>
      <c r="HT25" s="61">
        <v>1</v>
      </c>
      <c r="HU25" s="61">
        <v>0</v>
      </c>
      <c r="HV25" s="61">
        <v>0</v>
      </c>
      <c r="HW25" s="61">
        <v>0</v>
      </c>
      <c r="HX25" s="62">
        <v>1</v>
      </c>
      <c r="HY25" s="63">
        <v>1</v>
      </c>
      <c r="HZ25" s="60">
        <v>0</v>
      </c>
      <c r="IA25" s="61">
        <v>2</v>
      </c>
      <c r="IB25" s="62">
        <v>2</v>
      </c>
      <c r="IC25" s="231"/>
      <c r="ID25" s="61">
        <v>4</v>
      </c>
      <c r="IE25" s="61">
        <v>8</v>
      </c>
      <c r="IF25" s="61">
        <v>4</v>
      </c>
      <c r="IG25" s="61">
        <v>1</v>
      </c>
      <c r="IH25" s="61">
        <v>0</v>
      </c>
      <c r="II25" s="62">
        <v>17</v>
      </c>
      <c r="IJ25" s="63">
        <v>19</v>
      </c>
      <c r="IK25" s="60">
        <v>3</v>
      </c>
      <c r="IL25" s="61">
        <v>2</v>
      </c>
      <c r="IM25" s="62">
        <v>5</v>
      </c>
      <c r="IN25" s="231"/>
      <c r="IO25" s="61">
        <v>5</v>
      </c>
      <c r="IP25" s="61">
        <v>4</v>
      </c>
      <c r="IQ25" s="61">
        <v>3</v>
      </c>
      <c r="IR25" s="61">
        <v>5</v>
      </c>
      <c r="IS25" s="61">
        <v>3</v>
      </c>
      <c r="IT25" s="62">
        <v>20</v>
      </c>
      <c r="IU25" s="63">
        <v>25</v>
      </c>
      <c r="IV25" s="60">
        <v>8</v>
      </c>
      <c r="IW25" s="61">
        <v>7</v>
      </c>
      <c r="IX25" s="62">
        <v>15</v>
      </c>
      <c r="IY25" s="231"/>
      <c r="IZ25" s="61">
        <v>15</v>
      </c>
      <c r="JA25" s="61">
        <v>8</v>
      </c>
      <c r="JB25" s="61">
        <v>3</v>
      </c>
      <c r="JC25" s="61">
        <v>3</v>
      </c>
      <c r="JD25" s="61">
        <v>0</v>
      </c>
      <c r="JE25" s="62">
        <v>29</v>
      </c>
      <c r="JF25" s="63">
        <v>44</v>
      </c>
      <c r="JG25" s="60">
        <v>6</v>
      </c>
      <c r="JH25" s="61">
        <v>6</v>
      </c>
      <c r="JI25" s="62">
        <v>12</v>
      </c>
      <c r="JJ25" s="231"/>
      <c r="JK25" s="61">
        <v>23</v>
      </c>
      <c r="JL25" s="61">
        <v>16</v>
      </c>
      <c r="JM25" s="61">
        <v>9</v>
      </c>
      <c r="JN25" s="61">
        <v>7</v>
      </c>
      <c r="JO25" s="61">
        <v>1</v>
      </c>
      <c r="JP25" s="62">
        <v>56</v>
      </c>
      <c r="JQ25" s="63">
        <v>68</v>
      </c>
      <c r="JR25" s="60">
        <v>0</v>
      </c>
      <c r="JS25" s="61">
        <v>0</v>
      </c>
      <c r="JT25" s="62">
        <v>0</v>
      </c>
      <c r="JU25" s="231"/>
      <c r="JV25" s="61">
        <v>0</v>
      </c>
      <c r="JW25" s="61">
        <v>0</v>
      </c>
      <c r="JX25" s="61">
        <v>0</v>
      </c>
      <c r="JY25" s="61">
        <v>0</v>
      </c>
      <c r="JZ25" s="61">
        <v>0</v>
      </c>
      <c r="KA25" s="62">
        <v>0</v>
      </c>
      <c r="KB25" s="63">
        <v>0</v>
      </c>
      <c r="KC25" s="60">
        <v>17</v>
      </c>
      <c r="KD25" s="61">
        <v>17</v>
      </c>
      <c r="KE25" s="62">
        <v>34</v>
      </c>
      <c r="KF25" s="231"/>
      <c r="KG25" s="61">
        <v>47</v>
      </c>
      <c r="KH25" s="61">
        <v>37</v>
      </c>
      <c r="KI25" s="61">
        <v>19</v>
      </c>
      <c r="KJ25" s="61">
        <v>16</v>
      </c>
      <c r="KK25" s="61">
        <v>4</v>
      </c>
      <c r="KL25" s="62">
        <v>123</v>
      </c>
      <c r="KM25" s="63">
        <v>157</v>
      </c>
    </row>
    <row r="26" spans="2:299" ht="21" customHeight="1" x14ac:dyDescent="0.2">
      <c r="B26" s="472" t="s">
        <v>23</v>
      </c>
      <c r="C26" s="293">
        <v>29</v>
      </c>
      <c r="D26" s="72">
        <v>31</v>
      </c>
      <c r="E26" s="73">
        <v>60</v>
      </c>
      <c r="F26" s="228"/>
      <c r="G26" s="72">
        <v>49</v>
      </c>
      <c r="H26" s="72">
        <v>37</v>
      </c>
      <c r="I26" s="72">
        <v>24</v>
      </c>
      <c r="J26" s="72">
        <v>17</v>
      </c>
      <c r="K26" s="72">
        <v>9</v>
      </c>
      <c r="L26" s="74">
        <v>136</v>
      </c>
      <c r="M26" s="75">
        <v>196</v>
      </c>
      <c r="N26" s="60">
        <v>0</v>
      </c>
      <c r="O26" s="61">
        <v>1</v>
      </c>
      <c r="P26" s="62">
        <v>1</v>
      </c>
      <c r="Q26" s="231"/>
      <c r="R26" s="61">
        <v>0</v>
      </c>
      <c r="S26" s="61">
        <v>1</v>
      </c>
      <c r="T26" s="61">
        <v>1</v>
      </c>
      <c r="U26" s="61">
        <v>0</v>
      </c>
      <c r="V26" s="61">
        <v>1</v>
      </c>
      <c r="W26" s="62">
        <v>3</v>
      </c>
      <c r="X26" s="63">
        <v>4</v>
      </c>
      <c r="Y26" s="60">
        <v>1</v>
      </c>
      <c r="Z26" s="61">
        <v>1</v>
      </c>
      <c r="AA26" s="62">
        <v>2</v>
      </c>
      <c r="AB26" s="231"/>
      <c r="AC26" s="61">
        <v>2</v>
      </c>
      <c r="AD26" s="61">
        <v>2</v>
      </c>
      <c r="AE26" s="61">
        <v>1</v>
      </c>
      <c r="AF26" s="61">
        <v>1</v>
      </c>
      <c r="AG26" s="61">
        <v>1</v>
      </c>
      <c r="AH26" s="62">
        <v>7</v>
      </c>
      <c r="AI26" s="63">
        <v>9</v>
      </c>
      <c r="AJ26" s="60">
        <v>5</v>
      </c>
      <c r="AK26" s="61">
        <v>3</v>
      </c>
      <c r="AL26" s="62">
        <v>8</v>
      </c>
      <c r="AM26" s="231"/>
      <c r="AN26" s="61">
        <v>8</v>
      </c>
      <c r="AO26" s="61">
        <v>2</v>
      </c>
      <c r="AP26" s="61">
        <v>2</v>
      </c>
      <c r="AQ26" s="61">
        <v>3</v>
      </c>
      <c r="AR26" s="61">
        <v>1</v>
      </c>
      <c r="AS26" s="62">
        <v>16</v>
      </c>
      <c r="AT26" s="63">
        <v>24</v>
      </c>
      <c r="AU26" s="60">
        <v>7</v>
      </c>
      <c r="AV26" s="61">
        <v>16</v>
      </c>
      <c r="AW26" s="62">
        <v>23</v>
      </c>
      <c r="AX26" s="231"/>
      <c r="AY26" s="61">
        <v>10</v>
      </c>
      <c r="AZ26" s="61">
        <v>11</v>
      </c>
      <c r="BA26" s="61">
        <v>6</v>
      </c>
      <c r="BB26" s="61">
        <v>4</v>
      </c>
      <c r="BC26" s="61">
        <v>2</v>
      </c>
      <c r="BD26" s="62">
        <v>33</v>
      </c>
      <c r="BE26" s="63">
        <v>56</v>
      </c>
      <c r="BF26" s="60">
        <v>10</v>
      </c>
      <c r="BG26" s="61">
        <v>8</v>
      </c>
      <c r="BH26" s="62">
        <v>18</v>
      </c>
      <c r="BI26" s="231"/>
      <c r="BJ26" s="61">
        <v>19</v>
      </c>
      <c r="BK26" s="61">
        <v>8</v>
      </c>
      <c r="BL26" s="61">
        <v>6</v>
      </c>
      <c r="BM26" s="61">
        <v>3</v>
      </c>
      <c r="BN26" s="61">
        <v>1</v>
      </c>
      <c r="BO26" s="62">
        <v>37</v>
      </c>
      <c r="BP26" s="63">
        <v>55</v>
      </c>
      <c r="BQ26" s="60">
        <v>6</v>
      </c>
      <c r="BR26" s="61">
        <v>2</v>
      </c>
      <c r="BS26" s="62">
        <v>8</v>
      </c>
      <c r="BT26" s="231"/>
      <c r="BU26" s="61">
        <v>10</v>
      </c>
      <c r="BV26" s="61">
        <v>13</v>
      </c>
      <c r="BW26" s="61">
        <v>8</v>
      </c>
      <c r="BX26" s="61">
        <v>6</v>
      </c>
      <c r="BY26" s="61">
        <v>3</v>
      </c>
      <c r="BZ26" s="62">
        <v>40</v>
      </c>
      <c r="CA26" s="63">
        <v>48</v>
      </c>
      <c r="CB26" s="60">
        <v>0</v>
      </c>
      <c r="CC26" s="61">
        <v>0</v>
      </c>
      <c r="CD26" s="62">
        <v>0</v>
      </c>
      <c r="CE26" s="231"/>
      <c r="CF26" s="61">
        <v>0</v>
      </c>
      <c r="CG26" s="61">
        <v>0</v>
      </c>
      <c r="CH26" s="61">
        <v>0</v>
      </c>
      <c r="CI26" s="61">
        <v>0</v>
      </c>
      <c r="CJ26" s="61">
        <v>0</v>
      </c>
      <c r="CK26" s="62">
        <v>0</v>
      </c>
      <c r="CL26" s="63">
        <v>0</v>
      </c>
      <c r="CM26" s="60">
        <v>29</v>
      </c>
      <c r="CN26" s="61">
        <v>31</v>
      </c>
      <c r="CO26" s="62">
        <v>60</v>
      </c>
      <c r="CP26" s="231"/>
      <c r="CQ26" s="61">
        <v>49</v>
      </c>
      <c r="CR26" s="61">
        <v>37</v>
      </c>
      <c r="CS26" s="61">
        <v>24</v>
      </c>
      <c r="CT26" s="61">
        <v>17</v>
      </c>
      <c r="CU26" s="61">
        <v>9</v>
      </c>
      <c r="CV26" s="62">
        <v>136</v>
      </c>
      <c r="CW26" s="63">
        <v>196</v>
      </c>
      <c r="CX26" s="113">
        <v>2</v>
      </c>
      <c r="CY26" s="72">
        <v>2</v>
      </c>
      <c r="CZ26" s="73">
        <v>4</v>
      </c>
      <c r="DA26" s="228"/>
      <c r="DB26" s="72">
        <v>7</v>
      </c>
      <c r="DC26" s="72">
        <v>4</v>
      </c>
      <c r="DD26" s="72">
        <v>1</v>
      </c>
      <c r="DE26" s="72">
        <v>5</v>
      </c>
      <c r="DF26" s="72">
        <v>1</v>
      </c>
      <c r="DG26" s="74">
        <v>18</v>
      </c>
      <c r="DH26" s="75">
        <v>22</v>
      </c>
      <c r="DI26" s="60">
        <v>0</v>
      </c>
      <c r="DJ26" s="61">
        <v>0</v>
      </c>
      <c r="DK26" s="62">
        <v>0</v>
      </c>
      <c r="DL26" s="231"/>
      <c r="DM26" s="61">
        <v>0</v>
      </c>
      <c r="DN26" s="61">
        <v>0</v>
      </c>
      <c r="DO26" s="61">
        <v>0</v>
      </c>
      <c r="DP26" s="61">
        <v>1</v>
      </c>
      <c r="DQ26" s="61">
        <v>0</v>
      </c>
      <c r="DR26" s="62">
        <v>1</v>
      </c>
      <c r="DS26" s="63">
        <v>1</v>
      </c>
      <c r="DT26" s="60">
        <v>1</v>
      </c>
      <c r="DU26" s="61">
        <v>1</v>
      </c>
      <c r="DV26" s="62">
        <v>2</v>
      </c>
      <c r="DW26" s="231"/>
      <c r="DX26" s="61">
        <v>1</v>
      </c>
      <c r="DY26" s="61">
        <v>2</v>
      </c>
      <c r="DZ26" s="61">
        <v>0</v>
      </c>
      <c r="EA26" s="61">
        <v>0</v>
      </c>
      <c r="EB26" s="61">
        <v>0</v>
      </c>
      <c r="EC26" s="62">
        <v>3</v>
      </c>
      <c r="ED26" s="63">
        <v>5</v>
      </c>
      <c r="EE26" s="60">
        <v>1</v>
      </c>
      <c r="EF26" s="61">
        <v>0</v>
      </c>
      <c r="EG26" s="62">
        <v>1</v>
      </c>
      <c r="EH26" s="231"/>
      <c r="EI26" s="61">
        <v>1</v>
      </c>
      <c r="EJ26" s="61">
        <v>0</v>
      </c>
      <c r="EK26" s="61">
        <v>0</v>
      </c>
      <c r="EL26" s="61">
        <v>1</v>
      </c>
      <c r="EM26" s="61">
        <v>0</v>
      </c>
      <c r="EN26" s="62">
        <v>2</v>
      </c>
      <c r="EO26" s="63">
        <v>3</v>
      </c>
      <c r="EP26" s="60">
        <v>0</v>
      </c>
      <c r="EQ26" s="61">
        <v>0</v>
      </c>
      <c r="ER26" s="62">
        <v>0</v>
      </c>
      <c r="ES26" s="231"/>
      <c r="ET26" s="61">
        <v>2</v>
      </c>
      <c r="EU26" s="61">
        <v>0</v>
      </c>
      <c r="EV26" s="61">
        <v>0</v>
      </c>
      <c r="EW26" s="61">
        <v>0</v>
      </c>
      <c r="EX26" s="61">
        <v>0</v>
      </c>
      <c r="EY26" s="62">
        <v>2</v>
      </c>
      <c r="EZ26" s="63">
        <v>2</v>
      </c>
      <c r="FA26" s="60">
        <v>0</v>
      </c>
      <c r="FB26" s="61">
        <v>1</v>
      </c>
      <c r="FC26" s="62">
        <v>1</v>
      </c>
      <c r="FD26" s="231"/>
      <c r="FE26" s="61">
        <v>3</v>
      </c>
      <c r="FF26" s="61">
        <v>2</v>
      </c>
      <c r="FG26" s="61">
        <v>0</v>
      </c>
      <c r="FH26" s="61">
        <v>1</v>
      </c>
      <c r="FI26" s="61">
        <v>1</v>
      </c>
      <c r="FJ26" s="62">
        <v>7</v>
      </c>
      <c r="FK26" s="63">
        <v>8</v>
      </c>
      <c r="FL26" s="60">
        <v>0</v>
      </c>
      <c r="FM26" s="61">
        <v>0</v>
      </c>
      <c r="FN26" s="62">
        <v>0</v>
      </c>
      <c r="FO26" s="231"/>
      <c r="FP26" s="61">
        <v>0</v>
      </c>
      <c r="FQ26" s="61">
        <v>0</v>
      </c>
      <c r="FR26" s="61">
        <v>1</v>
      </c>
      <c r="FS26" s="61">
        <v>2</v>
      </c>
      <c r="FT26" s="61">
        <v>0</v>
      </c>
      <c r="FU26" s="62">
        <v>3</v>
      </c>
      <c r="FV26" s="63">
        <v>3</v>
      </c>
      <c r="FW26" s="60">
        <v>0</v>
      </c>
      <c r="FX26" s="61">
        <v>0</v>
      </c>
      <c r="FY26" s="62">
        <v>0</v>
      </c>
      <c r="FZ26" s="231"/>
      <c r="GA26" s="61">
        <v>0</v>
      </c>
      <c r="GB26" s="61">
        <v>0</v>
      </c>
      <c r="GC26" s="61">
        <v>0</v>
      </c>
      <c r="GD26" s="61">
        <v>0</v>
      </c>
      <c r="GE26" s="61">
        <v>0</v>
      </c>
      <c r="GF26" s="62">
        <v>0</v>
      </c>
      <c r="GG26" s="63">
        <v>0</v>
      </c>
      <c r="GH26" s="60">
        <v>2</v>
      </c>
      <c r="GI26" s="61">
        <v>2</v>
      </c>
      <c r="GJ26" s="62">
        <v>4</v>
      </c>
      <c r="GK26" s="231"/>
      <c r="GL26" s="61">
        <v>7</v>
      </c>
      <c r="GM26" s="61">
        <v>4</v>
      </c>
      <c r="GN26" s="61">
        <v>1</v>
      </c>
      <c r="GO26" s="61">
        <v>5</v>
      </c>
      <c r="GP26" s="61">
        <v>1</v>
      </c>
      <c r="GQ26" s="62">
        <v>18</v>
      </c>
      <c r="GR26" s="63">
        <v>22</v>
      </c>
      <c r="GS26" s="113">
        <v>31</v>
      </c>
      <c r="GT26" s="72">
        <v>33</v>
      </c>
      <c r="GU26" s="73">
        <v>64</v>
      </c>
      <c r="GV26" s="228"/>
      <c r="GW26" s="72">
        <v>56</v>
      </c>
      <c r="GX26" s="72">
        <v>41</v>
      </c>
      <c r="GY26" s="72">
        <v>25</v>
      </c>
      <c r="GZ26" s="72">
        <v>22</v>
      </c>
      <c r="HA26" s="72">
        <v>10</v>
      </c>
      <c r="HB26" s="74">
        <v>154</v>
      </c>
      <c r="HC26" s="75">
        <v>218</v>
      </c>
      <c r="HD26" s="60">
        <v>0</v>
      </c>
      <c r="HE26" s="61">
        <v>1</v>
      </c>
      <c r="HF26" s="62">
        <v>1</v>
      </c>
      <c r="HG26" s="231"/>
      <c r="HH26" s="61">
        <v>0</v>
      </c>
      <c r="HI26" s="61">
        <v>1</v>
      </c>
      <c r="HJ26" s="61">
        <v>1</v>
      </c>
      <c r="HK26" s="61">
        <v>1</v>
      </c>
      <c r="HL26" s="61">
        <v>1</v>
      </c>
      <c r="HM26" s="62">
        <v>4</v>
      </c>
      <c r="HN26" s="63">
        <v>5</v>
      </c>
      <c r="HO26" s="60">
        <v>2</v>
      </c>
      <c r="HP26" s="61">
        <v>2</v>
      </c>
      <c r="HQ26" s="62">
        <v>4</v>
      </c>
      <c r="HR26" s="231"/>
      <c r="HS26" s="61">
        <v>3</v>
      </c>
      <c r="HT26" s="61">
        <v>4</v>
      </c>
      <c r="HU26" s="61">
        <v>1</v>
      </c>
      <c r="HV26" s="61">
        <v>1</v>
      </c>
      <c r="HW26" s="61">
        <v>1</v>
      </c>
      <c r="HX26" s="62">
        <v>10</v>
      </c>
      <c r="HY26" s="63">
        <v>14</v>
      </c>
      <c r="HZ26" s="60">
        <v>6</v>
      </c>
      <c r="IA26" s="61">
        <v>3</v>
      </c>
      <c r="IB26" s="62">
        <v>9</v>
      </c>
      <c r="IC26" s="231"/>
      <c r="ID26" s="61">
        <v>9</v>
      </c>
      <c r="IE26" s="61">
        <v>2</v>
      </c>
      <c r="IF26" s="61">
        <v>2</v>
      </c>
      <c r="IG26" s="61">
        <v>4</v>
      </c>
      <c r="IH26" s="61">
        <v>1</v>
      </c>
      <c r="II26" s="62">
        <v>18</v>
      </c>
      <c r="IJ26" s="63">
        <v>27</v>
      </c>
      <c r="IK26" s="60">
        <v>7</v>
      </c>
      <c r="IL26" s="61">
        <v>16</v>
      </c>
      <c r="IM26" s="62">
        <v>23</v>
      </c>
      <c r="IN26" s="231"/>
      <c r="IO26" s="61">
        <v>12</v>
      </c>
      <c r="IP26" s="61">
        <v>11</v>
      </c>
      <c r="IQ26" s="61">
        <v>6</v>
      </c>
      <c r="IR26" s="61">
        <v>4</v>
      </c>
      <c r="IS26" s="61">
        <v>2</v>
      </c>
      <c r="IT26" s="62">
        <v>35</v>
      </c>
      <c r="IU26" s="63">
        <v>58</v>
      </c>
      <c r="IV26" s="60">
        <v>10</v>
      </c>
      <c r="IW26" s="61">
        <v>9</v>
      </c>
      <c r="IX26" s="62">
        <v>19</v>
      </c>
      <c r="IY26" s="231"/>
      <c r="IZ26" s="61">
        <v>22</v>
      </c>
      <c r="JA26" s="61">
        <v>10</v>
      </c>
      <c r="JB26" s="61">
        <v>6</v>
      </c>
      <c r="JC26" s="61">
        <v>4</v>
      </c>
      <c r="JD26" s="61">
        <v>2</v>
      </c>
      <c r="JE26" s="62">
        <v>44</v>
      </c>
      <c r="JF26" s="63">
        <v>63</v>
      </c>
      <c r="JG26" s="60">
        <v>6</v>
      </c>
      <c r="JH26" s="61">
        <v>2</v>
      </c>
      <c r="JI26" s="62">
        <v>8</v>
      </c>
      <c r="JJ26" s="231"/>
      <c r="JK26" s="61">
        <v>10</v>
      </c>
      <c r="JL26" s="61">
        <v>13</v>
      </c>
      <c r="JM26" s="61">
        <v>9</v>
      </c>
      <c r="JN26" s="61">
        <v>8</v>
      </c>
      <c r="JO26" s="61">
        <v>3</v>
      </c>
      <c r="JP26" s="62">
        <v>43</v>
      </c>
      <c r="JQ26" s="63">
        <v>51</v>
      </c>
      <c r="JR26" s="60">
        <v>0</v>
      </c>
      <c r="JS26" s="61">
        <v>0</v>
      </c>
      <c r="JT26" s="62">
        <v>0</v>
      </c>
      <c r="JU26" s="231"/>
      <c r="JV26" s="61">
        <v>0</v>
      </c>
      <c r="JW26" s="61">
        <v>0</v>
      </c>
      <c r="JX26" s="61">
        <v>0</v>
      </c>
      <c r="JY26" s="61">
        <v>0</v>
      </c>
      <c r="JZ26" s="61">
        <v>0</v>
      </c>
      <c r="KA26" s="62">
        <v>0</v>
      </c>
      <c r="KB26" s="63">
        <v>0</v>
      </c>
      <c r="KC26" s="60">
        <v>31</v>
      </c>
      <c r="KD26" s="61">
        <v>33</v>
      </c>
      <c r="KE26" s="62">
        <v>64</v>
      </c>
      <c r="KF26" s="231"/>
      <c r="KG26" s="61">
        <v>56</v>
      </c>
      <c r="KH26" s="61">
        <v>41</v>
      </c>
      <c r="KI26" s="61">
        <v>25</v>
      </c>
      <c r="KJ26" s="61">
        <v>22</v>
      </c>
      <c r="KK26" s="61">
        <v>10</v>
      </c>
      <c r="KL26" s="62">
        <v>154</v>
      </c>
      <c r="KM26" s="63">
        <v>218</v>
      </c>
    </row>
    <row r="27" spans="2:299" ht="21" customHeight="1" x14ac:dyDescent="0.2">
      <c r="B27" s="472" t="s">
        <v>24</v>
      </c>
      <c r="C27" s="293">
        <v>32</v>
      </c>
      <c r="D27" s="72">
        <v>22</v>
      </c>
      <c r="E27" s="73">
        <v>54</v>
      </c>
      <c r="F27" s="228"/>
      <c r="G27" s="72">
        <v>41</v>
      </c>
      <c r="H27" s="72">
        <v>33</v>
      </c>
      <c r="I27" s="72">
        <v>15</v>
      </c>
      <c r="J27" s="72">
        <v>14</v>
      </c>
      <c r="K27" s="72">
        <v>8</v>
      </c>
      <c r="L27" s="74">
        <v>111</v>
      </c>
      <c r="M27" s="75">
        <v>165</v>
      </c>
      <c r="N27" s="60">
        <v>0</v>
      </c>
      <c r="O27" s="61">
        <v>0</v>
      </c>
      <c r="P27" s="62">
        <v>0</v>
      </c>
      <c r="Q27" s="231"/>
      <c r="R27" s="61">
        <v>1</v>
      </c>
      <c r="S27" s="61">
        <v>0</v>
      </c>
      <c r="T27" s="61">
        <v>0</v>
      </c>
      <c r="U27" s="61">
        <v>0</v>
      </c>
      <c r="V27" s="61">
        <v>0</v>
      </c>
      <c r="W27" s="62">
        <v>1</v>
      </c>
      <c r="X27" s="63">
        <v>1</v>
      </c>
      <c r="Y27" s="60">
        <v>0</v>
      </c>
      <c r="Z27" s="61">
        <v>1</v>
      </c>
      <c r="AA27" s="62">
        <v>1</v>
      </c>
      <c r="AB27" s="231"/>
      <c r="AC27" s="61">
        <v>2</v>
      </c>
      <c r="AD27" s="61">
        <v>0</v>
      </c>
      <c r="AE27" s="61">
        <v>1</v>
      </c>
      <c r="AF27" s="61">
        <v>1</v>
      </c>
      <c r="AG27" s="61">
        <v>1</v>
      </c>
      <c r="AH27" s="62">
        <v>5</v>
      </c>
      <c r="AI27" s="63">
        <v>6</v>
      </c>
      <c r="AJ27" s="60">
        <v>1</v>
      </c>
      <c r="AK27" s="61">
        <v>0</v>
      </c>
      <c r="AL27" s="62">
        <v>1</v>
      </c>
      <c r="AM27" s="231"/>
      <c r="AN27" s="61">
        <v>2</v>
      </c>
      <c r="AO27" s="61">
        <v>5</v>
      </c>
      <c r="AP27" s="61">
        <v>2</v>
      </c>
      <c r="AQ27" s="61">
        <v>2</v>
      </c>
      <c r="AR27" s="61">
        <v>0</v>
      </c>
      <c r="AS27" s="62">
        <v>11</v>
      </c>
      <c r="AT27" s="63">
        <v>12</v>
      </c>
      <c r="AU27" s="60">
        <v>5</v>
      </c>
      <c r="AV27" s="61">
        <v>5</v>
      </c>
      <c r="AW27" s="62">
        <v>10</v>
      </c>
      <c r="AX27" s="231"/>
      <c r="AY27" s="61">
        <v>8</v>
      </c>
      <c r="AZ27" s="61">
        <v>7</v>
      </c>
      <c r="BA27" s="61">
        <v>0</v>
      </c>
      <c r="BB27" s="61">
        <v>1</v>
      </c>
      <c r="BC27" s="61">
        <v>3</v>
      </c>
      <c r="BD27" s="62">
        <v>19</v>
      </c>
      <c r="BE27" s="63">
        <v>29</v>
      </c>
      <c r="BF27" s="60">
        <v>14</v>
      </c>
      <c r="BG27" s="61">
        <v>8</v>
      </c>
      <c r="BH27" s="62">
        <v>22</v>
      </c>
      <c r="BI27" s="231"/>
      <c r="BJ27" s="61">
        <v>13</v>
      </c>
      <c r="BK27" s="61">
        <v>11</v>
      </c>
      <c r="BL27" s="61">
        <v>4</v>
      </c>
      <c r="BM27" s="61">
        <v>7</v>
      </c>
      <c r="BN27" s="61">
        <v>3</v>
      </c>
      <c r="BO27" s="62">
        <v>38</v>
      </c>
      <c r="BP27" s="63">
        <v>60</v>
      </c>
      <c r="BQ27" s="60">
        <v>12</v>
      </c>
      <c r="BR27" s="61">
        <v>8</v>
      </c>
      <c r="BS27" s="62">
        <v>20</v>
      </c>
      <c r="BT27" s="231"/>
      <c r="BU27" s="61">
        <v>15</v>
      </c>
      <c r="BV27" s="61">
        <v>10</v>
      </c>
      <c r="BW27" s="61">
        <v>8</v>
      </c>
      <c r="BX27" s="61">
        <v>3</v>
      </c>
      <c r="BY27" s="61">
        <v>1</v>
      </c>
      <c r="BZ27" s="62">
        <v>37</v>
      </c>
      <c r="CA27" s="63">
        <v>57</v>
      </c>
      <c r="CB27" s="60">
        <v>0</v>
      </c>
      <c r="CC27" s="61">
        <v>0</v>
      </c>
      <c r="CD27" s="62">
        <v>0</v>
      </c>
      <c r="CE27" s="231"/>
      <c r="CF27" s="61">
        <v>0</v>
      </c>
      <c r="CG27" s="61">
        <v>0</v>
      </c>
      <c r="CH27" s="61">
        <v>0</v>
      </c>
      <c r="CI27" s="61">
        <v>0</v>
      </c>
      <c r="CJ27" s="61">
        <v>0</v>
      </c>
      <c r="CK27" s="62">
        <v>0</v>
      </c>
      <c r="CL27" s="63">
        <v>0</v>
      </c>
      <c r="CM27" s="60">
        <v>32</v>
      </c>
      <c r="CN27" s="61">
        <v>22</v>
      </c>
      <c r="CO27" s="62">
        <v>54</v>
      </c>
      <c r="CP27" s="231"/>
      <c r="CQ27" s="61">
        <v>41</v>
      </c>
      <c r="CR27" s="61">
        <v>33</v>
      </c>
      <c r="CS27" s="61">
        <v>15</v>
      </c>
      <c r="CT27" s="61">
        <v>14</v>
      </c>
      <c r="CU27" s="61">
        <v>8</v>
      </c>
      <c r="CV27" s="62">
        <v>111</v>
      </c>
      <c r="CW27" s="63">
        <v>165</v>
      </c>
      <c r="CX27" s="113">
        <v>3</v>
      </c>
      <c r="CY27" s="72">
        <v>2</v>
      </c>
      <c r="CZ27" s="73">
        <v>5</v>
      </c>
      <c r="DA27" s="228"/>
      <c r="DB27" s="72">
        <v>5</v>
      </c>
      <c r="DC27" s="72">
        <v>3</v>
      </c>
      <c r="DD27" s="72">
        <v>5</v>
      </c>
      <c r="DE27" s="72">
        <v>4</v>
      </c>
      <c r="DF27" s="72">
        <v>2</v>
      </c>
      <c r="DG27" s="74">
        <v>19</v>
      </c>
      <c r="DH27" s="75">
        <v>24</v>
      </c>
      <c r="DI27" s="60">
        <v>0</v>
      </c>
      <c r="DJ27" s="61">
        <v>0</v>
      </c>
      <c r="DK27" s="62">
        <v>0</v>
      </c>
      <c r="DL27" s="231"/>
      <c r="DM27" s="61">
        <v>0</v>
      </c>
      <c r="DN27" s="61">
        <v>0</v>
      </c>
      <c r="DO27" s="61">
        <v>0</v>
      </c>
      <c r="DP27" s="61">
        <v>0</v>
      </c>
      <c r="DQ27" s="61">
        <v>0</v>
      </c>
      <c r="DR27" s="62">
        <v>0</v>
      </c>
      <c r="DS27" s="63">
        <v>0</v>
      </c>
      <c r="DT27" s="60">
        <v>0</v>
      </c>
      <c r="DU27" s="61">
        <v>0</v>
      </c>
      <c r="DV27" s="62">
        <v>0</v>
      </c>
      <c r="DW27" s="231"/>
      <c r="DX27" s="61">
        <v>0</v>
      </c>
      <c r="DY27" s="61">
        <v>0</v>
      </c>
      <c r="DZ27" s="61">
        <v>0</v>
      </c>
      <c r="EA27" s="61">
        <v>0</v>
      </c>
      <c r="EB27" s="61">
        <v>0</v>
      </c>
      <c r="EC27" s="62">
        <v>0</v>
      </c>
      <c r="ED27" s="63">
        <v>0</v>
      </c>
      <c r="EE27" s="60">
        <v>0</v>
      </c>
      <c r="EF27" s="61">
        <v>0</v>
      </c>
      <c r="EG27" s="62">
        <v>0</v>
      </c>
      <c r="EH27" s="231"/>
      <c r="EI27" s="61">
        <v>0</v>
      </c>
      <c r="EJ27" s="61">
        <v>0</v>
      </c>
      <c r="EK27" s="61">
        <v>1</v>
      </c>
      <c r="EL27" s="61">
        <v>0</v>
      </c>
      <c r="EM27" s="61">
        <v>0</v>
      </c>
      <c r="EN27" s="62">
        <v>1</v>
      </c>
      <c r="EO27" s="63">
        <v>1</v>
      </c>
      <c r="EP27" s="60">
        <v>0</v>
      </c>
      <c r="EQ27" s="61">
        <v>0</v>
      </c>
      <c r="ER27" s="62">
        <v>0</v>
      </c>
      <c r="ES27" s="231"/>
      <c r="ET27" s="61">
        <v>3</v>
      </c>
      <c r="EU27" s="61">
        <v>0</v>
      </c>
      <c r="EV27" s="61">
        <v>1</v>
      </c>
      <c r="EW27" s="61">
        <v>1</v>
      </c>
      <c r="EX27" s="61">
        <v>1</v>
      </c>
      <c r="EY27" s="62">
        <v>6</v>
      </c>
      <c r="EZ27" s="63">
        <v>6</v>
      </c>
      <c r="FA27" s="60">
        <v>2</v>
      </c>
      <c r="FB27" s="61">
        <v>2</v>
      </c>
      <c r="FC27" s="62">
        <v>4</v>
      </c>
      <c r="FD27" s="231"/>
      <c r="FE27" s="61">
        <v>0</v>
      </c>
      <c r="FF27" s="61">
        <v>2</v>
      </c>
      <c r="FG27" s="61">
        <v>1</v>
      </c>
      <c r="FH27" s="61">
        <v>1</v>
      </c>
      <c r="FI27" s="61">
        <v>0</v>
      </c>
      <c r="FJ27" s="62">
        <v>4</v>
      </c>
      <c r="FK27" s="63">
        <v>8</v>
      </c>
      <c r="FL27" s="60">
        <v>1</v>
      </c>
      <c r="FM27" s="61">
        <v>0</v>
      </c>
      <c r="FN27" s="62">
        <v>1</v>
      </c>
      <c r="FO27" s="231"/>
      <c r="FP27" s="61">
        <v>2</v>
      </c>
      <c r="FQ27" s="61">
        <v>1</v>
      </c>
      <c r="FR27" s="61">
        <v>2</v>
      </c>
      <c r="FS27" s="61">
        <v>2</v>
      </c>
      <c r="FT27" s="61">
        <v>1</v>
      </c>
      <c r="FU27" s="62">
        <v>8</v>
      </c>
      <c r="FV27" s="63">
        <v>9</v>
      </c>
      <c r="FW27" s="60">
        <v>0</v>
      </c>
      <c r="FX27" s="61">
        <v>0</v>
      </c>
      <c r="FY27" s="62">
        <v>0</v>
      </c>
      <c r="FZ27" s="231"/>
      <c r="GA27" s="61">
        <v>0</v>
      </c>
      <c r="GB27" s="61">
        <v>0</v>
      </c>
      <c r="GC27" s="61">
        <v>0</v>
      </c>
      <c r="GD27" s="61">
        <v>0</v>
      </c>
      <c r="GE27" s="61">
        <v>0</v>
      </c>
      <c r="GF27" s="62">
        <v>0</v>
      </c>
      <c r="GG27" s="63">
        <v>0</v>
      </c>
      <c r="GH27" s="60">
        <v>3</v>
      </c>
      <c r="GI27" s="61">
        <v>2</v>
      </c>
      <c r="GJ27" s="62">
        <v>5</v>
      </c>
      <c r="GK27" s="231"/>
      <c r="GL27" s="61">
        <v>5</v>
      </c>
      <c r="GM27" s="61">
        <v>3</v>
      </c>
      <c r="GN27" s="61">
        <v>5</v>
      </c>
      <c r="GO27" s="61">
        <v>4</v>
      </c>
      <c r="GP27" s="61">
        <v>2</v>
      </c>
      <c r="GQ27" s="62">
        <v>19</v>
      </c>
      <c r="GR27" s="63">
        <v>24</v>
      </c>
      <c r="GS27" s="113">
        <v>35</v>
      </c>
      <c r="GT27" s="72">
        <v>24</v>
      </c>
      <c r="GU27" s="73">
        <v>59</v>
      </c>
      <c r="GV27" s="228"/>
      <c r="GW27" s="72">
        <v>46</v>
      </c>
      <c r="GX27" s="72">
        <v>36</v>
      </c>
      <c r="GY27" s="72">
        <v>20</v>
      </c>
      <c r="GZ27" s="72">
        <v>18</v>
      </c>
      <c r="HA27" s="72">
        <v>10</v>
      </c>
      <c r="HB27" s="74">
        <v>130</v>
      </c>
      <c r="HC27" s="75">
        <v>189</v>
      </c>
      <c r="HD27" s="60">
        <v>0</v>
      </c>
      <c r="HE27" s="61">
        <v>0</v>
      </c>
      <c r="HF27" s="62">
        <v>0</v>
      </c>
      <c r="HG27" s="231"/>
      <c r="HH27" s="61">
        <v>1</v>
      </c>
      <c r="HI27" s="61">
        <v>0</v>
      </c>
      <c r="HJ27" s="61">
        <v>0</v>
      </c>
      <c r="HK27" s="61">
        <v>0</v>
      </c>
      <c r="HL27" s="61">
        <v>0</v>
      </c>
      <c r="HM27" s="62">
        <v>1</v>
      </c>
      <c r="HN27" s="63">
        <v>1</v>
      </c>
      <c r="HO27" s="60">
        <v>0</v>
      </c>
      <c r="HP27" s="61">
        <v>1</v>
      </c>
      <c r="HQ27" s="62">
        <v>1</v>
      </c>
      <c r="HR27" s="231"/>
      <c r="HS27" s="61">
        <v>2</v>
      </c>
      <c r="HT27" s="61">
        <v>0</v>
      </c>
      <c r="HU27" s="61">
        <v>1</v>
      </c>
      <c r="HV27" s="61">
        <v>1</v>
      </c>
      <c r="HW27" s="61">
        <v>1</v>
      </c>
      <c r="HX27" s="62">
        <v>5</v>
      </c>
      <c r="HY27" s="63">
        <v>6</v>
      </c>
      <c r="HZ27" s="60">
        <v>1</v>
      </c>
      <c r="IA27" s="61">
        <v>0</v>
      </c>
      <c r="IB27" s="62">
        <v>1</v>
      </c>
      <c r="IC27" s="231"/>
      <c r="ID27" s="61">
        <v>2</v>
      </c>
      <c r="IE27" s="61">
        <v>5</v>
      </c>
      <c r="IF27" s="61">
        <v>3</v>
      </c>
      <c r="IG27" s="61">
        <v>2</v>
      </c>
      <c r="IH27" s="61">
        <v>0</v>
      </c>
      <c r="II27" s="62">
        <v>12</v>
      </c>
      <c r="IJ27" s="63">
        <v>13</v>
      </c>
      <c r="IK27" s="60">
        <v>5</v>
      </c>
      <c r="IL27" s="61">
        <v>5</v>
      </c>
      <c r="IM27" s="62">
        <v>10</v>
      </c>
      <c r="IN27" s="231"/>
      <c r="IO27" s="61">
        <v>11</v>
      </c>
      <c r="IP27" s="61">
        <v>7</v>
      </c>
      <c r="IQ27" s="61">
        <v>1</v>
      </c>
      <c r="IR27" s="61">
        <v>2</v>
      </c>
      <c r="IS27" s="61">
        <v>4</v>
      </c>
      <c r="IT27" s="62">
        <v>25</v>
      </c>
      <c r="IU27" s="63">
        <v>35</v>
      </c>
      <c r="IV27" s="60">
        <v>16</v>
      </c>
      <c r="IW27" s="61">
        <v>10</v>
      </c>
      <c r="IX27" s="62">
        <v>26</v>
      </c>
      <c r="IY27" s="231"/>
      <c r="IZ27" s="61">
        <v>13</v>
      </c>
      <c r="JA27" s="61">
        <v>13</v>
      </c>
      <c r="JB27" s="61">
        <v>5</v>
      </c>
      <c r="JC27" s="61">
        <v>8</v>
      </c>
      <c r="JD27" s="61">
        <v>3</v>
      </c>
      <c r="JE27" s="62">
        <v>42</v>
      </c>
      <c r="JF27" s="63">
        <v>68</v>
      </c>
      <c r="JG27" s="60">
        <v>13</v>
      </c>
      <c r="JH27" s="61">
        <v>8</v>
      </c>
      <c r="JI27" s="62">
        <v>21</v>
      </c>
      <c r="JJ27" s="231"/>
      <c r="JK27" s="61">
        <v>17</v>
      </c>
      <c r="JL27" s="61">
        <v>11</v>
      </c>
      <c r="JM27" s="61">
        <v>10</v>
      </c>
      <c r="JN27" s="61">
        <v>5</v>
      </c>
      <c r="JO27" s="61">
        <v>2</v>
      </c>
      <c r="JP27" s="62">
        <v>45</v>
      </c>
      <c r="JQ27" s="63">
        <v>66</v>
      </c>
      <c r="JR27" s="60">
        <v>0</v>
      </c>
      <c r="JS27" s="61">
        <v>0</v>
      </c>
      <c r="JT27" s="62">
        <v>0</v>
      </c>
      <c r="JU27" s="231"/>
      <c r="JV27" s="61">
        <v>0</v>
      </c>
      <c r="JW27" s="61">
        <v>0</v>
      </c>
      <c r="JX27" s="61">
        <v>0</v>
      </c>
      <c r="JY27" s="61">
        <v>0</v>
      </c>
      <c r="JZ27" s="61">
        <v>0</v>
      </c>
      <c r="KA27" s="62">
        <v>0</v>
      </c>
      <c r="KB27" s="63">
        <v>0</v>
      </c>
      <c r="KC27" s="60">
        <v>35</v>
      </c>
      <c r="KD27" s="61">
        <v>24</v>
      </c>
      <c r="KE27" s="62">
        <v>59</v>
      </c>
      <c r="KF27" s="231"/>
      <c r="KG27" s="61">
        <v>46</v>
      </c>
      <c r="KH27" s="61">
        <v>36</v>
      </c>
      <c r="KI27" s="61">
        <v>20</v>
      </c>
      <c r="KJ27" s="61">
        <v>18</v>
      </c>
      <c r="KK27" s="61">
        <v>10</v>
      </c>
      <c r="KL27" s="62">
        <v>130</v>
      </c>
      <c r="KM27" s="63">
        <v>189</v>
      </c>
    </row>
    <row r="28" spans="2:299" ht="21" customHeight="1" x14ac:dyDescent="0.2">
      <c r="B28" s="472" t="s">
        <v>25</v>
      </c>
      <c r="C28" s="293">
        <v>18</v>
      </c>
      <c r="D28" s="72">
        <v>22</v>
      </c>
      <c r="E28" s="73">
        <v>40</v>
      </c>
      <c r="F28" s="228"/>
      <c r="G28" s="72">
        <v>27</v>
      </c>
      <c r="H28" s="72">
        <v>13</v>
      </c>
      <c r="I28" s="72">
        <v>15</v>
      </c>
      <c r="J28" s="72">
        <v>13</v>
      </c>
      <c r="K28" s="72">
        <v>9</v>
      </c>
      <c r="L28" s="74">
        <v>77</v>
      </c>
      <c r="M28" s="75">
        <v>117</v>
      </c>
      <c r="N28" s="60">
        <v>0</v>
      </c>
      <c r="O28" s="61">
        <v>0</v>
      </c>
      <c r="P28" s="62">
        <v>0</v>
      </c>
      <c r="Q28" s="231"/>
      <c r="R28" s="61">
        <v>0</v>
      </c>
      <c r="S28" s="61">
        <v>0</v>
      </c>
      <c r="T28" s="61">
        <v>1</v>
      </c>
      <c r="U28" s="61">
        <v>1</v>
      </c>
      <c r="V28" s="61">
        <v>0</v>
      </c>
      <c r="W28" s="62">
        <v>2</v>
      </c>
      <c r="X28" s="63">
        <v>2</v>
      </c>
      <c r="Y28" s="60">
        <v>2</v>
      </c>
      <c r="Z28" s="61">
        <v>3</v>
      </c>
      <c r="AA28" s="62">
        <v>5</v>
      </c>
      <c r="AB28" s="231"/>
      <c r="AC28" s="61">
        <v>3</v>
      </c>
      <c r="AD28" s="61">
        <v>0</v>
      </c>
      <c r="AE28" s="61">
        <v>1</v>
      </c>
      <c r="AF28" s="61">
        <v>2</v>
      </c>
      <c r="AG28" s="61">
        <v>0</v>
      </c>
      <c r="AH28" s="62">
        <v>6</v>
      </c>
      <c r="AI28" s="63">
        <v>11</v>
      </c>
      <c r="AJ28" s="60">
        <v>1</v>
      </c>
      <c r="AK28" s="61">
        <v>5</v>
      </c>
      <c r="AL28" s="62">
        <v>6</v>
      </c>
      <c r="AM28" s="231"/>
      <c r="AN28" s="61">
        <v>5</v>
      </c>
      <c r="AO28" s="61">
        <v>0</v>
      </c>
      <c r="AP28" s="61">
        <v>0</v>
      </c>
      <c r="AQ28" s="61">
        <v>1</v>
      </c>
      <c r="AR28" s="61">
        <v>2</v>
      </c>
      <c r="AS28" s="62">
        <v>8</v>
      </c>
      <c r="AT28" s="63">
        <v>14</v>
      </c>
      <c r="AU28" s="60">
        <v>2</v>
      </c>
      <c r="AV28" s="61">
        <v>7</v>
      </c>
      <c r="AW28" s="62">
        <v>9</v>
      </c>
      <c r="AX28" s="231"/>
      <c r="AY28" s="61">
        <v>3</v>
      </c>
      <c r="AZ28" s="61">
        <v>3</v>
      </c>
      <c r="BA28" s="61">
        <v>6</v>
      </c>
      <c r="BB28" s="61">
        <v>1</v>
      </c>
      <c r="BC28" s="61">
        <v>3</v>
      </c>
      <c r="BD28" s="62">
        <v>16</v>
      </c>
      <c r="BE28" s="63">
        <v>25</v>
      </c>
      <c r="BF28" s="60">
        <v>5</v>
      </c>
      <c r="BG28" s="61">
        <v>4</v>
      </c>
      <c r="BH28" s="62">
        <v>9</v>
      </c>
      <c r="BI28" s="231"/>
      <c r="BJ28" s="61">
        <v>9</v>
      </c>
      <c r="BK28" s="61">
        <v>5</v>
      </c>
      <c r="BL28" s="61">
        <v>4</v>
      </c>
      <c r="BM28" s="61">
        <v>3</v>
      </c>
      <c r="BN28" s="61">
        <v>3</v>
      </c>
      <c r="BO28" s="62">
        <v>24</v>
      </c>
      <c r="BP28" s="63">
        <v>33</v>
      </c>
      <c r="BQ28" s="60">
        <v>8</v>
      </c>
      <c r="BR28" s="61">
        <v>3</v>
      </c>
      <c r="BS28" s="62">
        <v>11</v>
      </c>
      <c r="BT28" s="231"/>
      <c r="BU28" s="61">
        <v>7</v>
      </c>
      <c r="BV28" s="61">
        <v>5</v>
      </c>
      <c r="BW28" s="61">
        <v>3</v>
      </c>
      <c r="BX28" s="61">
        <v>5</v>
      </c>
      <c r="BY28" s="61">
        <v>1</v>
      </c>
      <c r="BZ28" s="62">
        <v>21</v>
      </c>
      <c r="CA28" s="63">
        <v>32</v>
      </c>
      <c r="CB28" s="60">
        <v>0</v>
      </c>
      <c r="CC28" s="61">
        <v>0</v>
      </c>
      <c r="CD28" s="62">
        <v>0</v>
      </c>
      <c r="CE28" s="231"/>
      <c r="CF28" s="61">
        <v>0</v>
      </c>
      <c r="CG28" s="61">
        <v>0</v>
      </c>
      <c r="CH28" s="61">
        <v>0</v>
      </c>
      <c r="CI28" s="61">
        <v>0</v>
      </c>
      <c r="CJ28" s="61">
        <v>0</v>
      </c>
      <c r="CK28" s="62">
        <v>0</v>
      </c>
      <c r="CL28" s="63">
        <v>0</v>
      </c>
      <c r="CM28" s="60">
        <v>18</v>
      </c>
      <c r="CN28" s="61">
        <v>22</v>
      </c>
      <c r="CO28" s="62">
        <v>40</v>
      </c>
      <c r="CP28" s="231"/>
      <c r="CQ28" s="61">
        <v>27</v>
      </c>
      <c r="CR28" s="61">
        <v>13</v>
      </c>
      <c r="CS28" s="61">
        <v>15</v>
      </c>
      <c r="CT28" s="61">
        <v>13</v>
      </c>
      <c r="CU28" s="61">
        <v>9</v>
      </c>
      <c r="CV28" s="62">
        <v>77</v>
      </c>
      <c r="CW28" s="63">
        <v>117</v>
      </c>
      <c r="CX28" s="113">
        <v>2</v>
      </c>
      <c r="CY28" s="72">
        <v>4</v>
      </c>
      <c r="CZ28" s="73">
        <v>6</v>
      </c>
      <c r="DA28" s="228"/>
      <c r="DB28" s="72">
        <v>3</v>
      </c>
      <c r="DC28" s="72">
        <v>1</v>
      </c>
      <c r="DD28" s="72">
        <v>0</v>
      </c>
      <c r="DE28" s="72">
        <v>0</v>
      </c>
      <c r="DF28" s="72">
        <v>0</v>
      </c>
      <c r="DG28" s="74">
        <v>4</v>
      </c>
      <c r="DH28" s="75">
        <v>10</v>
      </c>
      <c r="DI28" s="60">
        <v>0</v>
      </c>
      <c r="DJ28" s="61">
        <v>0</v>
      </c>
      <c r="DK28" s="62">
        <v>0</v>
      </c>
      <c r="DL28" s="231"/>
      <c r="DM28" s="61">
        <v>0</v>
      </c>
      <c r="DN28" s="61">
        <v>0</v>
      </c>
      <c r="DO28" s="61">
        <v>0</v>
      </c>
      <c r="DP28" s="61">
        <v>0</v>
      </c>
      <c r="DQ28" s="61">
        <v>0</v>
      </c>
      <c r="DR28" s="62">
        <v>0</v>
      </c>
      <c r="DS28" s="63">
        <v>0</v>
      </c>
      <c r="DT28" s="60">
        <v>0</v>
      </c>
      <c r="DU28" s="61">
        <v>0</v>
      </c>
      <c r="DV28" s="62">
        <v>0</v>
      </c>
      <c r="DW28" s="231"/>
      <c r="DX28" s="61">
        <v>0</v>
      </c>
      <c r="DY28" s="61">
        <v>0</v>
      </c>
      <c r="DZ28" s="61">
        <v>0</v>
      </c>
      <c r="EA28" s="61">
        <v>0</v>
      </c>
      <c r="EB28" s="61">
        <v>0</v>
      </c>
      <c r="EC28" s="62">
        <v>0</v>
      </c>
      <c r="ED28" s="63">
        <v>0</v>
      </c>
      <c r="EE28" s="60">
        <v>0</v>
      </c>
      <c r="EF28" s="61">
        <v>0</v>
      </c>
      <c r="EG28" s="62">
        <v>0</v>
      </c>
      <c r="EH28" s="231"/>
      <c r="EI28" s="61">
        <v>0</v>
      </c>
      <c r="EJ28" s="61">
        <v>0</v>
      </c>
      <c r="EK28" s="61">
        <v>0</v>
      </c>
      <c r="EL28" s="61">
        <v>0</v>
      </c>
      <c r="EM28" s="61">
        <v>0</v>
      </c>
      <c r="EN28" s="62">
        <v>0</v>
      </c>
      <c r="EO28" s="63">
        <v>0</v>
      </c>
      <c r="EP28" s="60">
        <v>0</v>
      </c>
      <c r="EQ28" s="61">
        <v>1</v>
      </c>
      <c r="ER28" s="62">
        <v>1</v>
      </c>
      <c r="ES28" s="231"/>
      <c r="ET28" s="61">
        <v>0</v>
      </c>
      <c r="EU28" s="61">
        <v>1</v>
      </c>
      <c r="EV28" s="61">
        <v>0</v>
      </c>
      <c r="EW28" s="61">
        <v>0</v>
      </c>
      <c r="EX28" s="61">
        <v>0</v>
      </c>
      <c r="EY28" s="62">
        <v>1</v>
      </c>
      <c r="EZ28" s="63">
        <v>2</v>
      </c>
      <c r="FA28" s="60">
        <v>0</v>
      </c>
      <c r="FB28" s="61">
        <v>2</v>
      </c>
      <c r="FC28" s="62">
        <v>2</v>
      </c>
      <c r="FD28" s="231"/>
      <c r="FE28" s="61">
        <v>1</v>
      </c>
      <c r="FF28" s="61">
        <v>0</v>
      </c>
      <c r="FG28" s="61">
        <v>0</v>
      </c>
      <c r="FH28" s="61">
        <v>0</v>
      </c>
      <c r="FI28" s="61">
        <v>0</v>
      </c>
      <c r="FJ28" s="62">
        <v>1</v>
      </c>
      <c r="FK28" s="63">
        <v>3</v>
      </c>
      <c r="FL28" s="60">
        <v>2</v>
      </c>
      <c r="FM28" s="61">
        <v>1</v>
      </c>
      <c r="FN28" s="62">
        <v>3</v>
      </c>
      <c r="FO28" s="231"/>
      <c r="FP28" s="61">
        <v>2</v>
      </c>
      <c r="FQ28" s="61">
        <v>0</v>
      </c>
      <c r="FR28" s="61">
        <v>0</v>
      </c>
      <c r="FS28" s="61">
        <v>0</v>
      </c>
      <c r="FT28" s="61">
        <v>0</v>
      </c>
      <c r="FU28" s="62">
        <v>2</v>
      </c>
      <c r="FV28" s="63">
        <v>5</v>
      </c>
      <c r="FW28" s="60">
        <v>0</v>
      </c>
      <c r="FX28" s="61">
        <v>0</v>
      </c>
      <c r="FY28" s="62">
        <v>0</v>
      </c>
      <c r="FZ28" s="231"/>
      <c r="GA28" s="61">
        <v>0</v>
      </c>
      <c r="GB28" s="61">
        <v>0</v>
      </c>
      <c r="GC28" s="61">
        <v>0</v>
      </c>
      <c r="GD28" s="61">
        <v>0</v>
      </c>
      <c r="GE28" s="61">
        <v>0</v>
      </c>
      <c r="GF28" s="62">
        <v>0</v>
      </c>
      <c r="GG28" s="63">
        <v>0</v>
      </c>
      <c r="GH28" s="60">
        <v>2</v>
      </c>
      <c r="GI28" s="61">
        <v>4</v>
      </c>
      <c r="GJ28" s="62">
        <v>6</v>
      </c>
      <c r="GK28" s="231"/>
      <c r="GL28" s="61">
        <v>3</v>
      </c>
      <c r="GM28" s="61">
        <v>1</v>
      </c>
      <c r="GN28" s="61">
        <v>0</v>
      </c>
      <c r="GO28" s="61">
        <v>0</v>
      </c>
      <c r="GP28" s="61">
        <v>0</v>
      </c>
      <c r="GQ28" s="62">
        <v>4</v>
      </c>
      <c r="GR28" s="63">
        <v>10</v>
      </c>
      <c r="GS28" s="113">
        <v>20</v>
      </c>
      <c r="GT28" s="72">
        <v>26</v>
      </c>
      <c r="GU28" s="73">
        <v>46</v>
      </c>
      <c r="GV28" s="228"/>
      <c r="GW28" s="72">
        <v>30</v>
      </c>
      <c r="GX28" s="72">
        <v>14</v>
      </c>
      <c r="GY28" s="72">
        <v>15</v>
      </c>
      <c r="GZ28" s="72">
        <v>13</v>
      </c>
      <c r="HA28" s="72">
        <v>9</v>
      </c>
      <c r="HB28" s="74">
        <v>81</v>
      </c>
      <c r="HC28" s="75">
        <v>127</v>
      </c>
      <c r="HD28" s="60">
        <v>0</v>
      </c>
      <c r="HE28" s="61">
        <v>0</v>
      </c>
      <c r="HF28" s="62">
        <v>0</v>
      </c>
      <c r="HG28" s="231"/>
      <c r="HH28" s="61">
        <v>0</v>
      </c>
      <c r="HI28" s="61">
        <v>0</v>
      </c>
      <c r="HJ28" s="61">
        <v>1</v>
      </c>
      <c r="HK28" s="61">
        <v>1</v>
      </c>
      <c r="HL28" s="61">
        <v>0</v>
      </c>
      <c r="HM28" s="62">
        <v>2</v>
      </c>
      <c r="HN28" s="63">
        <v>2</v>
      </c>
      <c r="HO28" s="60">
        <v>2</v>
      </c>
      <c r="HP28" s="61">
        <v>3</v>
      </c>
      <c r="HQ28" s="62">
        <v>5</v>
      </c>
      <c r="HR28" s="231"/>
      <c r="HS28" s="61">
        <v>3</v>
      </c>
      <c r="HT28" s="61">
        <v>0</v>
      </c>
      <c r="HU28" s="61">
        <v>1</v>
      </c>
      <c r="HV28" s="61">
        <v>2</v>
      </c>
      <c r="HW28" s="61">
        <v>0</v>
      </c>
      <c r="HX28" s="62">
        <v>6</v>
      </c>
      <c r="HY28" s="63">
        <v>11</v>
      </c>
      <c r="HZ28" s="60">
        <v>1</v>
      </c>
      <c r="IA28" s="61">
        <v>5</v>
      </c>
      <c r="IB28" s="62">
        <v>6</v>
      </c>
      <c r="IC28" s="231"/>
      <c r="ID28" s="61">
        <v>5</v>
      </c>
      <c r="IE28" s="61">
        <v>0</v>
      </c>
      <c r="IF28" s="61">
        <v>0</v>
      </c>
      <c r="IG28" s="61">
        <v>1</v>
      </c>
      <c r="IH28" s="61">
        <v>2</v>
      </c>
      <c r="II28" s="62">
        <v>8</v>
      </c>
      <c r="IJ28" s="63">
        <v>14</v>
      </c>
      <c r="IK28" s="60">
        <v>2</v>
      </c>
      <c r="IL28" s="61">
        <v>8</v>
      </c>
      <c r="IM28" s="62">
        <v>10</v>
      </c>
      <c r="IN28" s="231"/>
      <c r="IO28" s="61">
        <v>3</v>
      </c>
      <c r="IP28" s="61">
        <v>4</v>
      </c>
      <c r="IQ28" s="61">
        <v>6</v>
      </c>
      <c r="IR28" s="61">
        <v>1</v>
      </c>
      <c r="IS28" s="61">
        <v>3</v>
      </c>
      <c r="IT28" s="62">
        <v>17</v>
      </c>
      <c r="IU28" s="63">
        <v>27</v>
      </c>
      <c r="IV28" s="60">
        <v>5</v>
      </c>
      <c r="IW28" s="61">
        <v>6</v>
      </c>
      <c r="IX28" s="62">
        <v>11</v>
      </c>
      <c r="IY28" s="231"/>
      <c r="IZ28" s="61">
        <v>10</v>
      </c>
      <c r="JA28" s="61">
        <v>5</v>
      </c>
      <c r="JB28" s="61">
        <v>4</v>
      </c>
      <c r="JC28" s="61">
        <v>3</v>
      </c>
      <c r="JD28" s="61">
        <v>3</v>
      </c>
      <c r="JE28" s="62">
        <v>25</v>
      </c>
      <c r="JF28" s="63">
        <v>36</v>
      </c>
      <c r="JG28" s="60">
        <v>10</v>
      </c>
      <c r="JH28" s="61">
        <v>4</v>
      </c>
      <c r="JI28" s="62">
        <v>14</v>
      </c>
      <c r="JJ28" s="231"/>
      <c r="JK28" s="61">
        <v>9</v>
      </c>
      <c r="JL28" s="61">
        <v>5</v>
      </c>
      <c r="JM28" s="61">
        <v>3</v>
      </c>
      <c r="JN28" s="61">
        <v>5</v>
      </c>
      <c r="JO28" s="61">
        <v>1</v>
      </c>
      <c r="JP28" s="62">
        <v>23</v>
      </c>
      <c r="JQ28" s="63">
        <v>37</v>
      </c>
      <c r="JR28" s="60">
        <v>0</v>
      </c>
      <c r="JS28" s="61">
        <v>0</v>
      </c>
      <c r="JT28" s="62">
        <v>0</v>
      </c>
      <c r="JU28" s="231"/>
      <c r="JV28" s="61">
        <v>0</v>
      </c>
      <c r="JW28" s="61">
        <v>0</v>
      </c>
      <c r="JX28" s="61">
        <v>0</v>
      </c>
      <c r="JY28" s="61">
        <v>0</v>
      </c>
      <c r="JZ28" s="61">
        <v>0</v>
      </c>
      <c r="KA28" s="62">
        <v>0</v>
      </c>
      <c r="KB28" s="63">
        <v>0</v>
      </c>
      <c r="KC28" s="60">
        <v>20</v>
      </c>
      <c r="KD28" s="61">
        <v>26</v>
      </c>
      <c r="KE28" s="62">
        <v>46</v>
      </c>
      <c r="KF28" s="231"/>
      <c r="KG28" s="61">
        <v>30</v>
      </c>
      <c r="KH28" s="61">
        <v>14</v>
      </c>
      <c r="KI28" s="61">
        <v>15</v>
      </c>
      <c r="KJ28" s="61">
        <v>13</v>
      </c>
      <c r="KK28" s="61">
        <v>9</v>
      </c>
      <c r="KL28" s="62">
        <v>81</v>
      </c>
      <c r="KM28" s="63">
        <v>127</v>
      </c>
    </row>
    <row r="29" spans="2:299" ht="21" customHeight="1" x14ac:dyDescent="0.2">
      <c r="B29" s="472" t="s">
        <v>26</v>
      </c>
      <c r="C29" s="293">
        <v>19</v>
      </c>
      <c r="D29" s="72">
        <v>15</v>
      </c>
      <c r="E29" s="73">
        <v>34</v>
      </c>
      <c r="F29" s="228"/>
      <c r="G29" s="72">
        <v>23</v>
      </c>
      <c r="H29" s="72">
        <v>22</v>
      </c>
      <c r="I29" s="72">
        <v>19</v>
      </c>
      <c r="J29" s="72">
        <v>10</v>
      </c>
      <c r="K29" s="72">
        <v>4</v>
      </c>
      <c r="L29" s="74">
        <v>78</v>
      </c>
      <c r="M29" s="75">
        <v>112</v>
      </c>
      <c r="N29" s="60">
        <v>0</v>
      </c>
      <c r="O29" s="61">
        <v>0</v>
      </c>
      <c r="P29" s="62">
        <v>0</v>
      </c>
      <c r="Q29" s="231"/>
      <c r="R29" s="61">
        <v>0</v>
      </c>
      <c r="S29" s="61">
        <v>0</v>
      </c>
      <c r="T29" s="61">
        <v>0</v>
      </c>
      <c r="U29" s="61">
        <v>0</v>
      </c>
      <c r="V29" s="61">
        <v>0</v>
      </c>
      <c r="W29" s="62">
        <v>0</v>
      </c>
      <c r="X29" s="63">
        <v>0</v>
      </c>
      <c r="Y29" s="60">
        <v>1</v>
      </c>
      <c r="Z29" s="61">
        <v>0</v>
      </c>
      <c r="AA29" s="62">
        <v>1</v>
      </c>
      <c r="AB29" s="231"/>
      <c r="AC29" s="61">
        <v>0</v>
      </c>
      <c r="AD29" s="61">
        <v>1</v>
      </c>
      <c r="AE29" s="61">
        <v>1</v>
      </c>
      <c r="AF29" s="61">
        <v>0</v>
      </c>
      <c r="AG29" s="61">
        <v>0</v>
      </c>
      <c r="AH29" s="62">
        <v>2</v>
      </c>
      <c r="AI29" s="63">
        <v>3</v>
      </c>
      <c r="AJ29" s="60">
        <v>1</v>
      </c>
      <c r="AK29" s="61">
        <v>2</v>
      </c>
      <c r="AL29" s="62">
        <v>3</v>
      </c>
      <c r="AM29" s="231"/>
      <c r="AN29" s="61">
        <v>2</v>
      </c>
      <c r="AO29" s="61">
        <v>1</v>
      </c>
      <c r="AP29" s="61">
        <v>1</v>
      </c>
      <c r="AQ29" s="61">
        <v>1</v>
      </c>
      <c r="AR29" s="61">
        <v>0</v>
      </c>
      <c r="AS29" s="62">
        <v>5</v>
      </c>
      <c r="AT29" s="63">
        <v>8</v>
      </c>
      <c r="AU29" s="60">
        <v>0</v>
      </c>
      <c r="AV29" s="61">
        <v>4</v>
      </c>
      <c r="AW29" s="62">
        <v>4</v>
      </c>
      <c r="AX29" s="231"/>
      <c r="AY29" s="61">
        <v>10</v>
      </c>
      <c r="AZ29" s="61">
        <v>7</v>
      </c>
      <c r="BA29" s="61">
        <v>6</v>
      </c>
      <c r="BB29" s="61">
        <v>2</v>
      </c>
      <c r="BC29" s="61">
        <v>0</v>
      </c>
      <c r="BD29" s="62">
        <v>25</v>
      </c>
      <c r="BE29" s="63">
        <v>29</v>
      </c>
      <c r="BF29" s="60">
        <v>5</v>
      </c>
      <c r="BG29" s="61">
        <v>3</v>
      </c>
      <c r="BH29" s="62">
        <v>8</v>
      </c>
      <c r="BI29" s="231"/>
      <c r="BJ29" s="61">
        <v>6</v>
      </c>
      <c r="BK29" s="61">
        <v>7</v>
      </c>
      <c r="BL29" s="61">
        <v>8</v>
      </c>
      <c r="BM29" s="61">
        <v>3</v>
      </c>
      <c r="BN29" s="61">
        <v>2</v>
      </c>
      <c r="BO29" s="62">
        <v>26</v>
      </c>
      <c r="BP29" s="63">
        <v>34</v>
      </c>
      <c r="BQ29" s="60">
        <v>12</v>
      </c>
      <c r="BR29" s="61">
        <v>6</v>
      </c>
      <c r="BS29" s="62">
        <v>18</v>
      </c>
      <c r="BT29" s="231"/>
      <c r="BU29" s="61">
        <v>5</v>
      </c>
      <c r="BV29" s="61">
        <v>6</v>
      </c>
      <c r="BW29" s="61">
        <v>3</v>
      </c>
      <c r="BX29" s="61">
        <v>4</v>
      </c>
      <c r="BY29" s="61">
        <v>2</v>
      </c>
      <c r="BZ29" s="62">
        <v>20</v>
      </c>
      <c r="CA29" s="63">
        <v>38</v>
      </c>
      <c r="CB29" s="60">
        <v>0</v>
      </c>
      <c r="CC29" s="61">
        <v>0</v>
      </c>
      <c r="CD29" s="62">
        <v>0</v>
      </c>
      <c r="CE29" s="231"/>
      <c r="CF29" s="61">
        <v>0</v>
      </c>
      <c r="CG29" s="61">
        <v>0</v>
      </c>
      <c r="CH29" s="61">
        <v>0</v>
      </c>
      <c r="CI29" s="61">
        <v>0</v>
      </c>
      <c r="CJ29" s="61">
        <v>0</v>
      </c>
      <c r="CK29" s="62">
        <v>0</v>
      </c>
      <c r="CL29" s="63">
        <v>0</v>
      </c>
      <c r="CM29" s="60">
        <v>19</v>
      </c>
      <c r="CN29" s="61">
        <v>15</v>
      </c>
      <c r="CO29" s="62">
        <v>34</v>
      </c>
      <c r="CP29" s="231"/>
      <c r="CQ29" s="61">
        <v>23</v>
      </c>
      <c r="CR29" s="61">
        <v>22</v>
      </c>
      <c r="CS29" s="61">
        <v>19</v>
      </c>
      <c r="CT29" s="61">
        <v>10</v>
      </c>
      <c r="CU29" s="61">
        <v>4</v>
      </c>
      <c r="CV29" s="62">
        <v>78</v>
      </c>
      <c r="CW29" s="63">
        <v>112</v>
      </c>
      <c r="CX29" s="113">
        <v>4</v>
      </c>
      <c r="CY29" s="72">
        <v>2</v>
      </c>
      <c r="CZ29" s="73">
        <v>6</v>
      </c>
      <c r="DA29" s="228"/>
      <c r="DB29" s="72">
        <v>4</v>
      </c>
      <c r="DC29" s="72">
        <v>3</v>
      </c>
      <c r="DD29" s="72">
        <v>2</v>
      </c>
      <c r="DE29" s="72">
        <v>1</v>
      </c>
      <c r="DF29" s="72">
        <v>0</v>
      </c>
      <c r="DG29" s="74">
        <v>10</v>
      </c>
      <c r="DH29" s="75">
        <v>16</v>
      </c>
      <c r="DI29" s="60">
        <v>0</v>
      </c>
      <c r="DJ29" s="61">
        <v>0</v>
      </c>
      <c r="DK29" s="62">
        <v>0</v>
      </c>
      <c r="DL29" s="231"/>
      <c r="DM29" s="61">
        <v>1</v>
      </c>
      <c r="DN29" s="61">
        <v>0</v>
      </c>
      <c r="DO29" s="61">
        <v>0</v>
      </c>
      <c r="DP29" s="61">
        <v>1</v>
      </c>
      <c r="DQ29" s="61">
        <v>0</v>
      </c>
      <c r="DR29" s="62">
        <v>2</v>
      </c>
      <c r="DS29" s="63">
        <v>2</v>
      </c>
      <c r="DT29" s="60">
        <v>2</v>
      </c>
      <c r="DU29" s="61">
        <v>0</v>
      </c>
      <c r="DV29" s="62">
        <v>2</v>
      </c>
      <c r="DW29" s="231"/>
      <c r="DX29" s="61">
        <v>0</v>
      </c>
      <c r="DY29" s="61">
        <v>0</v>
      </c>
      <c r="DZ29" s="61">
        <v>0</v>
      </c>
      <c r="EA29" s="61">
        <v>0</v>
      </c>
      <c r="EB29" s="61">
        <v>0</v>
      </c>
      <c r="EC29" s="62">
        <v>0</v>
      </c>
      <c r="ED29" s="63">
        <v>2</v>
      </c>
      <c r="EE29" s="60">
        <v>1</v>
      </c>
      <c r="EF29" s="61">
        <v>0</v>
      </c>
      <c r="EG29" s="62">
        <v>1</v>
      </c>
      <c r="EH29" s="231"/>
      <c r="EI29" s="61">
        <v>0</v>
      </c>
      <c r="EJ29" s="61">
        <v>0</v>
      </c>
      <c r="EK29" s="61">
        <v>0</v>
      </c>
      <c r="EL29" s="61">
        <v>0</v>
      </c>
      <c r="EM29" s="61">
        <v>0</v>
      </c>
      <c r="EN29" s="62">
        <v>0</v>
      </c>
      <c r="EO29" s="63">
        <v>1</v>
      </c>
      <c r="EP29" s="60">
        <v>0</v>
      </c>
      <c r="EQ29" s="61">
        <v>0</v>
      </c>
      <c r="ER29" s="62">
        <v>0</v>
      </c>
      <c r="ES29" s="231"/>
      <c r="ET29" s="61">
        <v>1</v>
      </c>
      <c r="EU29" s="61">
        <v>0</v>
      </c>
      <c r="EV29" s="61">
        <v>0</v>
      </c>
      <c r="EW29" s="61">
        <v>0</v>
      </c>
      <c r="EX29" s="61">
        <v>0</v>
      </c>
      <c r="EY29" s="62">
        <v>1</v>
      </c>
      <c r="EZ29" s="63">
        <v>1</v>
      </c>
      <c r="FA29" s="60">
        <v>0</v>
      </c>
      <c r="FB29" s="61">
        <v>0</v>
      </c>
      <c r="FC29" s="62">
        <v>0</v>
      </c>
      <c r="FD29" s="231"/>
      <c r="FE29" s="61">
        <v>1</v>
      </c>
      <c r="FF29" s="61">
        <v>1</v>
      </c>
      <c r="FG29" s="61">
        <v>0</v>
      </c>
      <c r="FH29" s="61">
        <v>0</v>
      </c>
      <c r="FI29" s="61">
        <v>0</v>
      </c>
      <c r="FJ29" s="62">
        <v>2</v>
      </c>
      <c r="FK29" s="63">
        <v>2</v>
      </c>
      <c r="FL29" s="60">
        <v>1</v>
      </c>
      <c r="FM29" s="61">
        <v>2</v>
      </c>
      <c r="FN29" s="62">
        <v>3</v>
      </c>
      <c r="FO29" s="231"/>
      <c r="FP29" s="61">
        <v>1</v>
      </c>
      <c r="FQ29" s="61">
        <v>2</v>
      </c>
      <c r="FR29" s="61">
        <v>2</v>
      </c>
      <c r="FS29" s="61">
        <v>0</v>
      </c>
      <c r="FT29" s="61">
        <v>0</v>
      </c>
      <c r="FU29" s="62">
        <v>5</v>
      </c>
      <c r="FV29" s="63">
        <v>8</v>
      </c>
      <c r="FW29" s="60">
        <v>0</v>
      </c>
      <c r="FX29" s="61">
        <v>0</v>
      </c>
      <c r="FY29" s="62">
        <v>0</v>
      </c>
      <c r="FZ29" s="231"/>
      <c r="GA29" s="61">
        <v>0</v>
      </c>
      <c r="GB29" s="61">
        <v>0</v>
      </c>
      <c r="GC29" s="61">
        <v>0</v>
      </c>
      <c r="GD29" s="61">
        <v>0</v>
      </c>
      <c r="GE29" s="61">
        <v>0</v>
      </c>
      <c r="GF29" s="62">
        <v>0</v>
      </c>
      <c r="GG29" s="63">
        <v>0</v>
      </c>
      <c r="GH29" s="60">
        <v>4</v>
      </c>
      <c r="GI29" s="61">
        <v>2</v>
      </c>
      <c r="GJ29" s="62">
        <v>6</v>
      </c>
      <c r="GK29" s="231"/>
      <c r="GL29" s="61">
        <v>4</v>
      </c>
      <c r="GM29" s="61">
        <v>3</v>
      </c>
      <c r="GN29" s="61">
        <v>2</v>
      </c>
      <c r="GO29" s="61">
        <v>1</v>
      </c>
      <c r="GP29" s="61">
        <v>0</v>
      </c>
      <c r="GQ29" s="62">
        <v>10</v>
      </c>
      <c r="GR29" s="63">
        <v>16</v>
      </c>
      <c r="GS29" s="113">
        <v>23</v>
      </c>
      <c r="GT29" s="72">
        <v>17</v>
      </c>
      <c r="GU29" s="73">
        <v>40</v>
      </c>
      <c r="GV29" s="228"/>
      <c r="GW29" s="72">
        <v>27</v>
      </c>
      <c r="GX29" s="72">
        <v>25</v>
      </c>
      <c r="GY29" s="72">
        <v>21</v>
      </c>
      <c r="GZ29" s="72">
        <v>11</v>
      </c>
      <c r="HA29" s="72">
        <v>4</v>
      </c>
      <c r="HB29" s="74">
        <v>88</v>
      </c>
      <c r="HC29" s="75">
        <v>128</v>
      </c>
      <c r="HD29" s="60">
        <v>0</v>
      </c>
      <c r="HE29" s="61">
        <v>0</v>
      </c>
      <c r="HF29" s="62">
        <v>0</v>
      </c>
      <c r="HG29" s="231"/>
      <c r="HH29" s="61">
        <v>1</v>
      </c>
      <c r="HI29" s="61">
        <v>0</v>
      </c>
      <c r="HJ29" s="61">
        <v>0</v>
      </c>
      <c r="HK29" s="61">
        <v>1</v>
      </c>
      <c r="HL29" s="61">
        <v>0</v>
      </c>
      <c r="HM29" s="62">
        <v>2</v>
      </c>
      <c r="HN29" s="63">
        <v>2</v>
      </c>
      <c r="HO29" s="60">
        <v>3</v>
      </c>
      <c r="HP29" s="61">
        <v>0</v>
      </c>
      <c r="HQ29" s="62">
        <v>3</v>
      </c>
      <c r="HR29" s="231"/>
      <c r="HS29" s="61">
        <v>0</v>
      </c>
      <c r="HT29" s="61">
        <v>1</v>
      </c>
      <c r="HU29" s="61">
        <v>1</v>
      </c>
      <c r="HV29" s="61">
        <v>0</v>
      </c>
      <c r="HW29" s="61">
        <v>0</v>
      </c>
      <c r="HX29" s="62">
        <v>2</v>
      </c>
      <c r="HY29" s="63">
        <v>5</v>
      </c>
      <c r="HZ29" s="60">
        <v>2</v>
      </c>
      <c r="IA29" s="61">
        <v>2</v>
      </c>
      <c r="IB29" s="62">
        <v>4</v>
      </c>
      <c r="IC29" s="231"/>
      <c r="ID29" s="61">
        <v>2</v>
      </c>
      <c r="IE29" s="61">
        <v>1</v>
      </c>
      <c r="IF29" s="61">
        <v>1</v>
      </c>
      <c r="IG29" s="61">
        <v>1</v>
      </c>
      <c r="IH29" s="61">
        <v>0</v>
      </c>
      <c r="II29" s="62">
        <v>5</v>
      </c>
      <c r="IJ29" s="63">
        <v>9</v>
      </c>
      <c r="IK29" s="60">
        <v>0</v>
      </c>
      <c r="IL29" s="61">
        <v>4</v>
      </c>
      <c r="IM29" s="62">
        <v>4</v>
      </c>
      <c r="IN29" s="231"/>
      <c r="IO29" s="61">
        <v>11</v>
      </c>
      <c r="IP29" s="61">
        <v>7</v>
      </c>
      <c r="IQ29" s="61">
        <v>6</v>
      </c>
      <c r="IR29" s="61">
        <v>2</v>
      </c>
      <c r="IS29" s="61">
        <v>0</v>
      </c>
      <c r="IT29" s="62">
        <v>26</v>
      </c>
      <c r="IU29" s="63">
        <v>30</v>
      </c>
      <c r="IV29" s="60">
        <v>5</v>
      </c>
      <c r="IW29" s="61">
        <v>3</v>
      </c>
      <c r="IX29" s="62">
        <v>8</v>
      </c>
      <c r="IY29" s="231"/>
      <c r="IZ29" s="61">
        <v>7</v>
      </c>
      <c r="JA29" s="61">
        <v>8</v>
      </c>
      <c r="JB29" s="61">
        <v>8</v>
      </c>
      <c r="JC29" s="61">
        <v>3</v>
      </c>
      <c r="JD29" s="61">
        <v>2</v>
      </c>
      <c r="JE29" s="62">
        <v>28</v>
      </c>
      <c r="JF29" s="63">
        <v>36</v>
      </c>
      <c r="JG29" s="60">
        <v>13</v>
      </c>
      <c r="JH29" s="61">
        <v>8</v>
      </c>
      <c r="JI29" s="62">
        <v>21</v>
      </c>
      <c r="JJ29" s="231"/>
      <c r="JK29" s="61">
        <v>6</v>
      </c>
      <c r="JL29" s="61">
        <v>8</v>
      </c>
      <c r="JM29" s="61">
        <v>5</v>
      </c>
      <c r="JN29" s="61">
        <v>4</v>
      </c>
      <c r="JO29" s="61">
        <v>2</v>
      </c>
      <c r="JP29" s="62">
        <v>25</v>
      </c>
      <c r="JQ29" s="63">
        <v>46</v>
      </c>
      <c r="JR29" s="60">
        <v>0</v>
      </c>
      <c r="JS29" s="61">
        <v>0</v>
      </c>
      <c r="JT29" s="62">
        <v>0</v>
      </c>
      <c r="JU29" s="231"/>
      <c r="JV29" s="61">
        <v>0</v>
      </c>
      <c r="JW29" s="61">
        <v>0</v>
      </c>
      <c r="JX29" s="61">
        <v>0</v>
      </c>
      <c r="JY29" s="61">
        <v>0</v>
      </c>
      <c r="JZ29" s="61">
        <v>0</v>
      </c>
      <c r="KA29" s="62">
        <v>0</v>
      </c>
      <c r="KB29" s="63">
        <v>0</v>
      </c>
      <c r="KC29" s="60">
        <v>23</v>
      </c>
      <c r="KD29" s="61">
        <v>17</v>
      </c>
      <c r="KE29" s="62">
        <v>40</v>
      </c>
      <c r="KF29" s="231"/>
      <c r="KG29" s="61">
        <v>27</v>
      </c>
      <c r="KH29" s="61">
        <v>25</v>
      </c>
      <c r="KI29" s="61">
        <v>21</v>
      </c>
      <c r="KJ29" s="61">
        <v>11</v>
      </c>
      <c r="KK29" s="61">
        <v>4</v>
      </c>
      <c r="KL29" s="62">
        <v>88</v>
      </c>
      <c r="KM29" s="63">
        <v>128</v>
      </c>
    </row>
    <row r="30" spans="2:299" ht="21" customHeight="1" x14ac:dyDescent="0.2">
      <c r="B30" s="472" t="s">
        <v>27</v>
      </c>
      <c r="C30" s="293">
        <v>20</v>
      </c>
      <c r="D30" s="72">
        <v>23</v>
      </c>
      <c r="E30" s="73">
        <v>43</v>
      </c>
      <c r="F30" s="228"/>
      <c r="G30" s="72">
        <v>17</v>
      </c>
      <c r="H30" s="72">
        <v>20</v>
      </c>
      <c r="I30" s="72">
        <v>13</v>
      </c>
      <c r="J30" s="72">
        <v>9</v>
      </c>
      <c r="K30" s="72">
        <v>7</v>
      </c>
      <c r="L30" s="74">
        <v>66</v>
      </c>
      <c r="M30" s="75">
        <v>109</v>
      </c>
      <c r="N30" s="60">
        <v>0</v>
      </c>
      <c r="O30" s="61">
        <v>0</v>
      </c>
      <c r="P30" s="62">
        <v>0</v>
      </c>
      <c r="Q30" s="231"/>
      <c r="R30" s="61">
        <v>0</v>
      </c>
      <c r="S30" s="61">
        <v>1</v>
      </c>
      <c r="T30" s="61">
        <v>0</v>
      </c>
      <c r="U30" s="61">
        <v>0</v>
      </c>
      <c r="V30" s="61">
        <v>0</v>
      </c>
      <c r="W30" s="62">
        <v>1</v>
      </c>
      <c r="X30" s="63">
        <v>1</v>
      </c>
      <c r="Y30" s="60">
        <v>0</v>
      </c>
      <c r="Z30" s="61">
        <v>2</v>
      </c>
      <c r="AA30" s="62">
        <v>2</v>
      </c>
      <c r="AB30" s="231"/>
      <c r="AC30" s="61">
        <v>0</v>
      </c>
      <c r="AD30" s="61">
        <v>0</v>
      </c>
      <c r="AE30" s="61">
        <v>0</v>
      </c>
      <c r="AF30" s="61">
        <v>0</v>
      </c>
      <c r="AG30" s="61">
        <v>0</v>
      </c>
      <c r="AH30" s="62">
        <v>0</v>
      </c>
      <c r="AI30" s="63">
        <v>2</v>
      </c>
      <c r="AJ30" s="60">
        <v>2</v>
      </c>
      <c r="AK30" s="61">
        <v>3</v>
      </c>
      <c r="AL30" s="62">
        <v>5</v>
      </c>
      <c r="AM30" s="231"/>
      <c r="AN30" s="61">
        <v>0</v>
      </c>
      <c r="AO30" s="61">
        <v>1</v>
      </c>
      <c r="AP30" s="61">
        <v>1</v>
      </c>
      <c r="AQ30" s="61">
        <v>0</v>
      </c>
      <c r="AR30" s="61">
        <v>1</v>
      </c>
      <c r="AS30" s="62">
        <v>3</v>
      </c>
      <c r="AT30" s="63">
        <v>8</v>
      </c>
      <c r="AU30" s="60">
        <v>7</v>
      </c>
      <c r="AV30" s="61">
        <v>3</v>
      </c>
      <c r="AW30" s="62">
        <v>10</v>
      </c>
      <c r="AX30" s="231"/>
      <c r="AY30" s="61">
        <v>5</v>
      </c>
      <c r="AZ30" s="61">
        <v>3</v>
      </c>
      <c r="BA30" s="61">
        <v>3</v>
      </c>
      <c r="BB30" s="61">
        <v>0</v>
      </c>
      <c r="BC30" s="61">
        <v>2</v>
      </c>
      <c r="BD30" s="62">
        <v>13</v>
      </c>
      <c r="BE30" s="63">
        <v>23</v>
      </c>
      <c r="BF30" s="60">
        <v>5</v>
      </c>
      <c r="BG30" s="61">
        <v>5</v>
      </c>
      <c r="BH30" s="62">
        <v>10</v>
      </c>
      <c r="BI30" s="231"/>
      <c r="BJ30" s="61">
        <v>4</v>
      </c>
      <c r="BK30" s="61">
        <v>5</v>
      </c>
      <c r="BL30" s="61">
        <v>6</v>
      </c>
      <c r="BM30" s="61">
        <v>2</v>
      </c>
      <c r="BN30" s="61">
        <v>2</v>
      </c>
      <c r="BO30" s="62">
        <v>19</v>
      </c>
      <c r="BP30" s="63">
        <v>29</v>
      </c>
      <c r="BQ30" s="60">
        <v>6</v>
      </c>
      <c r="BR30" s="61">
        <v>10</v>
      </c>
      <c r="BS30" s="62">
        <v>16</v>
      </c>
      <c r="BT30" s="231"/>
      <c r="BU30" s="61">
        <v>8</v>
      </c>
      <c r="BV30" s="61">
        <v>10</v>
      </c>
      <c r="BW30" s="61">
        <v>3</v>
      </c>
      <c r="BX30" s="61">
        <v>7</v>
      </c>
      <c r="BY30" s="61">
        <v>2</v>
      </c>
      <c r="BZ30" s="62">
        <v>30</v>
      </c>
      <c r="CA30" s="63">
        <v>46</v>
      </c>
      <c r="CB30" s="60">
        <v>0</v>
      </c>
      <c r="CC30" s="61">
        <v>0</v>
      </c>
      <c r="CD30" s="62">
        <v>0</v>
      </c>
      <c r="CE30" s="231"/>
      <c r="CF30" s="61">
        <v>0</v>
      </c>
      <c r="CG30" s="61">
        <v>0</v>
      </c>
      <c r="CH30" s="61">
        <v>0</v>
      </c>
      <c r="CI30" s="61">
        <v>0</v>
      </c>
      <c r="CJ30" s="61">
        <v>0</v>
      </c>
      <c r="CK30" s="62">
        <v>0</v>
      </c>
      <c r="CL30" s="63">
        <v>0</v>
      </c>
      <c r="CM30" s="60">
        <v>20</v>
      </c>
      <c r="CN30" s="61">
        <v>23</v>
      </c>
      <c r="CO30" s="62">
        <v>43</v>
      </c>
      <c r="CP30" s="231"/>
      <c r="CQ30" s="61">
        <v>17</v>
      </c>
      <c r="CR30" s="61">
        <v>20</v>
      </c>
      <c r="CS30" s="61">
        <v>13</v>
      </c>
      <c r="CT30" s="61">
        <v>9</v>
      </c>
      <c r="CU30" s="61">
        <v>7</v>
      </c>
      <c r="CV30" s="62">
        <v>66</v>
      </c>
      <c r="CW30" s="63">
        <v>109</v>
      </c>
      <c r="CX30" s="113">
        <v>1</v>
      </c>
      <c r="CY30" s="72">
        <v>5</v>
      </c>
      <c r="CZ30" s="73">
        <v>6</v>
      </c>
      <c r="DA30" s="228"/>
      <c r="DB30" s="72">
        <v>3</v>
      </c>
      <c r="DC30" s="72">
        <v>3</v>
      </c>
      <c r="DD30" s="72">
        <v>3</v>
      </c>
      <c r="DE30" s="72">
        <v>2</v>
      </c>
      <c r="DF30" s="72">
        <v>0</v>
      </c>
      <c r="DG30" s="74">
        <v>11</v>
      </c>
      <c r="DH30" s="75">
        <v>17</v>
      </c>
      <c r="DI30" s="60">
        <v>0</v>
      </c>
      <c r="DJ30" s="61">
        <v>0</v>
      </c>
      <c r="DK30" s="62">
        <v>0</v>
      </c>
      <c r="DL30" s="231"/>
      <c r="DM30" s="61">
        <v>0</v>
      </c>
      <c r="DN30" s="61">
        <v>0</v>
      </c>
      <c r="DO30" s="61">
        <v>0</v>
      </c>
      <c r="DP30" s="61">
        <v>0</v>
      </c>
      <c r="DQ30" s="61">
        <v>0</v>
      </c>
      <c r="DR30" s="62">
        <v>0</v>
      </c>
      <c r="DS30" s="63">
        <v>0</v>
      </c>
      <c r="DT30" s="60">
        <v>0</v>
      </c>
      <c r="DU30" s="61">
        <v>0</v>
      </c>
      <c r="DV30" s="62">
        <v>0</v>
      </c>
      <c r="DW30" s="231"/>
      <c r="DX30" s="61">
        <v>0</v>
      </c>
      <c r="DY30" s="61">
        <v>0</v>
      </c>
      <c r="DZ30" s="61">
        <v>1</v>
      </c>
      <c r="EA30" s="61">
        <v>0</v>
      </c>
      <c r="EB30" s="61">
        <v>0</v>
      </c>
      <c r="EC30" s="62">
        <v>1</v>
      </c>
      <c r="ED30" s="63">
        <v>1</v>
      </c>
      <c r="EE30" s="60">
        <v>0</v>
      </c>
      <c r="EF30" s="61">
        <v>0</v>
      </c>
      <c r="EG30" s="62">
        <v>0</v>
      </c>
      <c r="EH30" s="231"/>
      <c r="EI30" s="61">
        <v>0</v>
      </c>
      <c r="EJ30" s="61">
        <v>0</v>
      </c>
      <c r="EK30" s="61">
        <v>0</v>
      </c>
      <c r="EL30" s="61">
        <v>0</v>
      </c>
      <c r="EM30" s="61">
        <v>0</v>
      </c>
      <c r="EN30" s="62">
        <v>0</v>
      </c>
      <c r="EO30" s="63">
        <v>0</v>
      </c>
      <c r="EP30" s="60">
        <v>0</v>
      </c>
      <c r="EQ30" s="61">
        <v>0</v>
      </c>
      <c r="ER30" s="62">
        <v>0</v>
      </c>
      <c r="ES30" s="231"/>
      <c r="ET30" s="61">
        <v>1</v>
      </c>
      <c r="EU30" s="61">
        <v>0</v>
      </c>
      <c r="EV30" s="61">
        <v>0</v>
      </c>
      <c r="EW30" s="61">
        <v>0</v>
      </c>
      <c r="EX30" s="61">
        <v>0</v>
      </c>
      <c r="EY30" s="62">
        <v>1</v>
      </c>
      <c r="EZ30" s="63">
        <v>1</v>
      </c>
      <c r="FA30" s="60">
        <v>0</v>
      </c>
      <c r="FB30" s="61">
        <v>1</v>
      </c>
      <c r="FC30" s="62">
        <v>1</v>
      </c>
      <c r="FD30" s="231"/>
      <c r="FE30" s="61">
        <v>2</v>
      </c>
      <c r="FF30" s="61">
        <v>2</v>
      </c>
      <c r="FG30" s="61">
        <v>0</v>
      </c>
      <c r="FH30" s="61">
        <v>0</v>
      </c>
      <c r="FI30" s="61">
        <v>0</v>
      </c>
      <c r="FJ30" s="62">
        <v>4</v>
      </c>
      <c r="FK30" s="63">
        <v>5</v>
      </c>
      <c r="FL30" s="60">
        <v>1</v>
      </c>
      <c r="FM30" s="61">
        <v>4</v>
      </c>
      <c r="FN30" s="62">
        <v>5</v>
      </c>
      <c r="FO30" s="231"/>
      <c r="FP30" s="61">
        <v>0</v>
      </c>
      <c r="FQ30" s="61">
        <v>1</v>
      </c>
      <c r="FR30" s="61">
        <v>2</v>
      </c>
      <c r="FS30" s="61">
        <v>2</v>
      </c>
      <c r="FT30" s="61">
        <v>0</v>
      </c>
      <c r="FU30" s="62">
        <v>5</v>
      </c>
      <c r="FV30" s="63">
        <v>10</v>
      </c>
      <c r="FW30" s="60">
        <v>0</v>
      </c>
      <c r="FX30" s="61">
        <v>0</v>
      </c>
      <c r="FY30" s="62">
        <v>0</v>
      </c>
      <c r="FZ30" s="231"/>
      <c r="GA30" s="61">
        <v>0</v>
      </c>
      <c r="GB30" s="61">
        <v>0</v>
      </c>
      <c r="GC30" s="61">
        <v>0</v>
      </c>
      <c r="GD30" s="61">
        <v>0</v>
      </c>
      <c r="GE30" s="61">
        <v>0</v>
      </c>
      <c r="GF30" s="62">
        <v>0</v>
      </c>
      <c r="GG30" s="63">
        <v>0</v>
      </c>
      <c r="GH30" s="60">
        <v>1</v>
      </c>
      <c r="GI30" s="61">
        <v>5</v>
      </c>
      <c r="GJ30" s="62">
        <v>6</v>
      </c>
      <c r="GK30" s="231"/>
      <c r="GL30" s="61">
        <v>3</v>
      </c>
      <c r="GM30" s="61">
        <v>3</v>
      </c>
      <c r="GN30" s="61">
        <v>3</v>
      </c>
      <c r="GO30" s="61">
        <v>2</v>
      </c>
      <c r="GP30" s="61">
        <v>0</v>
      </c>
      <c r="GQ30" s="62">
        <v>11</v>
      </c>
      <c r="GR30" s="63">
        <v>17</v>
      </c>
      <c r="GS30" s="113">
        <v>21</v>
      </c>
      <c r="GT30" s="72">
        <v>28</v>
      </c>
      <c r="GU30" s="73">
        <v>49</v>
      </c>
      <c r="GV30" s="228"/>
      <c r="GW30" s="72">
        <v>20</v>
      </c>
      <c r="GX30" s="72">
        <v>23</v>
      </c>
      <c r="GY30" s="72">
        <v>16</v>
      </c>
      <c r="GZ30" s="72">
        <v>11</v>
      </c>
      <c r="HA30" s="72">
        <v>7</v>
      </c>
      <c r="HB30" s="74">
        <v>77</v>
      </c>
      <c r="HC30" s="75">
        <v>126</v>
      </c>
      <c r="HD30" s="60">
        <v>0</v>
      </c>
      <c r="HE30" s="61">
        <v>0</v>
      </c>
      <c r="HF30" s="62">
        <v>0</v>
      </c>
      <c r="HG30" s="231"/>
      <c r="HH30" s="61">
        <v>0</v>
      </c>
      <c r="HI30" s="61">
        <v>1</v>
      </c>
      <c r="HJ30" s="61">
        <v>0</v>
      </c>
      <c r="HK30" s="61">
        <v>0</v>
      </c>
      <c r="HL30" s="61">
        <v>0</v>
      </c>
      <c r="HM30" s="62">
        <v>1</v>
      </c>
      <c r="HN30" s="63">
        <v>1</v>
      </c>
      <c r="HO30" s="60">
        <v>0</v>
      </c>
      <c r="HP30" s="61">
        <v>2</v>
      </c>
      <c r="HQ30" s="62">
        <v>2</v>
      </c>
      <c r="HR30" s="231"/>
      <c r="HS30" s="61">
        <v>0</v>
      </c>
      <c r="HT30" s="61">
        <v>0</v>
      </c>
      <c r="HU30" s="61">
        <v>1</v>
      </c>
      <c r="HV30" s="61">
        <v>0</v>
      </c>
      <c r="HW30" s="61">
        <v>0</v>
      </c>
      <c r="HX30" s="62">
        <v>1</v>
      </c>
      <c r="HY30" s="63">
        <v>3</v>
      </c>
      <c r="HZ30" s="60">
        <v>2</v>
      </c>
      <c r="IA30" s="61">
        <v>3</v>
      </c>
      <c r="IB30" s="62">
        <v>5</v>
      </c>
      <c r="IC30" s="231"/>
      <c r="ID30" s="61">
        <v>0</v>
      </c>
      <c r="IE30" s="61">
        <v>1</v>
      </c>
      <c r="IF30" s="61">
        <v>1</v>
      </c>
      <c r="IG30" s="61">
        <v>0</v>
      </c>
      <c r="IH30" s="61">
        <v>1</v>
      </c>
      <c r="II30" s="62">
        <v>3</v>
      </c>
      <c r="IJ30" s="63">
        <v>8</v>
      </c>
      <c r="IK30" s="60">
        <v>7</v>
      </c>
      <c r="IL30" s="61">
        <v>3</v>
      </c>
      <c r="IM30" s="62">
        <v>10</v>
      </c>
      <c r="IN30" s="231"/>
      <c r="IO30" s="61">
        <v>6</v>
      </c>
      <c r="IP30" s="61">
        <v>3</v>
      </c>
      <c r="IQ30" s="61">
        <v>3</v>
      </c>
      <c r="IR30" s="61">
        <v>0</v>
      </c>
      <c r="IS30" s="61">
        <v>2</v>
      </c>
      <c r="IT30" s="62">
        <v>14</v>
      </c>
      <c r="IU30" s="63">
        <v>24</v>
      </c>
      <c r="IV30" s="60">
        <v>5</v>
      </c>
      <c r="IW30" s="61">
        <v>6</v>
      </c>
      <c r="IX30" s="62">
        <v>11</v>
      </c>
      <c r="IY30" s="231"/>
      <c r="IZ30" s="61">
        <v>6</v>
      </c>
      <c r="JA30" s="61">
        <v>7</v>
      </c>
      <c r="JB30" s="61">
        <v>6</v>
      </c>
      <c r="JC30" s="61">
        <v>2</v>
      </c>
      <c r="JD30" s="61">
        <v>2</v>
      </c>
      <c r="JE30" s="62">
        <v>23</v>
      </c>
      <c r="JF30" s="63">
        <v>34</v>
      </c>
      <c r="JG30" s="60">
        <v>7</v>
      </c>
      <c r="JH30" s="61">
        <v>14</v>
      </c>
      <c r="JI30" s="62">
        <v>21</v>
      </c>
      <c r="JJ30" s="231"/>
      <c r="JK30" s="61">
        <v>8</v>
      </c>
      <c r="JL30" s="61">
        <v>11</v>
      </c>
      <c r="JM30" s="61">
        <v>5</v>
      </c>
      <c r="JN30" s="61">
        <v>9</v>
      </c>
      <c r="JO30" s="61">
        <v>2</v>
      </c>
      <c r="JP30" s="62">
        <v>35</v>
      </c>
      <c r="JQ30" s="63">
        <v>56</v>
      </c>
      <c r="JR30" s="60">
        <v>0</v>
      </c>
      <c r="JS30" s="61">
        <v>0</v>
      </c>
      <c r="JT30" s="62">
        <v>0</v>
      </c>
      <c r="JU30" s="231"/>
      <c r="JV30" s="61">
        <v>0</v>
      </c>
      <c r="JW30" s="61">
        <v>0</v>
      </c>
      <c r="JX30" s="61">
        <v>0</v>
      </c>
      <c r="JY30" s="61">
        <v>0</v>
      </c>
      <c r="JZ30" s="61">
        <v>0</v>
      </c>
      <c r="KA30" s="62">
        <v>0</v>
      </c>
      <c r="KB30" s="63">
        <v>0</v>
      </c>
      <c r="KC30" s="60">
        <v>21</v>
      </c>
      <c r="KD30" s="61">
        <v>28</v>
      </c>
      <c r="KE30" s="62">
        <v>49</v>
      </c>
      <c r="KF30" s="231"/>
      <c r="KG30" s="61">
        <v>20</v>
      </c>
      <c r="KH30" s="61">
        <v>23</v>
      </c>
      <c r="KI30" s="61">
        <v>16</v>
      </c>
      <c r="KJ30" s="61">
        <v>11</v>
      </c>
      <c r="KK30" s="61">
        <v>7</v>
      </c>
      <c r="KL30" s="62">
        <v>77</v>
      </c>
      <c r="KM30" s="63">
        <v>126</v>
      </c>
    </row>
    <row r="31" spans="2:299" ht="21" customHeight="1" x14ac:dyDescent="0.2">
      <c r="B31" s="472" t="s">
        <v>28</v>
      </c>
      <c r="C31" s="293">
        <v>1</v>
      </c>
      <c r="D31" s="72">
        <v>4</v>
      </c>
      <c r="E31" s="73">
        <v>5</v>
      </c>
      <c r="F31" s="228"/>
      <c r="G31" s="72">
        <v>10</v>
      </c>
      <c r="H31" s="72">
        <v>9</v>
      </c>
      <c r="I31" s="72">
        <v>3</v>
      </c>
      <c r="J31" s="72">
        <v>0</v>
      </c>
      <c r="K31" s="72">
        <v>3</v>
      </c>
      <c r="L31" s="74">
        <v>25</v>
      </c>
      <c r="M31" s="75">
        <v>30</v>
      </c>
      <c r="N31" s="60">
        <v>0</v>
      </c>
      <c r="O31" s="61">
        <v>0</v>
      </c>
      <c r="P31" s="62">
        <v>0</v>
      </c>
      <c r="Q31" s="231"/>
      <c r="R31" s="61">
        <v>0</v>
      </c>
      <c r="S31" s="61">
        <v>0</v>
      </c>
      <c r="T31" s="61">
        <v>0</v>
      </c>
      <c r="U31" s="61">
        <v>0</v>
      </c>
      <c r="V31" s="61">
        <v>0</v>
      </c>
      <c r="W31" s="62">
        <v>0</v>
      </c>
      <c r="X31" s="63">
        <v>0</v>
      </c>
      <c r="Y31" s="60">
        <v>0</v>
      </c>
      <c r="Z31" s="61">
        <v>0</v>
      </c>
      <c r="AA31" s="62">
        <v>0</v>
      </c>
      <c r="AB31" s="231"/>
      <c r="AC31" s="61">
        <v>1</v>
      </c>
      <c r="AD31" s="61">
        <v>0</v>
      </c>
      <c r="AE31" s="61">
        <v>0</v>
      </c>
      <c r="AF31" s="61">
        <v>0</v>
      </c>
      <c r="AG31" s="61">
        <v>0</v>
      </c>
      <c r="AH31" s="62">
        <v>1</v>
      </c>
      <c r="AI31" s="63">
        <v>1</v>
      </c>
      <c r="AJ31" s="60">
        <v>0</v>
      </c>
      <c r="AK31" s="61">
        <v>0</v>
      </c>
      <c r="AL31" s="62">
        <v>0</v>
      </c>
      <c r="AM31" s="231"/>
      <c r="AN31" s="61">
        <v>2</v>
      </c>
      <c r="AO31" s="61">
        <v>1</v>
      </c>
      <c r="AP31" s="61">
        <v>0</v>
      </c>
      <c r="AQ31" s="61">
        <v>0</v>
      </c>
      <c r="AR31" s="61">
        <v>0</v>
      </c>
      <c r="AS31" s="62">
        <v>3</v>
      </c>
      <c r="AT31" s="63">
        <v>3</v>
      </c>
      <c r="AU31" s="60">
        <v>1</v>
      </c>
      <c r="AV31" s="61">
        <v>2</v>
      </c>
      <c r="AW31" s="62">
        <v>3</v>
      </c>
      <c r="AX31" s="231"/>
      <c r="AY31" s="61">
        <v>3</v>
      </c>
      <c r="AZ31" s="61">
        <v>3</v>
      </c>
      <c r="BA31" s="61">
        <v>0</v>
      </c>
      <c r="BB31" s="61">
        <v>0</v>
      </c>
      <c r="BC31" s="61">
        <v>1</v>
      </c>
      <c r="BD31" s="62">
        <v>7</v>
      </c>
      <c r="BE31" s="63">
        <v>10</v>
      </c>
      <c r="BF31" s="60">
        <v>0</v>
      </c>
      <c r="BG31" s="61">
        <v>2</v>
      </c>
      <c r="BH31" s="62">
        <v>2</v>
      </c>
      <c r="BI31" s="231"/>
      <c r="BJ31" s="61">
        <v>2</v>
      </c>
      <c r="BK31" s="61">
        <v>4</v>
      </c>
      <c r="BL31" s="61">
        <v>1</v>
      </c>
      <c r="BM31" s="61">
        <v>0</v>
      </c>
      <c r="BN31" s="61">
        <v>0</v>
      </c>
      <c r="BO31" s="62">
        <v>7</v>
      </c>
      <c r="BP31" s="63">
        <v>9</v>
      </c>
      <c r="BQ31" s="60">
        <v>0</v>
      </c>
      <c r="BR31" s="61">
        <v>0</v>
      </c>
      <c r="BS31" s="62">
        <v>0</v>
      </c>
      <c r="BT31" s="231"/>
      <c r="BU31" s="61">
        <v>2</v>
      </c>
      <c r="BV31" s="61">
        <v>1</v>
      </c>
      <c r="BW31" s="61">
        <v>2</v>
      </c>
      <c r="BX31" s="61">
        <v>0</v>
      </c>
      <c r="BY31" s="61">
        <v>2</v>
      </c>
      <c r="BZ31" s="62">
        <v>7</v>
      </c>
      <c r="CA31" s="63">
        <v>7</v>
      </c>
      <c r="CB31" s="60">
        <v>0</v>
      </c>
      <c r="CC31" s="61">
        <v>0</v>
      </c>
      <c r="CD31" s="62">
        <v>0</v>
      </c>
      <c r="CE31" s="231"/>
      <c r="CF31" s="61">
        <v>0</v>
      </c>
      <c r="CG31" s="61">
        <v>0</v>
      </c>
      <c r="CH31" s="61">
        <v>0</v>
      </c>
      <c r="CI31" s="61">
        <v>0</v>
      </c>
      <c r="CJ31" s="61">
        <v>0</v>
      </c>
      <c r="CK31" s="62">
        <v>0</v>
      </c>
      <c r="CL31" s="63">
        <v>0</v>
      </c>
      <c r="CM31" s="60">
        <v>1</v>
      </c>
      <c r="CN31" s="61">
        <v>4</v>
      </c>
      <c r="CO31" s="62">
        <v>5</v>
      </c>
      <c r="CP31" s="231"/>
      <c r="CQ31" s="61">
        <v>10</v>
      </c>
      <c r="CR31" s="61">
        <v>9</v>
      </c>
      <c r="CS31" s="61">
        <v>3</v>
      </c>
      <c r="CT31" s="61">
        <v>0</v>
      </c>
      <c r="CU31" s="61">
        <v>3</v>
      </c>
      <c r="CV31" s="62">
        <v>25</v>
      </c>
      <c r="CW31" s="63">
        <v>30</v>
      </c>
      <c r="CX31" s="113">
        <v>0</v>
      </c>
      <c r="CY31" s="72">
        <v>0</v>
      </c>
      <c r="CZ31" s="73">
        <v>0</v>
      </c>
      <c r="DA31" s="228"/>
      <c r="DB31" s="72">
        <v>2</v>
      </c>
      <c r="DC31" s="72">
        <v>1</v>
      </c>
      <c r="DD31" s="72">
        <v>0</v>
      </c>
      <c r="DE31" s="72">
        <v>1</v>
      </c>
      <c r="DF31" s="72">
        <v>1</v>
      </c>
      <c r="DG31" s="74">
        <v>5</v>
      </c>
      <c r="DH31" s="75">
        <v>5</v>
      </c>
      <c r="DI31" s="60">
        <v>0</v>
      </c>
      <c r="DJ31" s="61">
        <v>0</v>
      </c>
      <c r="DK31" s="62">
        <v>0</v>
      </c>
      <c r="DL31" s="231"/>
      <c r="DM31" s="61">
        <v>0</v>
      </c>
      <c r="DN31" s="61">
        <v>0</v>
      </c>
      <c r="DO31" s="61">
        <v>0</v>
      </c>
      <c r="DP31" s="61">
        <v>0</v>
      </c>
      <c r="DQ31" s="61">
        <v>0</v>
      </c>
      <c r="DR31" s="62">
        <v>0</v>
      </c>
      <c r="DS31" s="63">
        <v>0</v>
      </c>
      <c r="DT31" s="60">
        <v>0</v>
      </c>
      <c r="DU31" s="61">
        <v>0</v>
      </c>
      <c r="DV31" s="62">
        <v>0</v>
      </c>
      <c r="DW31" s="231"/>
      <c r="DX31" s="61">
        <v>0</v>
      </c>
      <c r="DY31" s="61">
        <v>0</v>
      </c>
      <c r="DZ31" s="61">
        <v>0</v>
      </c>
      <c r="EA31" s="61">
        <v>0</v>
      </c>
      <c r="EB31" s="61">
        <v>0</v>
      </c>
      <c r="EC31" s="62">
        <v>0</v>
      </c>
      <c r="ED31" s="63">
        <v>0</v>
      </c>
      <c r="EE31" s="60">
        <v>0</v>
      </c>
      <c r="EF31" s="61">
        <v>0</v>
      </c>
      <c r="EG31" s="62">
        <v>0</v>
      </c>
      <c r="EH31" s="231"/>
      <c r="EI31" s="61">
        <v>0</v>
      </c>
      <c r="EJ31" s="61">
        <v>0</v>
      </c>
      <c r="EK31" s="61">
        <v>0</v>
      </c>
      <c r="EL31" s="61">
        <v>0</v>
      </c>
      <c r="EM31" s="61">
        <v>0</v>
      </c>
      <c r="EN31" s="62">
        <v>0</v>
      </c>
      <c r="EO31" s="63">
        <v>0</v>
      </c>
      <c r="EP31" s="60">
        <v>0</v>
      </c>
      <c r="EQ31" s="61">
        <v>0</v>
      </c>
      <c r="ER31" s="62">
        <v>0</v>
      </c>
      <c r="ES31" s="231"/>
      <c r="ET31" s="61">
        <v>0</v>
      </c>
      <c r="EU31" s="61">
        <v>0</v>
      </c>
      <c r="EV31" s="61">
        <v>0</v>
      </c>
      <c r="EW31" s="61">
        <v>0</v>
      </c>
      <c r="EX31" s="61">
        <v>0</v>
      </c>
      <c r="EY31" s="62">
        <v>0</v>
      </c>
      <c r="EZ31" s="63">
        <v>0</v>
      </c>
      <c r="FA31" s="60">
        <v>0</v>
      </c>
      <c r="FB31" s="61">
        <v>0</v>
      </c>
      <c r="FC31" s="62">
        <v>0</v>
      </c>
      <c r="FD31" s="231"/>
      <c r="FE31" s="61">
        <v>1</v>
      </c>
      <c r="FF31" s="61">
        <v>1</v>
      </c>
      <c r="FG31" s="61">
        <v>0</v>
      </c>
      <c r="FH31" s="61">
        <v>0</v>
      </c>
      <c r="FI31" s="61">
        <v>1</v>
      </c>
      <c r="FJ31" s="62">
        <v>3</v>
      </c>
      <c r="FK31" s="63">
        <v>3</v>
      </c>
      <c r="FL31" s="60">
        <v>0</v>
      </c>
      <c r="FM31" s="61">
        <v>0</v>
      </c>
      <c r="FN31" s="62">
        <v>0</v>
      </c>
      <c r="FO31" s="231"/>
      <c r="FP31" s="61">
        <v>1</v>
      </c>
      <c r="FQ31" s="61">
        <v>0</v>
      </c>
      <c r="FR31" s="61">
        <v>0</v>
      </c>
      <c r="FS31" s="61">
        <v>1</v>
      </c>
      <c r="FT31" s="61">
        <v>0</v>
      </c>
      <c r="FU31" s="62">
        <v>2</v>
      </c>
      <c r="FV31" s="63">
        <v>2</v>
      </c>
      <c r="FW31" s="60">
        <v>0</v>
      </c>
      <c r="FX31" s="61">
        <v>0</v>
      </c>
      <c r="FY31" s="62">
        <v>0</v>
      </c>
      <c r="FZ31" s="231"/>
      <c r="GA31" s="61">
        <v>0</v>
      </c>
      <c r="GB31" s="61">
        <v>0</v>
      </c>
      <c r="GC31" s="61">
        <v>0</v>
      </c>
      <c r="GD31" s="61">
        <v>0</v>
      </c>
      <c r="GE31" s="61">
        <v>0</v>
      </c>
      <c r="GF31" s="62">
        <v>0</v>
      </c>
      <c r="GG31" s="63">
        <v>0</v>
      </c>
      <c r="GH31" s="60">
        <v>0</v>
      </c>
      <c r="GI31" s="61">
        <v>0</v>
      </c>
      <c r="GJ31" s="62">
        <v>0</v>
      </c>
      <c r="GK31" s="231"/>
      <c r="GL31" s="61">
        <v>2</v>
      </c>
      <c r="GM31" s="61">
        <v>1</v>
      </c>
      <c r="GN31" s="61">
        <v>0</v>
      </c>
      <c r="GO31" s="61">
        <v>1</v>
      </c>
      <c r="GP31" s="61">
        <v>1</v>
      </c>
      <c r="GQ31" s="62">
        <v>5</v>
      </c>
      <c r="GR31" s="63">
        <v>5</v>
      </c>
      <c r="GS31" s="113">
        <v>1</v>
      </c>
      <c r="GT31" s="72">
        <v>4</v>
      </c>
      <c r="GU31" s="73">
        <v>5</v>
      </c>
      <c r="GV31" s="228"/>
      <c r="GW31" s="72">
        <v>12</v>
      </c>
      <c r="GX31" s="72">
        <v>10</v>
      </c>
      <c r="GY31" s="72">
        <v>3</v>
      </c>
      <c r="GZ31" s="72">
        <v>1</v>
      </c>
      <c r="HA31" s="72">
        <v>4</v>
      </c>
      <c r="HB31" s="74">
        <v>30</v>
      </c>
      <c r="HC31" s="75">
        <v>35</v>
      </c>
      <c r="HD31" s="60">
        <v>0</v>
      </c>
      <c r="HE31" s="61">
        <v>0</v>
      </c>
      <c r="HF31" s="62">
        <v>0</v>
      </c>
      <c r="HG31" s="231"/>
      <c r="HH31" s="61">
        <v>0</v>
      </c>
      <c r="HI31" s="61">
        <v>0</v>
      </c>
      <c r="HJ31" s="61">
        <v>0</v>
      </c>
      <c r="HK31" s="61">
        <v>0</v>
      </c>
      <c r="HL31" s="61">
        <v>0</v>
      </c>
      <c r="HM31" s="62">
        <v>0</v>
      </c>
      <c r="HN31" s="63">
        <v>0</v>
      </c>
      <c r="HO31" s="60">
        <v>0</v>
      </c>
      <c r="HP31" s="61">
        <v>0</v>
      </c>
      <c r="HQ31" s="62">
        <v>0</v>
      </c>
      <c r="HR31" s="231"/>
      <c r="HS31" s="61">
        <v>1</v>
      </c>
      <c r="HT31" s="61">
        <v>0</v>
      </c>
      <c r="HU31" s="61">
        <v>0</v>
      </c>
      <c r="HV31" s="61">
        <v>0</v>
      </c>
      <c r="HW31" s="61">
        <v>0</v>
      </c>
      <c r="HX31" s="62">
        <v>1</v>
      </c>
      <c r="HY31" s="63">
        <v>1</v>
      </c>
      <c r="HZ31" s="60">
        <v>0</v>
      </c>
      <c r="IA31" s="61">
        <v>0</v>
      </c>
      <c r="IB31" s="62">
        <v>0</v>
      </c>
      <c r="IC31" s="231"/>
      <c r="ID31" s="61">
        <v>2</v>
      </c>
      <c r="IE31" s="61">
        <v>1</v>
      </c>
      <c r="IF31" s="61">
        <v>0</v>
      </c>
      <c r="IG31" s="61">
        <v>0</v>
      </c>
      <c r="IH31" s="61">
        <v>0</v>
      </c>
      <c r="II31" s="62">
        <v>3</v>
      </c>
      <c r="IJ31" s="63">
        <v>3</v>
      </c>
      <c r="IK31" s="60">
        <v>1</v>
      </c>
      <c r="IL31" s="61">
        <v>2</v>
      </c>
      <c r="IM31" s="62">
        <v>3</v>
      </c>
      <c r="IN31" s="231"/>
      <c r="IO31" s="61">
        <v>3</v>
      </c>
      <c r="IP31" s="61">
        <v>3</v>
      </c>
      <c r="IQ31" s="61">
        <v>0</v>
      </c>
      <c r="IR31" s="61">
        <v>0</v>
      </c>
      <c r="IS31" s="61">
        <v>1</v>
      </c>
      <c r="IT31" s="62">
        <v>7</v>
      </c>
      <c r="IU31" s="63">
        <v>10</v>
      </c>
      <c r="IV31" s="60">
        <v>0</v>
      </c>
      <c r="IW31" s="61">
        <v>2</v>
      </c>
      <c r="IX31" s="62">
        <v>2</v>
      </c>
      <c r="IY31" s="231"/>
      <c r="IZ31" s="61">
        <v>3</v>
      </c>
      <c r="JA31" s="61">
        <v>5</v>
      </c>
      <c r="JB31" s="61">
        <v>1</v>
      </c>
      <c r="JC31" s="61">
        <v>0</v>
      </c>
      <c r="JD31" s="61">
        <v>1</v>
      </c>
      <c r="JE31" s="62">
        <v>10</v>
      </c>
      <c r="JF31" s="63">
        <v>12</v>
      </c>
      <c r="JG31" s="60">
        <v>0</v>
      </c>
      <c r="JH31" s="61">
        <v>0</v>
      </c>
      <c r="JI31" s="62">
        <v>0</v>
      </c>
      <c r="JJ31" s="231"/>
      <c r="JK31" s="61">
        <v>3</v>
      </c>
      <c r="JL31" s="61">
        <v>1</v>
      </c>
      <c r="JM31" s="61">
        <v>2</v>
      </c>
      <c r="JN31" s="61">
        <v>1</v>
      </c>
      <c r="JO31" s="61">
        <v>2</v>
      </c>
      <c r="JP31" s="62">
        <v>9</v>
      </c>
      <c r="JQ31" s="63">
        <v>9</v>
      </c>
      <c r="JR31" s="60">
        <v>0</v>
      </c>
      <c r="JS31" s="61">
        <v>0</v>
      </c>
      <c r="JT31" s="62">
        <v>0</v>
      </c>
      <c r="JU31" s="231"/>
      <c r="JV31" s="61">
        <v>0</v>
      </c>
      <c r="JW31" s="61">
        <v>0</v>
      </c>
      <c r="JX31" s="61">
        <v>0</v>
      </c>
      <c r="JY31" s="61">
        <v>0</v>
      </c>
      <c r="JZ31" s="61">
        <v>0</v>
      </c>
      <c r="KA31" s="62">
        <v>0</v>
      </c>
      <c r="KB31" s="63">
        <v>0</v>
      </c>
      <c r="KC31" s="60">
        <v>1</v>
      </c>
      <c r="KD31" s="61">
        <v>4</v>
      </c>
      <c r="KE31" s="62">
        <v>5</v>
      </c>
      <c r="KF31" s="231"/>
      <c r="KG31" s="61">
        <v>12</v>
      </c>
      <c r="KH31" s="61">
        <v>10</v>
      </c>
      <c r="KI31" s="61">
        <v>3</v>
      </c>
      <c r="KJ31" s="61">
        <v>1</v>
      </c>
      <c r="KK31" s="61">
        <v>4</v>
      </c>
      <c r="KL31" s="62">
        <v>30</v>
      </c>
      <c r="KM31" s="63">
        <v>35</v>
      </c>
    </row>
    <row r="32" spans="2:299" ht="21" customHeight="1" x14ac:dyDescent="0.2">
      <c r="B32" s="472" t="s">
        <v>29</v>
      </c>
      <c r="C32" s="293">
        <v>5</v>
      </c>
      <c r="D32" s="72">
        <v>3</v>
      </c>
      <c r="E32" s="73">
        <v>8</v>
      </c>
      <c r="F32" s="228"/>
      <c r="G32" s="72">
        <v>4</v>
      </c>
      <c r="H32" s="72">
        <v>6</v>
      </c>
      <c r="I32" s="72">
        <v>4</v>
      </c>
      <c r="J32" s="72">
        <v>5</v>
      </c>
      <c r="K32" s="72">
        <v>2</v>
      </c>
      <c r="L32" s="74">
        <v>21</v>
      </c>
      <c r="M32" s="75">
        <v>29</v>
      </c>
      <c r="N32" s="60">
        <v>0</v>
      </c>
      <c r="O32" s="61">
        <v>0</v>
      </c>
      <c r="P32" s="62">
        <v>0</v>
      </c>
      <c r="Q32" s="231"/>
      <c r="R32" s="61">
        <v>0</v>
      </c>
      <c r="S32" s="61">
        <v>0</v>
      </c>
      <c r="T32" s="61">
        <v>0</v>
      </c>
      <c r="U32" s="61">
        <v>0</v>
      </c>
      <c r="V32" s="61">
        <v>0</v>
      </c>
      <c r="W32" s="62">
        <v>0</v>
      </c>
      <c r="X32" s="63">
        <v>0</v>
      </c>
      <c r="Y32" s="60">
        <v>0</v>
      </c>
      <c r="Z32" s="61">
        <v>0</v>
      </c>
      <c r="AA32" s="62">
        <v>0</v>
      </c>
      <c r="AB32" s="231"/>
      <c r="AC32" s="61">
        <v>0</v>
      </c>
      <c r="AD32" s="61">
        <v>0</v>
      </c>
      <c r="AE32" s="61">
        <v>0</v>
      </c>
      <c r="AF32" s="61">
        <v>0</v>
      </c>
      <c r="AG32" s="61">
        <v>0</v>
      </c>
      <c r="AH32" s="62">
        <v>0</v>
      </c>
      <c r="AI32" s="63">
        <v>0</v>
      </c>
      <c r="AJ32" s="60">
        <v>1</v>
      </c>
      <c r="AK32" s="61">
        <v>0</v>
      </c>
      <c r="AL32" s="62">
        <v>1</v>
      </c>
      <c r="AM32" s="231"/>
      <c r="AN32" s="61">
        <v>1</v>
      </c>
      <c r="AO32" s="61">
        <v>0</v>
      </c>
      <c r="AP32" s="61">
        <v>1</v>
      </c>
      <c r="AQ32" s="61">
        <v>1</v>
      </c>
      <c r="AR32" s="61">
        <v>1</v>
      </c>
      <c r="AS32" s="62">
        <v>4</v>
      </c>
      <c r="AT32" s="63">
        <v>5</v>
      </c>
      <c r="AU32" s="60">
        <v>2</v>
      </c>
      <c r="AV32" s="61">
        <v>2</v>
      </c>
      <c r="AW32" s="62">
        <v>4</v>
      </c>
      <c r="AX32" s="231"/>
      <c r="AY32" s="61">
        <v>1</v>
      </c>
      <c r="AZ32" s="61">
        <v>1</v>
      </c>
      <c r="BA32" s="61">
        <v>0</v>
      </c>
      <c r="BB32" s="61">
        <v>1</v>
      </c>
      <c r="BC32" s="61">
        <v>0</v>
      </c>
      <c r="BD32" s="62">
        <v>3</v>
      </c>
      <c r="BE32" s="63">
        <v>7</v>
      </c>
      <c r="BF32" s="60">
        <v>1</v>
      </c>
      <c r="BG32" s="61">
        <v>1</v>
      </c>
      <c r="BH32" s="62">
        <v>2</v>
      </c>
      <c r="BI32" s="231"/>
      <c r="BJ32" s="61">
        <v>1</v>
      </c>
      <c r="BK32" s="61">
        <v>1</v>
      </c>
      <c r="BL32" s="61">
        <v>1</v>
      </c>
      <c r="BM32" s="61">
        <v>1</v>
      </c>
      <c r="BN32" s="61">
        <v>1</v>
      </c>
      <c r="BO32" s="62">
        <v>5</v>
      </c>
      <c r="BP32" s="63">
        <v>7</v>
      </c>
      <c r="BQ32" s="60">
        <v>1</v>
      </c>
      <c r="BR32" s="61">
        <v>0</v>
      </c>
      <c r="BS32" s="62">
        <v>1</v>
      </c>
      <c r="BT32" s="231"/>
      <c r="BU32" s="61">
        <v>1</v>
      </c>
      <c r="BV32" s="61">
        <v>4</v>
      </c>
      <c r="BW32" s="61">
        <v>2</v>
      </c>
      <c r="BX32" s="61">
        <v>2</v>
      </c>
      <c r="BY32" s="61">
        <v>0</v>
      </c>
      <c r="BZ32" s="62">
        <v>9</v>
      </c>
      <c r="CA32" s="63">
        <v>10</v>
      </c>
      <c r="CB32" s="60">
        <v>0</v>
      </c>
      <c r="CC32" s="61">
        <v>0</v>
      </c>
      <c r="CD32" s="62">
        <v>0</v>
      </c>
      <c r="CE32" s="231"/>
      <c r="CF32" s="61">
        <v>0</v>
      </c>
      <c r="CG32" s="61">
        <v>0</v>
      </c>
      <c r="CH32" s="61">
        <v>0</v>
      </c>
      <c r="CI32" s="61">
        <v>0</v>
      </c>
      <c r="CJ32" s="61">
        <v>0</v>
      </c>
      <c r="CK32" s="62">
        <v>0</v>
      </c>
      <c r="CL32" s="63">
        <v>0</v>
      </c>
      <c r="CM32" s="60">
        <v>5</v>
      </c>
      <c r="CN32" s="61">
        <v>3</v>
      </c>
      <c r="CO32" s="62">
        <v>8</v>
      </c>
      <c r="CP32" s="231"/>
      <c r="CQ32" s="61">
        <v>4</v>
      </c>
      <c r="CR32" s="61">
        <v>6</v>
      </c>
      <c r="CS32" s="61">
        <v>4</v>
      </c>
      <c r="CT32" s="61">
        <v>5</v>
      </c>
      <c r="CU32" s="61">
        <v>2</v>
      </c>
      <c r="CV32" s="62">
        <v>21</v>
      </c>
      <c r="CW32" s="63">
        <v>29</v>
      </c>
      <c r="CX32" s="113">
        <v>2</v>
      </c>
      <c r="CY32" s="72">
        <v>0</v>
      </c>
      <c r="CZ32" s="73">
        <v>2</v>
      </c>
      <c r="DA32" s="228"/>
      <c r="DB32" s="72">
        <v>0</v>
      </c>
      <c r="DC32" s="72">
        <v>1</v>
      </c>
      <c r="DD32" s="72">
        <v>1</v>
      </c>
      <c r="DE32" s="72">
        <v>1</v>
      </c>
      <c r="DF32" s="72">
        <v>1</v>
      </c>
      <c r="DG32" s="74">
        <v>4</v>
      </c>
      <c r="DH32" s="75">
        <v>6</v>
      </c>
      <c r="DI32" s="60">
        <v>0</v>
      </c>
      <c r="DJ32" s="61">
        <v>0</v>
      </c>
      <c r="DK32" s="62">
        <v>0</v>
      </c>
      <c r="DL32" s="231"/>
      <c r="DM32" s="61">
        <v>0</v>
      </c>
      <c r="DN32" s="61">
        <v>0</v>
      </c>
      <c r="DO32" s="61">
        <v>0</v>
      </c>
      <c r="DP32" s="61">
        <v>0</v>
      </c>
      <c r="DQ32" s="61">
        <v>0</v>
      </c>
      <c r="DR32" s="62">
        <v>0</v>
      </c>
      <c r="DS32" s="63">
        <v>0</v>
      </c>
      <c r="DT32" s="60">
        <v>0</v>
      </c>
      <c r="DU32" s="61">
        <v>0</v>
      </c>
      <c r="DV32" s="62">
        <v>0</v>
      </c>
      <c r="DW32" s="231"/>
      <c r="DX32" s="61">
        <v>0</v>
      </c>
      <c r="DY32" s="61">
        <v>1</v>
      </c>
      <c r="DZ32" s="61">
        <v>0</v>
      </c>
      <c r="EA32" s="61">
        <v>0</v>
      </c>
      <c r="EB32" s="61">
        <v>0</v>
      </c>
      <c r="EC32" s="62">
        <v>1</v>
      </c>
      <c r="ED32" s="63">
        <v>1</v>
      </c>
      <c r="EE32" s="60">
        <v>0</v>
      </c>
      <c r="EF32" s="61">
        <v>0</v>
      </c>
      <c r="EG32" s="62">
        <v>0</v>
      </c>
      <c r="EH32" s="231"/>
      <c r="EI32" s="61">
        <v>0</v>
      </c>
      <c r="EJ32" s="61">
        <v>0</v>
      </c>
      <c r="EK32" s="61">
        <v>0</v>
      </c>
      <c r="EL32" s="61">
        <v>0</v>
      </c>
      <c r="EM32" s="61">
        <v>0</v>
      </c>
      <c r="EN32" s="62">
        <v>0</v>
      </c>
      <c r="EO32" s="63">
        <v>0</v>
      </c>
      <c r="EP32" s="60">
        <v>2</v>
      </c>
      <c r="EQ32" s="61">
        <v>0</v>
      </c>
      <c r="ER32" s="62">
        <v>2</v>
      </c>
      <c r="ES32" s="231"/>
      <c r="ET32" s="61">
        <v>0</v>
      </c>
      <c r="EU32" s="61">
        <v>0</v>
      </c>
      <c r="EV32" s="61">
        <v>0</v>
      </c>
      <c r="EW32" s="61">
        <v>0</v>
      </c>
      <c r="EX32" s="61">
        <v>0</v>
      </c>
      <c r="EY32" s="62">
        <v>0</v>
      </c>
      <c r="EZ32" s="63">
        <v>2</v>
      </c>
      <c r="FA32" s="60">
        <v>0</v>
      </c>
      <c r="FB32" s="61">
        <v>0</v>
      </c>
      <c r="FC32" s="62">
        <v>0</v>
      </c>
      <c r="FD32" s="231"/>
      <c r="FE32" s="61">
        <v>0</v>
      </c>
      <c r="FF32" s="61">
        <v>0</v>
      </c>
      <c r="FG32" s="61">
        <v>0</v>
      </c>
      <c r="FH32" s="61">
        <v>0</v>
      </c>
      <c r="FI32" s="61">
        <v>1</v>
      </c>
      <c r="FJ32" s="62">
        <v>1</v>
      </c>
      <c r="FK32" s="63">
        <v>1</v>
      </c>
      <c r="FL32" s="60">
        <v>0</v>
      </c>
      <c r="FM32" s="61">
        <v>0</v>
      </c>
      <c r="FN32" s="62">
        <v>0</v>
      </c>
      <c r="FO32" s="231"/>
      <c r="FP32" s="61">
        <v>0</v>
      </c>
      <c r="FQ32" s="61">
        <v>0</v>
      </c>
      <c r="FR32" s="61">
        <v>1</v>
      </c>
      <c r="FS32" s="61">
        <v>1</v>
      </c>
      <c r="FT32" s="61">
        <v>0</v>
      </c>
      <c r="FU32" s="62">
        <v>2</v>
      </c>
      <c r="FV32" s="63">
        <v>2</v>
      </c>
      <c r="FW32" s="60">
        <v>0</v>
      </c>
      <c r="FX32" s="61">
        <v>0</v>
      </c>
      <c r="FY32" s="62">
        <v>0</v>
      </c>
      <c r="FZ32" s="231"/>
      <c r="GA32" s="61">
        <v>0</v>
      </c>
      <c r="GB32" s="61">
        <v>0</v>
      </c>
      <c r="GC32" s="61">
        <v>0</v>
      </c>
      <c r="GD32" s="61">
        <v>0</v>
      </c>
      <c r="GE32" s="61">
        <v>0</v>
      </c>
      <c r="GF32" s="62">
        <v>0</v>
      </c>
      <c r="GG32" s="63">
        <v>0</v>
      </c>
      <c r="GH32" s="60">
        <v>2</v>
      </c>
      <c r="GI32" s="61">
        <v>0</v>
      </c>
      <c r="GJ32" s="62">
        <v>2</v>
      </c>
      <c r="GK32" s="231"/>
      <c r="GL32" s="61">
        <v>0</v>
      </c>
      <c r="GM32" s="61">
        <v>1</v>
      </c>
      <c r="GN32" s="61">
        <v>1</v>
      </c>
      <c r="GO32" s="61">
        <v>1</v>
      </c>
      <c r="GP32" s="61">
        <v>1</v>
      </c>
      <c r="GQ32" s="62">
        <v>4</v>
      </c>
      <c r="GR32" s="63">
        <v>6</v>
      </c>
      <c r="GS32" s="113">
        <v>7</v>
      </c>
      <c r="GT32" s="72">
        <v>3</v>
      </c>
      <c r="GU32" s="73">
        <v>10</v>
      </c>
      <c r="GV32" s="228"/>
      <c r="GW32" s="72">
        <v>4</v>
      </c>
      <c r="GX32" s="72">
        <v>7</v>
      </c>
      <c r="GY32" s="72">
        <v>5</v>
      </c>
      <c r="GZ32" s="72">
        <v>6</v>
      </c>
      <c r="HA32" s="72">
        <v>3</v>
      </c>
      <c r="HB32" s="74">
        <v>25</v>
      </c>
      <c r="HC32" s="75">
        <v>35</v>
      </c>
      <c r="HD32" s="60">
        <v>0</v>
      </c>
      <c r="HE32" s="61">
        <v>0</v>
      </c>
      <c r="HF32" s="62">
        <v>0</v>
      </c>
      <c r="HG32" s="231"/>
      <c r="HH32" s="61">
        <v>0</v>
      </c>
      <c r="HI32" s="61">
        <v>0</v>
      </c>
      <c r="HJ32" s="61">
        <v>0</v>
      </c>
      <c r="HK32" s="61">
        <v>0</v>
      </c>
      <c r="HL32" s="61">
        <v>0</v>
      </c>
      <c r="HM32" s="62">
        <v>0</v>
      </c>
      <c r="HN32" s="63">
        <v>0</v>
      </c>
      <c r="HO32" s="60">
        <v>0</v>
      </c>
      <c r="HP32" s="61">
        <v>0</v>
      </c>
      <c r="HQ32" s="62">
        <v>0</v>
      </c>
      <c r="HR32" s="231"/>
      <c r="HS32" s="61">
        <v>0</v>
      </c>
      <c r="HT32" s="61">
        <v>1</v>
      </c>
      <c r="HU32" s="61">
        <v>0</v>
      </c>
      <c r="HV32" s="61">
        <v>0</v>
      </c>
      <c r="HW32" s="61">
        <v>0</v>
      </c>
      <c r="HX32" s="62">
        <v>1</v>
      </c>
      <c r="HY32" s="63">
        <v>1</v>
      </c>
      <c r="HZ32" s="60">
        <v>1</v>
      </c>
      <c r="IA32" s="61">
        <v>0</v>
      </c>
      <c r="IB32" s="62">
        <v>1</v>
      </c>
      <c r="IC32" s="231"/>
      <c r="ID32" s="61">
        <v>1</v>
      </c>
      <c r="IE32" s="61">
        <v>0</v>
      </c>
      <c r="IF32" s="61">
        <v>1</v>
      </c>
      <c r="IG32" s="61">
        <v>1</v>
      </c>
      <c r="IH32" s="61">
        <v>1</v>
      </c>
      <c r="II32" s="62">
        <v>4</v>
      </c>
      <c r="IJ32" s="63">
        <v>5</v>
      </c>
      <c r="IK32" s="60">
        <v>4</v>
      </c>
      <c r="IL32" s="61">
        <v>2</v>
      </c>
      <c r="IM32" s="62">
        <v>6</v>
      </c>
      <c r="IN32" s="231"/>
      <c r="IO32" s="61">
        <v>1</v>
      </c>
      <c r="IP32" s="61">
        <v>1</v>
      </c>
      <c r="IQ32" s="61">
        <v>0</v>
      </c>
      <c r="IR32" s="61">
        <v>1</v>
      </c>
      <c r="IS32" s="61">
        <v>0</v>
      </c>
      <c r="IT32" s="62">
        <v>3</v>
      </c>
      <c r="IU32" s="63">
        <v>9</v>
      </c>
      <c r="IV32" s="60">
        <v>1</v>
      </c>
      <c r="IW32" s="61">
        <v>1</v>
      </c>
      <c r="IX32" s="62">
        <v>2</v>
      </c>
      <c r="IY32" s="231"/>
      <c r="IZ32" s="61">
        <v>1</v>
      </c>
      <c r="JA32" s="61">
        <v>1</v>
      </c>
      <c r="JB32" s="61">
        <v>1</v>
      </c>
      <c r="JC32" s="61">
        <v>1</v>
      </c>
      <c r="JD32" s="61">
        <v>2</v>
      </c>
      <c r="JE32" s="62">
        <v>6</v>
      </c>
      <c r="JF32" s="63">
        <v>8</v>
      </c>
      <c r="JG32" s="60">
        <v>1</v>
      </c>
      <c r="JH32" s="61">
        <v>0</v>
      </c>
      <c r="JI32" s="62">
        <v>1</v>
      </c>
      <c r="JJ32" s="231"/>
      <c r="JK32" s="61">
        <v>1</v>
      </c>
      <c r="JL32" s="61">
        <v>4</v>
      </c>
      <c r="JM32" s="61">
        <v>3</v>
      </c>
      <c r="JN32" s="61">
        <v>3</v>
      </c>
      <c r="JO32" s="61">
        <v>0</v>
      </c>
      <c r="JP32" s="62">
        <v>11</v>
      </c>
      <c r="JQ32" s="63">
        <v>12</v>
      </c>
      <c r="JR32" s="60">
        <v>0</v>
      </c>
      <c r="JS32" s="61">
        <v>0</v>
      </c>
      <c r="JT32" s="62">
        <v>0</v>
      </c>
      <c r="JU32" s="231"/>
      <c r="JV32" s="61">
        <v>0</v>
      </c>
      <c r="JW32" s="61">
        <v>0</v>
      </c>
      <c r="JX32" s="61">
        <v>0</v>
      </c>
      <c r="JY32" s="61">
        <v>0</v>
      </c>
      <c r="JZ32" s="61">
        <v>0</v>
      </c>
      <c r="KA32" s="62">
        <v>0</v>
      </c>
      <c r="KB32" s="63">
        <v>0</v>
      </c>
      <c r="KC32" s="60">
        <v>7</v>
      </c>
      <c r="KD32" s="61">
        <v>3</v>
      </c>
      <c r="KE32" s="62">
        <v>10</v>
      </c>
      <c r="KF32" s="231"/>
      <c r="KG32" s="61">
        <v>4</v>
      </c>
      <c r="KH32" s="61">
        <v>7</v>
      </c>
      <c r="KI32" s="61">
        <v>5</v>
      </c>
      <c r="KJ32" s="61">
        <v>6</v>
      </c>
      <c r="KK32" s="61">
        <v>3</v>
      </c>
      <c r="KL32" s="62">
        <v>25</v>
      </c>
      <c r="KM32" s="63">
        <v>35</v>
      </c>
    </row>
    <row r="33" spans="2:299" ht="21" customHeight="1" x14ac:dyDescent="0.2">
      <c r="B33" s="472" t="s">
        <v>30</v>
      </c>
      <c r="C33" s="293">
        <v>4</v>
      </c>
      <c r="D33" s="72">
        <v>3</v>
      </c>
      <c r="E33" s="73">
        <v>7</v>
      </c>
      <c r="F33" s="228"/>
      <c r="G33" s="72">
        <v>4</v>
      </c>
      <c r="H33" s="72">
        <v>2</v>
      </c>
      <c r="I33" s="72">
        <v>3</v>
      </c>
      <c r="J33" s="72">
        <v>7</v>
      </c>
      <c r="K33" s="72">
        <v>1</v>
      </c>
      <c r="L33" s="74">
        <v>17</v>
      </c>
      <c r="M33" s="75">
        <v>24</v>
      </c>
      <c r="N33" s="60">
        <v>0</v>
      </c>
      <c r="O33" s="61">
        <v>0</v>
      </c>
      <c r="P33" s="62">
        <v>0</v>
      </c>
      <c r="Q33" s="231"/>
      <c r="R33" s="61">
        <v>0</v>
      </c>
      <c r="S33" s="61">
        <v>0</v>
      </c>
      <c r="T33" s="61">
        <v>0</v>
      </c>
      <c r="U33" s="61">
        <v>0</v>
      </c>
      <c r="V33" s="61">
        <v>0</v>
      </c>
      <c r="W33" s="62">
        <v>0</v>
      </c>
      <c r="X33" s="63">
        <v>0</v>
      </c>
      <c r="Y33" s="60">
        <v>1</v>
      </c>
      <c r="Z33" s="61">
        <v>0</v>
      </c>
      <c r="AA33" s="62">
        <v>1</v>
      </c>
      <c r="AB33" s="231"/>
      <c r="AC33" s="61">
        <v>0</v>
      </c>
      <c r="AD33" s="61">
        <v>0</v>
      </c>
      <c r="AE33" s="61">
        <v>0</v>
      </c>
      <c r="AF33" s="61">
        <v>0</v>
      </c>
      <c r="AG33" s="61">
        <v>1</v>
      </c>
      <c r="AH33" s="62">
        <v>1</v>
      </c>
      <c r="AI33" s="63">
        <v>2</v>
      </c>
      <c r="AJ33" s="60">
        <v>0</v>
      </c>
      <c r="AK33" s="61">
        <v>0</v>
      </c>
      <c r="AL33" s="62">
        <v>0</v>
      </c>
      <c r="AM33" s="231"/>
      <c r="AN33" s="61">
        <v>0</v>
      </c>
      <c r="AO33" s="61">
        <v>0</v>
      </c>
      <c r="AP33" s="61">
        <v>0</v>
      </c>
      <c r="AQ33" s="61">
        <v>0</v>
      </c>
      <c r="AR33" s="61">
        <v>0</v>
      </c>
      <c r="AS33" s="62">
        <v>0</v>
      </c>
      <c r="AT33" s="63">
        <v>0</v>
      </c>
      <c r="AU33" s="60">
        <v>0</v>
      </c>
      <c r="AV33" s="61">
        <v>1</v>
      </c>
      <c r="AW33" s="62">
        <v>1</v>
      </c>
      <c r="AX33" s="231"/>
      <c r="AY33" s="61">
        <v>1</v>
      </c>
      <c r="AZ33" s="61">
        <v>0</v>
      </c>
      <c r="BA33" s="61">
        <v>1</v>
      </c>
      <c r="BB33" s="61">
        <v>1</v>
      </c>
      <c r="BC33" s="61">
        <v>0</v>
      </c>
      <c r="BD33" s="62">
        <v>3</v>
      </c>
      <c r="BE33" s="63">
        <v>4</v>
      </c>
      <c r="BF33" s="60">
        <v>2</v>
      </c>
      <c r="BG33" s="61">
        <v>1</v>
      </c>
      <c r="BH33" s="62">
        <v>3</v>
      </c>
      <c r="BI33" s="231"/>
      <c r="BJ33" s="61">
        <v>1</v>
      </c>
      <c r="BK33" s="61">
        <v>1</v>
      </c>
      <c r="BL33" s="61">
        <v>0</v>
      </c>
      <c r="BM33" s="61">
        <v>1</v>
      </c>
      <c r="BN33" s="61">
        <v>0</v>
      </c>
      <c r="BO33" s="62">
        <v>3</v>
      </c>
      <c r="BP33" s="63">
        <v>6</v>
      </c>
      <c r="BQ33" s="60">
        <v>1</v>
      </c>
      <c r="BR33" s="61">
        <v>1</v>
      </c>
      <c r="BS33" s="62">
        <v>2</v>
      </c>
      <c r="BT33" s="231"/>
      <c r="BU33" s="61">
        <v>2</v>
      </c>
      <c r="BV33" s="61">
        <v>1</v>
      </c>
      <c r="BW33" s="61">
        <v>2</v>
      </c>
      <c r="BX33" s="61">
        <v>5</v>
      </c>
      <c r="BY33" s="61">
        <v>0</v>
      </c>
      <c r="BZ33" s="62">
        <v>10</v>
      </c>
      <c r="CA33" s="63">
        <v>12</v>
      </c>
      <c r="CB33" s="60">
        <v>0</v>
      </c>
      <c r="CC33" s="61">
        <v>0</v>
      </c>
      <c r="CD33" s="62">
        <v>0</v>
      </c>
      <c r="CE33" s="231"/>
      <c r="CF33" s="61">
        <v>0</v>
      </c>
      <c r="CG33" s="61">
        <v>0</v>
      </c>
      <c r="CH33" s="61">
        <v>0</v>
      </c>
      <c r="CI33" s="61">
        <v>0</v>
      </c>
      <c r="CJ33" s="61">
        <v>0</v>
      </c>
      <c r="CK33" s="62">
        <v>0</v>
      </c>
      <c r="CL33" s="63">
        <v>0</v>
      </c>
      <c r="CM33" s="60">
        <v>4</v>
      </c>
      <c r="CN33" s="61">
        <v>3</v>
      </c>
      <c r="CO33" s="62">
        <v>7</v>
      </c>
      <c r="CP33" s="231"/>
      <c r="CQ33" s="61">
        <v>4</v>
      </c>
      <c r="CR33" s="61">
        <v>2</v>
      </c>
      <c r="CS33" s="61">
        <v>3</v>
      </c>
      <c r="CT33" s="61">
        <v>7</v>
      </c>
      <c r="CU33" s="61">
        <v>1</v>
      </c>
      <c r="CV33" s="62">
        <v>17</v>
      </c>
      <c r="CW33" s="63">
        <v>24</v>
      </c>
      <c r="CX33" s="113">
        <v>0</v>
      </c>
      <c r="CY33" s="72">
        <v>1</v>
      </c>
      <c r="CZ33" s="73">
        <v>1</v>
      </c>
      <c r="DA33" s="228"/>
      <c r="DB33" s="72">
        <v>2</v>
      </c>
      <c r="DC33" s="72">
        <v>1</v>
      </c>
      <c r="DD33" s="72">
        <v>1</v>
      </c>
      <c r="DE33" s="72">
        <v>1</v>
      </c>
      <c r="DF33" s="72">
        <v>1</v>
      </c>
      <c r="DG33" s="74">
        <v>6</v>
      </c>
      <c r="DH33" s="75">
        <v>7</v>
      </c>
      <c r="DI33" s="60">
        <v>0</v>
      </c>
      <c r="DJ33" s="61">
        <v>0</v>
      </c>
      <c r="DK33" s="62">
        <v>0</v>
      </c>
      <c r="DL33" s="231"/>
      <c r="DM33" s="61">
        <v>0</v>
      </c>
      <c r="DN33" s="61">
        <v>0</v>
      </c>
      <c r="DO33" s="61">
        <v>0</v>
      </c>
      <c r="DP33" s="61">
        <v>0</v>
      </c>
      <c r="DQ33" s="61">
        <v>0</v>
      </c>
      <c r="DR33" s="62">
        <v>0</v>
      </c>
      <c r="DS33" s="63">
        <v>0</v>
      </c>
      <c r="DT33" s="60">
        <v>0</v>
      </c>
      <c r="DU33" s="61">
        <v>0</v>
      </c>
      <c r="DV33" s="62">
        <v>0</v>
      </c>
      <c r="DW33" s="231"/>
      <c r="DX33" s="61">
        <v>0</v>
      </c>
      <c r="DY33" s="61">
        <v>0</v>
      </c>
      <c r="DZ33" s="61">
        <v>0</v>
      </c>
      <c r="EA33" s="61">
        <v>0</v>
      </c>
      <c r="EB33" s="61">
        <v>0</v>
      </c>
      <c r="EC33" s="62">
        <v>0</v>
      </c>
      <c r="ED33" s="63">
        <v>0</v>
      </c>
      <c r="EE33" s="60">
        <v>0</v>
      </c>
      <c r="EF33" s="61">
        <v>0</v>
      </c>
      <c r="EG33" s="62">
        <v>0</v>
      </c>
      <c r="EH33" s="231"/>
      <c r="EI33" s="61">
        <v>0</v>
      </c>
      <c r="EJ33" s="61">
        <v>0</v>
      </c>
      <c r="EK33" s="61">
        <v>0</v>
      </c>
      <c r="EL33" s="61">
        <v>0</v>
      </c>
      <c r="EM33" s="61">
        <v>0</v>
      </c>
      <c r="EN33" s="62">
        <v>0</v>
      </c>
      <c r="EO33" s="63">
        <v>0</v>
      </c>
      <c r="EP33" s="60">
        <v>0</v>
      </c>
      <c r="EQ33" s="61">
        <v>0</v>
      </c>
      <c r="ER33" s="62">
        <v>0</v>
      </c>
      <c r="ES33" s="231"/>
      <c r="ET33" s="61">
        <v>1</v>
      </c>
      <c r="EU33" s="61">
        <v>1</v>
      </c>
      <c r="EV33" s="61">
        <v>0</v>
      </c>
      <c r="EW33" s="61">
        <v>0</v>
      </c>
      <c r="EX33" s="61">
        <v>0</v>
      </c>
      <c r="EY33" s="62">
        <v>2</v>
      </c>
      <c r="EZ33" s="63">
        <v>2</v>
      </c>
      <c r="FA33" s="60">
        <v>0</v>
      </c>
      <c r="FB33" s="61">
        <v>1</v>
      </c>
      <c r="FC33" s="62">
        <v>1</v>
      </c>
      <c r="FD33" s="231"/>
      <c r="FE33" s="61">
        <v>1</v>
      </c>
      <c r="FF33" s="61">
        <v>0</v>
      </c>
      <c r="FG33" s="61">
        <v>0</v>
      </c>
      <c r="FH33" s="61">
        <v>0</v>
      </c>
      <c r="FI33" s="61">
        <v>1</v>
      </c>
      <c r="FJ33" s="62">
        <v>2</v>
      </c>
      <c r="FK33" s="63">
        <v>3</v>
      </c>
      <c r="FL33" s="60">
        <v>0</v>
      </c>
      <c r="FM33" s="61">
        <v>0</v>
      </c>
      <c r="FN33" s="62">
        <v>0</v>
      </c>
      <c r="FO33" s="231"/>
      <c r="FP33" s="61">
        <v>0</v>
      </c>
      <c r="FQ33" s="61">
        <v>0</v>
      </c>
      <c r="FR33" s="61">
        <v>1</v>
      </c>
      <c r="FS33" s="61">
        <v>1</v>
      </c>
      <c r="FT33" s="61">
        <v>0</v>
      </c>
      <c r="FU33" s="62">
        <v>2</v>
      </c>
      <c r="FV33" s="63">
        <v>2</v>
      </c>
      <c r="FW33" s="60">
        <v>0</v>
      </c>
      <c r="FX33" s="61">
        <v>0</v>
      </c>
      <c r="FY33" s="62">
        <v>0</v>
      </c>
      <c r="FZ33" s="231"/>
      <c r="GA33" s="61">
        <v>0</v>
      </c>
      <c r="GB33" s="61">
        <v>0</v>
      </c>
      <c r="GC33" s="61">
        <v>0</v>
      </c>
      <c r="GD33" s="61">
        <v>0</v>
      </c>
      <c r="GE33" s="61">
        <v>0</v>
      </c>
      <c r="GF33" s="62">
        <v>0</v>
      </c>
      <c r="GG33" s="63">
        <v>0</v>
      </c>
      <c r="GH33" s="60">
        <v>0</v>
      </c>
      <c r="GI33" s="61">
        <v>1</v>
      </c>
      <c r="GJ33" s="62">
        <v>1</v>
      </c>
      <c r="GK33" s="231"/>
      <c r="GL33" s="61">
        <v>2</v>
      </c>
      <c r="GM33" s="61">
        <v>1</v>
      </c>
      <c r="GN33" s="61">
        <v>1</v>
      </c>
      <c r="GO33" s="61">
        <v>1</v>
      </c>
      <c r="GP33" s="61">
        <v>1</v>
      </c>
      <c r="GQ33" s="62">
        <v>6</v>
      </c>
      <c r="GR33" s="63">
        <v>7</v>
      </c>
      <c r="GS33" s="113">
        <v>4</v>
      </c>
      <c r="GT33" s="72">
        <v>4</v>
      </c>
      <c r="GU33" s="73">
        <v>8</v>
      </c>
      <c r="GV33" s="228"/>
      <c r="GW33" s="72">
        <v>6</v>
      </c>
      <c r="GX33" s="72">
        <v>3</v>
      </c>
      <c r="GY33" s="72">
        <v>4</v>
      </c>
      <c r="GZ33" s="72">
        <v>8</v>
      </c>
      <c r="HA33" s="72">
        <v>2</v>
      </c>
      <c r="HB33" s="74">
        <v>23</v>
      </c>
      <c r="HC33" s="75">
        <v>31</v>
      </c>
      <c r="HD33" s="60">
        <v>0</v>
      </c>
      <c r="HE33" s="61">
        <v>0</v>
      </c>
      <c r="HF33" s="62">
        <v>0</v>
      </c>
      <c r="HG33" s="231"/>
      <c r="HH33" s="61">
        <v>0</v>
      </c>
      <c r="HI33" s="61">
        <v>0</v>
      </c>
      <c r="HJ33" s="61">
        <v>0</v>
      </c>
      <c r="HK33" s="61">
        <v>0</v>
      </c>
      <c r="HL33" s="61">
        <v>0</v>
      </c>
      <c r="HM33" s="62">
        <v>0</v>
      </c>
      <c r="HN33" s="63">
        <v>0</v>
      </c>
      <c r="HO33" s="60">
        <v>1</v>
      </c>
      <c r="HP33" s="61">
        <v>0</v>
      </c>
      <c r="HQ33" s="62">
        <v>1</v>
      </c>
      <c r="HR33" s="231"/>
      <c r="HS33" s="61">
        <v>0</v>
      </c>
      <c r="HT33" s="61">
        <v>0</v>
      </c>
      <c r="HU33" s="61">
        <v>0</v>
      </c>
      <c r="HV33" s="61">
        <v>0</v>
      </c>
      <c r="HW33" s="61">
        <v>1</v>
      </c>
      <c r="HX33" s="62">
        <v>1</v>
      </c>
      <c r="HY33" s="63">
        <v>2</v>
      </c>
      <c r="HZ33" s="60">
        <v>0</v>
      </c>
      <c r="IA33" s="61">
        <v>0</v>
      </c>
      <c r="IB33" s="62">
        <v>0</v>
      </c>
      <c r="IC33" s="231"/>
      <c r="ID33" s="61">
        <v>0</v>
      </c>
      <c r="IE33" s="61">
        <v>0</v>
      </c>
      <c r="IF33" s="61">
        <v>0</v>
      </c>
      <c r="IG33" s="61">
        <v>0</v>
      </c>
      <c r="IH33" s="61">
        <v>0</v>
      </c>
      <c r="II33" s="62">
        <v>0</v>
      </c>
      <c r="IJ33" s="63">
        <v>0</v>
      </c>
      <c r="IK33" s="60">
        <v>0</v>
      </c>
      <c r="IL33" s="61">
        <v>1</v>
      </c>
      <c r="IM33" s="62">
        <v>1</v>
      </c>
      <c r="IN33" s="231"/>
      <c r="IO33" s="61">
        <v>2</v>
      </c>
      <c r="IP33" s="61">
        <v>1</v>
      </c>
      <c r="IQ33" s="61">
        <v>1</v>
      </c>
      <c r="IR33" s="61">
        <v>1</v>
      </c>
      <c r="IS33" s="61">
        <v>0</v>
      </c>
      <c r="IT33" s="62">
        <v>5</v>
      </c>
      <c r="IU33" s="63">
        <v>6</v>
      </c>
      <c r="IV33" s="60">
        <v>2</v>
      </c>
      <c r="IW33" s="61">
        <v>2</v>
      </c>
      <c r="IX33" s="62">
        <v>4</v>
      </c>
      <c r="IY33" s="231"/>
      <c r="IZ33" s="61">
        <v>2</v>
      </c>
      <c r="JA33" s="61">
        <v>1</v>
      </c>
      <c r="JB33" s="61">
        <v>0</v>
      </c>
      <c r="JC33" s="61">
        <v>1</v>
      </c>
      <c r="JD33" s="61">
        <v>1</v>
      </c>
      <c r="JE33" s="62">
        <v>5</v>
      </c>
      <c r="JF33" s="63">
        <v>9</v>
      </c>
      <c r="JG33" s="60">
        <v>1</v>
      </c>
      <c r="JH33" s="61">
        <v>1</v>
      </c>
      <c r="JI33" s="62">
        <v>2</v>
      </c>
      <c r="JJ33" s="231"/>
      <c r="JK33" s="61">
        <v>2</v>
      </c>
      <c r="JL33" s="61">
        <v>1</v>
      </c>
      <c r="JM33" s="61">
        <v>3</v>
      </c>
      <c r="JN33" s="61">
        <v>6</v>
      </c>
      <c r="JO33" s="61">
        <v>0</v>
      </c>
      <c r="JP33" s="62">
        <v>12</v>
      </c>
      <c r="JQ33" s="63">
        <v>14</v>
      </c>
      <c r="JR33" s="60">
        <v>0</v>
      </c>
      <c r="JS33" s="61">
        <v>0</v>
      </c>
      <c r="JT33" s="62">
        <v>0</v>
      </c>
      <c r="JU33" s="231"/>
      <c r="JV33" s="61">
        <v>0</v>
      </c>
      <c r="JW33" s="61">
        <v>0</v>
      </c>
      <c r="JX33" s="61">
        <v>0</v>
      </c>
      <c r="JY33" s="61">
        <v>0</v>
      </c>
      <c r="JZ33" s="61">
        <v>0</v>
      </c>
      <c r="KA33" s="62">
        <v>0</v>
      </c>
      <c r="KB33" s="63">
        <v>0</v>
      </c>
      <c r="KC33" s="60">
        <v>4</v>
      </c>
      <c r="KD33" s="61">
        <v>4</v>
      </c>
      <c r="KE33" s="62">
        <v>8</v>
      </c>
      <c r="KF33" s="231"/>
      <c r="KG33" s="61">
        <v>6</v>
      </c>
      <c r="KH33" s="61">
        <v>3</v>
      </c>
      <c r="KI33" s="61">
        <v>4</v>
      </c>
      <c r="KJ33" s="61">
        <v>8</v>
      </c>
      <c r="KK33" s="61">
        <v>2</v>
      </c>
      <c r="KL33" s="62">
        <v>23</v>
      </c>
      <c r="KM33" s="63">
        <v>31</v>
      </c>
    </row>
    <row r="34" spans="2:299" ht="21" customHeight="1" x14ac:dyDescent="0.2">
      <c r="B34" s="472" t="s">
        <v>31</v>
      </c>
      <c r="C34" s="293">
        <v>3</v>
      </c>
      <c r="D34" s="72">
        <v>5</v>
      </c>
      <c r="E34" s="73">
        <v>8</v>
      </c>
      <c r="F34" s="228"/>
      <c r="G34" s="72">
        <v>7</v>
      </c>
      <c r="H34" s="72">
        <v>6</v>
      </c>
      <c r="I34" s="72">
        <v>8</v>
      </c>
      <c r="J34" s="72">
        <v>2</v>
      </c>
      <c r="K34" s="72">
        <v>0</v>
      </c>
      <c r="L34" s="74">
        <v>23</v>
      </c>
      <c r="M34" s="75">
        <v>31</v>
      </c>
      <c r="N34" s="60">
        <v>0</v>
      </c>
      <c r="O34" s="61">
        <v>0</v>
      </c>
      <c r="P34" s="62">
        <v>0</v>
      </c>
      <c r="Q34" s="231"/>
      <c r="R34" s="61">
        <v>1</v>
      </c>
      <c r="S34" s="61">
        <v>0</v>
      </c>
      <c r="T34" s="61">
        <v>0</v>
      </c>
      <c r="U34" s="61">
        <v>0</v>
      </c>
      <c r="V34" s="61">
        <v>0</v>
      </c>
      <c r="W34" s="62">
        <v>1</v>
      </c>
      <c r="X34" s="63">
        <v>1</v>
      </c>
      <c r="Y34" s="60">
        <v>0</v>
      </c>
      <c r="Z34" s="61">
        <v>0</v>
      </c>
      <c r="AA34" s="62">
        <v>0</v>
      </c>
      <c r="AB34" s="231"/>
      <c r="AC34" s="61">
        <v>0</v>
      </c>
      <c r="AD34" s="61">
        <v>0</v>
      </c>
      <c r="AE34" s="61">
        <v>0</v>
      </c>
      <c r="AF34" s="61">
        <v>0</v>
      </c>
      <c r="AG34" s="61">
        <v>0</v>
      </c>
      <c r="AH34" s="62">
        <v>0</v>
      </c>
      <c r="AI34" s="63">
        <v>0</v>
      </c>
      <c r="AJ34" s="60">
        <v>0</v>
      </c>
      <c r="AK34" s="61">
        <v>1</v>
      </c>
      <c r="AL34" s="62">
        <v>1</v>
      </c>
      <c r="AM34" s="231"/>
      <c r="AN34" s="61">
        <v>0</v>
      </c>
      <c r="AO34" s="61">
        <v>0</v>
      </c>
      <c r="AP34" s="61">
        <v>1</v>
      </c>
      <c r="AQ34" s="61">
        <v>0</v>
      </c>
      <c r="AR34" s="61">
        <v>0</v>
      </c>
      <c r="AS34" s="62">
        <v>1</v>
      </c>
      <c r="AT34" s="63">
        <v>2</v>
      </c>
      <c r="AU34" s="60">
        <v>0</v>
      </c>
      <c r="AV34" s="61">
        <v>1</v>
      </c>
      <c r="AW34" s="62">
        <v>1</v>
      </c>
      <c r="AX34" s="231"/>
      <c r="AY34" s="61">
        <v>1</v>
      </c>
      <c r="AZ34" s="61">
        <v>1</v>
      </c>
      <c r="BA34" s="61">
        <v>1</v>
      </c>
      <c r="BB34" s="61">
        <v>1</v>
      </c>
      <c r="BC34" s="61">
        <v>0</v>
      </c>
      <c r="BD34" s="62">
        <v>4</v>
      </c>
      <c r="BE34" s="63">
        <v>5</v>
      </c>
      <c r="BF34" s="60">
        <v>0</v>
      </c>
      <c r="BG34" s="61">
        <v>2</v>
      </c>
      <c r="BH34" s="62">
        <v>2</v>
      </c>
      <c r="BI34" s="231"/>
      <c r="BJ34" s="61">
        <v>3</v>
      </c>
      <c r="BK34" s="61">
        <v>2</v>
      </c>
      <c r="BL34" s="61">
        <v>1</v>
      </c>
      <c r="BM34" s="61">
        <v>1</v>
      </c>
      <c r="BN34" s="61">
        <v>0</v>
      </c>
      <c r="BO34" s="62">
        <v>7</v>
      </c>
      <c r="BP34" s="63">
        <v>9</v>
      </c>
      <c r="BQ34" s="60">
        <v>3</v>
      </c>
      <c r="BR34" s="61">
        <v>1</v>
      </c>
      <c r="BS34" s="62">
        <v>4</v>
      </c>
      <c r="BT34" s="231"/>
      <c r="BU34" s="61">
        <v>2</v>
      </c>
      <c r="BV34" s="61">
        <v>3</v>
      </c>
      <c r="BW34" s="61">
        <v>5</v>
      </c>
      <c r="BX34" s="61">
        <v>0</v>
      </c>
      <c r="BY34" s="61">
        <v>0</v>
      </c>
      <c r="BZ34" s="62">
        <v>10</v>
      </c>
      <c r="CA34" s="63">
        <v>14</v>
      </c>
      <c r="CB34" s="60">
        <v>0</v>
      </c>
      <c r="CC34" s="61">
        <v>0</v>
      </c>
      <c r="CD34" s="62">
        <v>0</v>
      </c>
      <c r="CE34" s="231"/>
      <c r="CF34" s="61">
        <v>0</v>
      </c>
      <c r="CG34" s="61">
        <v>0</v>
      </c>
      <c r="CH34" s="61">
        <v>0</v>
      </c>
      <c r="CI34" s="61">
        <v>0</v>
      </c>
      <c r="CJ34" s="61">
        <v>0</v>
      </c>
      <c r="CK34" s="62">
        <v>0</v>
      </c>
      <c r="CL34" s="63">
        <v>0</v>
      </c>
      <c r="CM34" s="60">
        <v>3</v>
      </c>
      <c r="CN34" s="61">
        <v>5</v>
      </c>
      <c r="CO34" s="62">
        <v>8</v>
      </c>
      <c r="CP34" s="231"/>
      <c r="CQ34" s="61">
        <v>7</v>
      </c>
      <c r="CR34" s="61">
        <v>6</v>
      </c>
      <c r="CS34" s="61">
        <v>8</v>
      </c>
      <c r="CT34" s="61">
        <v>2</v>
      </c>
      <c r="CU34" s="61">
        <v>0</v>
      </c>
      <c r="CV34" s="62">
        <v>23</v>
      </c>
      <c r="CW34" s="63">
        <v>31</v>
      </c>
      <c r="CX34" s="113">
        <v>3</v>
      </c>
      <c r="CY34" s="72">
        <v>0</v>
      </c>
      <c r="CZ34" s="73">
        <v>3</v>
      </c>
      <c r="DA34" s="228"/>
      <c r="DB34" s="72">
        <v>0</v>
      </c>
      <c r="DC34" s="72">
        <v>1</v>
      </c>
      <c r="DD34" s="72">
        <v>0</v>
      </c>
      <c r="DE34" s="72">
        <v>1</v>
      </c>
      <c r="DF34" s="72">
        <v>1</v>
      </c>
      <c r="DG34" s="74">
        <v>3</v>
      </c>
      <c r="DH34" s="75">
        <v>6</v>
      </c>
      <c r="DI34" s="60">
        <v>0</v>
      </c>
      <c r="DJ34" s="61">
        <v>0</v>
      </c>
      <c r="DK34" s="62">
        <v>0</v>
      </c>
      <c r="DL34" s="231"/>
      <c r="DM34" s="61">
        <v>0</v>
      </c>
      <c r="DN34" s="61">
        <v>0</v>
      </c>
      <c r="DO34" s="61">
        <v>0</v>
      </c>
      <c r="DP34" s="61">
        <v>0</v>
      </c>
      <c r="DQ34" s="61">
        <v>0</v>
      </c>
      <c r="DR34" s="62">
        <v>0</v>
      </c>
      <c r="DS34" s="63">
        <v>0</v>
      </c>
      <c r="DT34" s="60">
        <v>0</v>
      </c>
      <c r="DU34" s="61">
        <v>0</v>
      </c>
      <c r="DV34" s="62">
        <v>0</v>
      </c>
      <c r="DW34" s="231"/>
      <c r="DX34" s="61">
        <v>0</v>
      </c>
      <c r="DY34" s="61">
        <v>0</v>
      </c>
      <c r="DZ34" s="61">
        <v>0</v>
      </c>
      <c r="EA34" s="61">
        <v>0</v>
      </c>
      <c r="EB34" s="61">
        <v>0</v>
      </c>
      <c r="EC34" s="62">
        <v>0</v>
      </c>
      <c r="ED34" s="63">
        <v>0</v>
      </c>
      <c r="EE34" s="60">
        <v>0</v>
      </c>
      <c r="EF34" s="61">
        <v>0</v>
      </c>
      <c r="EG34" s="62">
        <v>0</v>
      </c>
      <c r="EH34" s="231"/>
      <c r="EI34" s="61">
        <v>0</v>
      </c>
      <c r="EJ34" s="61">
        <v>0</v>
      </c>
      <c r="EK34" s="61">
        <v>0</v>
      </c>
      <c r="EL34" s="61">
        <v>0</v>
      </c>
      <c r="EM34" s="61">
        <v>0</v>
      </c>
      <c r="EN34" s="62">
        <v>0</v>
      </c>
      <c r="EO34" s="63">
        <v>0</v>
      </c>
      <c r="EP34" s="60">
        <v>1</v>
      </c>
      <c r="EQ34" s="61">
        <v>0</v>
      </c>
      <c r="ER34" s="62">
        <v>1</v>
      </c>
      <c r="ES34" s="231"/>
      <c r="ET34" s="61">
        <v>0</v>
      </c>
      <c r="EU34" s="61">
        <v>1</v>
      </c>
      <c r="EV34" s="61">
        <v>0</v>
      </c>
      <c r="EW34" s="61">
        <v>0</v>
      </c>
      <c r="EX34" s="61">
        <v>0</v>
      </c>
      <c r="EY34" s="62">
        <v>1</v>
      </c>
      <c r="EZ34" s="63">
        <v>2</v>
      </c>
      <c r="FA34" s="60">
        <v>1</v>
      </c>
      <c r="FB34" s="61">
        <v>0</v>
      </c>
      <c r="FC34" s="62">
        <v>1</v>
      </c>
      <c r="FD34" s="231"/>
      <c r="FE34" s="61">
        <v>0</v>
      </c>
      <c r="FF34" s="61">
        <v>0</v>
      </c>
      <c r="FG34" s="61">
        <v>0</v>
      </c>
      <c r="FH34" s="61">
        <v>0</v>
      </c>
      <c r="FI34" s="61">
        <v>0</v>
      </c>
      <c r="FJ34" s="62">
        <v>0</v>
      </c>
      <c r="FK34" s="63">
        <v>1</v>
      </c>
      <c r="FL34" s="60">
        <v>1</v>
      </c>
      <c r="FM34" s="61">
        <v>0</v>
      </c>
      <c r="FN34" s="62">
        <v>1</v>
      </c>
      <c r="FO34" s="231"/>
      <c r="FP34" s="61">
        <v>0</v>
      </c>
      <c r="FQ34" s="61">
        <v>0</v>
      </c>
      <c r="FR34" s="61">
        <v>0</v>
      </c>
      <c r="FS34" s="61">
        <v>1</v>
      </c>
      <c r="FT34" s="61">
        <v>1</v>
      </c>
      <c r="FU34" s="62">
        <v>2</v>
      </c>
      <c r="FV34" s="63">
        <v>3</v>
      </c>
      <c r="FW34" s="60">
        <v>0</v>
      </c>
      <c r="FX34" s="61">
        <v>0</v>
      </c>
      <c r="FY34" s="62">
        <v>0</v>
      </c>
      <c r="FZ34" s="231"/>
      <c r="GA34" s="61">
        <v>0</v>
      </c>
      <c r="GB34" s="61">
        <v>0</v>
      </c>
      <c r="GC34" s="61">
        <v>0</v>
      </c>
      <c r="GD34" s="61">
        <v>0</v>
      </c>
      <c r="GE34" s="61">
        <v>0</v>
      </c>
      <c r="GF34" s="62">
        <v>0</v>
      </c>
      <c r="GG34" s="63">
        <v>0</v>
      </c>
      <c r="GH34" s="60">
        <v>3</v>
      </c>
      <c r="GI34" s="61">
        <v>0</v>
      </c>
      <c r="GJ34" s="62">
        <v>3</v>
      </c>
      <c r="GK34" s="231"/>
      <c r="GL34" s="61">
        <v>0</v>
      </c>
      <c r="GM34" s="61">
        <v>1</v>
      </c>
      <c r="GN34" s="61">
        <v>0</v>
      </c>
      <c r="GO34" s="61">
        <v>1</v>
      </c>
      <c r="GP34" s="61">
        <v>1</v>
      </c>
      <c r="GQ34" s="62">
        <v>3</v>
      </c>
      <c r="GR34" s="63">
        <v>6</v>
      </c>
      <c r="GS34" s="113">
        <v>6</v>
      </c>
      <c r="GT34" s="72">
        <v>5</v>
      </c>
      <c r="GU34" s="73">
        <v>11</v>
      </c>
      <c r="GV34" s="228"/>
      <c r="GW34" s="72">
        <v>7</v>
      </c>
      <c r="GX34" s="72">
        <v>7</v>
      </c>
      <c r="GY34" s="72">
        <v>8</v>
      </c>
      <c r="GZ34" s="72">
        <v>3</v>
      </c>
      <c r="HA34" s="72">
        <v>1</v>
      </c>
      <c r="HB34" s="74">
        <v>26</v>
      </c>
      <c r="HC34" s="75">
        <v>37</v>
      </c>
      <c r="HD34" s="60">
        <v>0</v>
      </c>
      <c r="HE34" s="61">
        <v>0</v>
      </c>
      <c r="HF34" s="62">
        <v>0</v>
      </c>
      <c r="HG34" s="231"/>
      <c r="HH34" s="61">
        <v>1</v>
      </c>
      <c r="HI34" s="61">
        <v>0</v>
      </c>
      <c r="HJ34" s="61">
        <v>0</v>
      </c>
      <c r="HK34" s="61">
        <v>0</v>
      </c>
      <c r="HL34" s="61">
        <v>0</v>
      </c>
      <c r="HM34" s="62">
        <v>1</v>
      </c>
      <c r="HN34" s="63">
        <v>1</v>
      </c>
      <c r="HO34" s="60">
        <v>0</v>
      </c>
      <c r="HP34" s="61">
        <v>0</v>
      </c>
      <c r="HQ34" s="62">
        <v>0</v>
      </c>
      <c r="HR34" s="231"/>
      <c r="HS34" s="61">
        <v>0</v>
      </c>
      <c r="HT34" s="61">
        <v>0</v>
      </c>
      <c r="HU34" s="61">
        <v>0</v>
      </c>
      <c r="HV34" s="61">
        <v>0</v>
      </c>
      <c r="HW34" s="61">
        <v>0</v>
      </c>
      <c r="HX34" s="62">
        <v>0</v>
      </c>
      <c r="HY34" s="63">
        <v>0</v>
      </c>
      <c r="HZ34" s="60">
        <v>0</v>
      </c>
      <c r="IA34" s="61">
        <v>1</v>
      </c>
      <c r="IB34" s="62">
        <v>1</v>
      </c>
      <c r="IC34" s="231"/>
      <c r="ID34" s="61">
        <v>0</v>
      </c>
      <c r="IE34" s="61">
        <v>0</v>
      </c>
      <c r="IF34" s="61">
        <v>1</v>
      </c>
      <c r="IG34" s="61">
        <v>0</v>
      </c>
      <c r="IH34" s="61">
        <v>0</v>
      </c>
      <c r="II34" s="62">
        <v>1</v>
      </c>
      <c r="IJ34" s="63">
        <v>2</v>
      </c>
      <c r="IK34" s="60">
        <v>1</v>
      </c>
      <c r="IL34" s="61">
        <v>1</v>
      </c>
      <c r="IM34" s="62">
        <v>2</v>
      </c>
      <c r="IN34" s="231"/>
      <c r="IO34" s="61">
        <v>1</v>
      </c>
      <c r="IP34" s="61">
        <v>2</v>
      </c>
      <c r="IQ34" s="61">
        <v>1</v>
      </c>
      <c r="IR34" s="61">
        <v>1</v>
      </c>
      <c r="IS34" s="61">
        <v>0</v>
      </c>
      <c r="IT34" s="62">
        <v>5</v>
      </c>
      <c r="IU34" s="63">
        <v>7</v>
      </c>
      <c r="IV34" s="60">
        <v>1</v>
      </c>
      <c r="IW34" s="61">
        <v>2</v>
      </c>
      <c r="IX34" s="62">
        <v>3</v>
      </c>
      <c r="IY34" s="231"/>
      <c r="IZ34" s="61">
        <v>3</v>
      </c>
      <c r="JA34" s="61">
        <v>2</v>
      </c>
      <c r="JB34" s="61">
        <v>1</v>
      </c>
      <c r="JC34" s="61">
        <v>1</v>
      </c>
      <c r="JD34" s="61">
        <v>0</v>
      </c>
      <c r="JE34" s="62">
        <v>7</v>
      </c>
      <c r="JF34" s="63">
        <v>10</v>
      </c>
      <c r="JG34" s="60">
        <v>4</v>
      </c>
      <c r="JH34" s="61">
        <v>1</v>
      </c>
      <c r="JI34" s="62">
        <v>5</v>
      </c>
      <c r="JJ34" s="231"/>
      <c r="JK34" s="61">
        <v>2</v>
      </c>
      <c r="JL34" s="61">
        <v>3</v>
      </c>
      <c r="JM34" s="61">
        <v>5</v>
      </c>
      <c r="JN34" s="61">
        <v>1</v>
      </c>
      <c r="JO34" s="61">
        <v>1</v>
      </c>
      <c r="JP34" s="62">
        <v>12</v>
      </c>
      <c r="JQ34" s="63">
        <v>17</v>
      </c>
      <c r="JR34" s="60">
        <v>0</v>
      </c>
      <c r="JS34" s="61">
        <v>0</v>
      </c>
      <c r="JT34" s="62">
        <v>0</v>
      </c>
      <c r="JU34" s="231"/>
      <c r="JV34" s="61">
        <v>0</v>
      </c>
      <c r="JW34" s="61">
        <v>0</v>
      </c>
      <c r="JX34" s="61">
        <v>0</v>
      </c>
      <c r="JY34" s="61">
        <v>0</v>
      </c>
      <c r="JZ34" s="61">
        <v>0</v>
      </c>
      <c r="KA34" s="62">
        <v>0</v>
      </c>
      <c r="KB34" s="63">
        <v>0</v>
      </c>
      <c r="KC34" s="60">
        <v>6</v>
      </c>
      <c r="KD34" s="61">
        <v>5</v>
      </c>
      <c r="KE34" s="62">
        <v>11</v>
      </c>
      <c r="KF34" s="231"/>
      <c r="KG34" s="61">
        <v>7</v>
      </c>
      <c r="KH34" s="61">
        <v>7</v>
      </c>
      <c r="KI34" s="61">
        <v>8</v>
      </c>
      <c r="KJ34" s="61">
        <v>3</v>
      </c>
      <c r="KK34" s="61">
        <v>1</v>
      </c>
      <c r="KL34" s="62">
        <v>26</v>
      </c>
      <c r="KM34" s="63">
        <v>37</v>
      </c>
    </row>
    <row r="35" spans="2:299" ht="21" customHeight="1" x14ac:dyDescent="0.2">
      <c r="B35" s="472" t="s">
        <v>32</v>
      </c>
      <c r="C35" s="293">
        <v>2</v>
      </c>
      <c r="D35" s="72">
        <v>5</v>
      </c>
      <c r="E35" s="73">
        <v>7</v>
      </c>
      <c r="F35" s="228"/>
      <c r="G35" s="72">
        <v>11</v>
      </c>
      <c r="H35" s="72">
        <v>11</v>
      </c>
      <c r="I35" s="72">
        <v>8</v>
      </c>
      <c r="J35" s="72">
        <v>5</v>
      </c>
      <c r="K35" s="72">
        <v>1</v>
      </c>
      <c r="L35" s="74">
        <v>36</v>
      </c>
      <c r="M35" s="75">
        <v>43</v>
      </c>
      <c r="N35" s="60">
        <v>1</v>
      </c>
      <c r="O35" s="61">
        <v>0</v>
      </c>
      <c r="P35" s="62">
        <v>1</v>
      </c>
      <c r="Q35" s="231"/>
      <c r="R35" s="61">
        <v>0</v>
      </c>
      <c r="S35" s="61">
        <v>0</v>
      </c>
      <c r="T35" s="61">
        <v>0</v>
      </c>
      <c r="U35" s="61">
        <v>0</v>
      </c>
      <c r="V35" s="61">
        <v>0</v>
      </c>
      <c r="W35" s="62">
        <v>0</v>
      </c>
      <c r="X35" s="63">
        <v>1</v>
      </c>
      <c r="Y35" s="60">
        <v>0</v>
      </c>
      <c r="Z35" s="61">
        <v>0</v>
      </c>
      <c r="AA35" s="62">
        <v>0</v>
      </c>
      <c r="AB35" s="231"/>
      <c r="AC35" s="61">
        <v>0</v>
      </c>
      <c r="AD35" s="61">
        <v>0</v>
      </c>
      <c r="AE35" s="61">
        <v>0</v>
      </c>
      <c r="AF35" s="61">
        <v>0</v>
      </c>
      <c r="AG35" s="61">
        <v>0</v>
      </c>
      <c r="AH35" s="62">
        <v>0</v>
      </c>
      <c r="AI35" s="63">
        <v>0</v>
      </c>
      <c r="AJ35" s="60">
        <v>0</v>
      </c>
      <c r="AK35" s="61">
        <v>0</v>
      </c>
      <c r="AL35" s="62">
        <v>0</v>
      </c>
      <c r="AM35" s="231"/>
      <c r="AN35" s="61">
        <v>0</v>
      </c>
      <c r="AO35" s="61">
        <v>3</v>
      </c>
      <c r="AP35" s="61">
        <v>0</v>
      </c>
      <c r="AQ35" s="61">
        <v>0</v>
      </c>
      <c r="AR35" s="61">
        <v>0</v>
      </c>
      <c r="AS35" s="62">
        <v>3</v>
      </c>
      <c r="AT35" s="63">
        <v>3</v>
      </c>
      <c r="AU35" s="60">
        <v>0</v>
      </c>
      <c r="AV35" s="61">
        <v>2</v>
      </c>
      <c r="AW35" s="62">
        <v>2</v>
      </c>
      <c r="AX35" s="231"/>
      <c r="AY35" s="61">
        <v>2</v>
      </c>
      <c r="AZ35" s="61">
        <v>0</v>
      </c>
      <c r="BA35" s="61">
        <v>3</v>
      </c>
      <c r="BB35" s="61">
        <v>1</v>
      </c>
      <c r="BC35" s="61">
        <v>0</v>
      </c>
      <c r="BD35" s="62">
        <v>6</v>
      </c>
      <c r="BE35" s="63">
        <v>8</v>
      </c>
      <c r="BF35" s="60">
        <v>0</v>
      </c>
      <c r="BG35" s="61">
        <v>1</v>
      </c>
      <c r="BH35" s="62">
        <v>1</v>
      </c>
      <c r="BI35" s="231"/>
      <c r="BJ35" s="61">
        <v>5</v>
      </c>
      <c r="BK35" s="61">
        <v>3</v>
      </c>
      <c r="BL35" s="61">
        <v>4</v>
      </c>
      <c r="BM35" s="61">
        <v>3</v>
      </c>
      <c r="BN35" s="61">
        <v>1</v>
      </c>
      <c r="BO35" s="62">
        <v>16</v>
      </c>
      <c r="BP35" s="63">
        <v>17</v>
      </c>
      <c r="BQ35" s="60">
        <v>1</v>
      </c>
      <c r="BR35" s="61">
        <v>2</v>
      </c>
      <c r="BS35" s="62">
        <v>3</v>
      </c>
      <c r="BT35" s="231"/>
      <c r="BU35" s="61">
        <v>4</v>
      </c>
      <c r="BV35" s="61">
        <v>5</v>
      </c>
      <c r="BW35" s="61">
        <v>1</v>
      </c>
      <c r="BX35" s="61">
        <v>1</v>
      </c>
      <c r="BY35" s="61">
        <v>0</v>
      </c>
      <c r="BZ35" s="62">
        <v>11</v>
      </c>
      <c r="CA35" s="63">
        <v>14</v>
      </c>
      <c r="CB35" s="60">
        <v>0</v>
      </c>
      <c r="CC35" s="61">
        <v>0</v>
      </c>
      <c r="CD35" s="62">
        <v>0</v>
      </c>
      <c r="CE35" s="231"/>
      <c r="CF35" s="61">
        <v>0</v>
      </c>
      <c r="CG35" s="61">
        <v>0</v>
      </c>
      <c r="CH35" s="61">
        <v>0</v>
      </c>
      <c r="CI35" s="61">
        <v>0</v>
      </c>
      <c r="CJ35" s="61">
        <v>0</v>
      </c>
      <c r="CK35" s="62">
        <v>0</v>
      </c>
      <c r="CL35" s="63">
        <v>0</v>
      </c>
      <c r="CM35" s="60">
        <v>2</v>
      </c>
      <c r="CN35" s="61">
        <v>5</v>
      </c>
      <c r="CO35" s="62">
        <v>7</v>
      </c>
      <c r="CP35" s="231"/>
      <c r="CQ35" s="61">
        <v>11</v>
      </c>
      <c r="CR35" s="61">
        <v>11</v>
      </c>
      <c r="CS35" s="61">
        <v>8</v>
      </c>
      <c r="CT35" s="61">
        <v>5</v>
      </c>
      <c r="CU35" s="61">
        <v>1</v>
      </c>
      <c r="CV35" s="62">
        <v>36</v>
      </c>
      <c r="CW35" s="63">
        <v>43</v>
      </c>
      <c r="CX35" s="113">
        <v>0</v>
      </c>
      <c r="CY35" s="72">
        <v>0</v>
      </c>
      <c r="CZ35" s="73">
        <v>0</v>
      </c>
      <c r="DA35" s="228"/>
      <c r="DB35" s="72">
        <v>1</v>
      </c>
      <c r="DC35" s="72">
        <v>4</v>
      </c>
      <c r="DD35" s="72">
        <v>2</v>
      </c>
      <c r="DE35" s="72">
        <v>2</v>
      </c>
      <c r="DF35" s="72">
        <v>3</v>
      </c>
      <c r="DG35" s="74">
        <v>12</v>
      </c>
      <c r="DH35" s="75">
        <v>12</v>
      </c>
      <c r="DI35" s="60">
        <v>0</v>
      </c>
      <c r="DJ35" s="61">
        <v>0</v>
      </c>
      <c r="DK35" s="62">
        <v>0</v>
      </c>
      <c r="DL35" s="231"/>
      <c r="DM35" s="61">
        <v>1</v>
      </c>
      <c r="DN35" s="61">
        <v>0</v>
      </c>
      <c r="DO35" s="61">
        <v>0</v>
      </c>
      <c r="DP35" s="61">
        <v>0</v>
      </c>
      <c r="DQ35" s="61">
        <v>0</v>
      </c>
      <c r="DR35" s="62">
        <v>1</v>
      </c>
      <c r="DS35" s="63">
        <v>1</v>
      </c>
      <c r="DT35" s="60">
        <v>0</v>
      </c>
      <c r="DU35" s="61">
        <v>0</v>
      </c>
      <c r="DV35" s="62">
        <v>0</v>
      </c>
      <c r="DW35" s="231"/>
      <c r="DX35" s="61">
        <v>0</v>
      </c>
      <c r="DY35" s="61">
        <v>0</v>
      </c>
      <c r="DZ35" s="61">
        <v>0</v>
      </c>
      <c r="EA35" s="61">
        <v>0</v>
      </c>
      <c r="EB35" s="61">
        <v>0</v>
      </c>
      <c r="EC35" s="62">
        <v>0</v>
      </c>
      <c r="ED35" s="63">
        <v>0</v>
      </c>
      <c r="EE35" s="60">
        <v>0</v>
      </c>
      <c r="EF35" s="61">
        <v>0</v>
      </c>
      <c r="EG35" s="62">
        <v>0</v>
      </c>
      <c r="EH35" s="231"/>
      <c r="EI35" s="61">
        <v>0</v>
      </c>
      <c r="EJ35" s="61">
        <v>0</v>
      </c>
      <c r="EK35" s="61">
        <v>0</v>
      </c>
      <c r="EL35" s="61">
        <v>0</v>
      </c>
      <c r="EM35" s="61">
        <v>0</v>
      </c>
      <c r="EN35" s="62">
        <v>0</v>
      </c>
      <c r="EO35" s="63">
        <v>0</v>
      </c>
      <c r="EP35" s="60">
        <v>0</v>
      </c>
      <c r="EQ35" s="61">
        <v>0</v>
      </c>
      <c r="ER35" s="62">
        <v>0</v>
      </c>
      <c r="ES35" s="231"/>
      <c r="ET35" s="61">
        <v>0</v>
      </c>
      <c r="EU35" s="61">
        <v>1</v>
      </c>
      <c r="EV35" s="61">
        <v>0</v>
      </c>
      <c r="EW35" s="61">
        <v>0</v>
      </c>
      <c r="EX35" s="61">
        <v>0</v>
      </c>
      <c r="EY35" s="62">
        <v>1</v>
      </c>
      <c r="EZ35" s="63">
        <v>1</v>
      </c>
      <c r="FA35" s="60">
        <v>0</v>
      </c>
      <c r="FB35" s="61">
        <v>0</v>
      </c>
      <c r="FC35" s="62">
        <v>0</v>
      </c>
      <c r="FD35" s="231"/>
      <c r="FE35" s="61">
        <v>0</v>
      </c>
      <c r="FF35" s="61">
        <v>2</v>
      </c>
      <c r="FG35" s="61">
        <v>1</v>
      </c>
      <c r="FH35" s="61">
        <v>1</v>
      </c>
      <c r="FI35" s="61">
        <v>1</v>
      </c>
      <c r="FJ35" s="62">
        <v>5</v>
      </c>
      <c r="FK35" s="63">
        <v>5</v>
      </c>
      <c r="FL35" s="60">
        <v>0</v>
      </c>
      <c r="FM35" s="61">
        <v>0</v>
      </c>
      <c r="FN35" s="62">
        <v>0</v>
      </c>
      <c r="FO35" s="231"/>
      <c r="FP35" s="61">
        <v>0</v>
      </c>
      <c r="FQ35" s="61">
        <v>1</v>
      </c>
      <c r="FR35" s="61">
        <v>1</v>
      </c>
      <c r="FS35" s="61">
        <v>1</v>
      </c>
      <c r="FT35" s="61">
        <v>2</v>
      </c>
      <c r="FU35" s="62">
        <v>5</v>
      </c>
      <c r="FV35" s="63">
        <v>5</v>
      </c>
      <c r="FW35" s="60">
        <v>0</v>
      </c>
      <c r="FX35" s="61">
        <v>0</v>
      </c>
      <c r="FY35" s="62">
        <v>0</v>
      </c>
      <c r="FZ35" s="231"/>
      <c r="GA35" s="61">
        <v>0</v>
      </c>
      <c r="GB35" s="61">
        <v>0</v>
      </c>
      <c r="GC35" s="61">
        <v>0</v>
      </c>
      <c r="GD35" s="61">
        <v>0</v>
      </c>
      <c r="GE35" s="61">
        <v>0</v>
      </c>
      <c r="GF35" s="62">
        <v>0</v>
      </c>
      <c r="GG35" s="63">
        <v>0</v>
      </c>
      <c r="GH35" s="60">
        <v>0</v>
      </c>
      <c r="GI35" s="61">
        <v>0</v>
      </c>
      <c r="GJ35" s="62">
        <v>0</v>
      </c>
      <c r="GK35" s="231"/>
      <c r="GL35" s="61">
        <v>1</v>
      </c>
      <c r="GM35" s="61">
        <v>4</v>
      </c>
      <c r="GN35" s="61">
        <v>2</v>
      </c>
      <c r="GO35" s="61">
        <v>2</v>
      </c>
      <c r="GP35" s="61">
        <v>3</v>
      </c>
      <c r="GQ35" s="62">
        <v>12</v>
      </c>
      <c r="GR35" s="63">
        <v>12</v>
      </c>
      <c r="GS35" s="113">
        <v>2</v>
      </c>
      <c r="GT35" s="72">
        <v>5</v>
      </c>
      <c r="GU35" s="73">
        <v>7</v>
      </c>
      <c r="GV35" s="228"/>
      <c r="GW35" s="72">
        <v>12</v>
      </c>
      <c r="GX35" s="72">
        <v>15</v>
      </c>
      <c r="GY35" s="72">
        <v>10</v>
      </c>
      <c r="GZ35" s="72">
        <v>7</v>
      </c>
      <c r="HA35" s="72">
        <v>4</v>
      </c>
      <c r="HB35" s="74">
        <v>48</v>
      </c>
      <c r="HC35" s="75">
        <v>55</v>
      </c>
      <c r="HD35" s="60">
        <v>1</v>
      </c>
      <c r="HE35" s="61">
        <v>0</v>
      </c>
      <c r="HF35" s="62">
        <v>1</v>
      </c>
      <c r="HG35" s="231"/>
      <c r="HH35" s="61">
        <v>1</v>
      </c>
      <c r="HI35" s="61">
        <v>0</v>
      </c>
      <c r="HJ35" s="61">
        <v>0</v>
      </c>
      <c r="HK35" s="61">
        <v>0</v>
      </c>
      <c r="HL35" s="61">
        <v>0</v>
      </c>
      <c r="HM35" s="62">
        <v>1</v>
      </c>
      <c r="HN35" s="63">
        <v>2</v>
      </c>
      <c r="HO35" s="60">
        <v>0</v>
      </c>
      <c r="HP35" s="61">
        <v>0</v>
      </c>
      <c r="HQ35" s="62">
        <v>0</v>
      </c>
      <c r="HR35" s="231"/>
      <c r="HS35" s="61">
        <v>0</v>
      </c>
      <c r="HT35" s="61">
        <v>0</v>
      </c>
      <c r="HU35" s="61">
        <v>0</v>
      </c>
      <c r="HV35" s="61">
        <v>0</v>
      </c>
      <c r="HW35" s="61">
        <v>0</v>
      </c>
      <c r="HX35" s="62">
        <v>0</v>
      </c>
      <c r="HY35" s="63">
        <v>0</v>
      </c>
      <c r="HZ35" s="60">
        <v>0</v>
      </c>
      <c r="IA35" s="61">
        <v>0</v>
      </c>
      <c r="IB35" s="62">
        <v>0</v>
      </c>
      <c r="IC35" s="231"/>
      <c r="ID35" s="61">
        <v>0</v>
      </c>
      <c r="IE35" s="61">
        <v>3</v>
      </c>
      <c r="IF35" s="61">
        <v>0</v>
      </c>
      <c r="IG35" s="61">
        <v>0</v>
      </c>
      <c r="IH35" s="61">
        <v>0</v>
      </c>
      <c r="II35" s="62">
        <v>3</v>
      </c>
      <c r="IJ35" s="63">
        <v>3</v>
      </c>
      <c r="IK35" s="60">
        <v>0</v>
      </c>
      <c r="IL35" s="61">
        <v>2</v>
      </c>
      <c r="IM35" s="62">
        <v>2</v>
      </c>
      <c r="IN35" s="231"/>
      <c r="IO35" s="61">
        <v>2</v>
      </c>
      <c r="IP35" s="61">
        <v>1</v>
      </c>
      <c r="IQ35" s="61">
        <v>3</v>
      </c>
      <c r="IR35" s="61">
        <v>1</v>
      </c>
      <c r="IS35" s="61">
        <v>0</v>
      </c>
      <c r="IT35" s="62">
        <v>7</v>
      </c>
      <c r="IU35" s="63">
        <v>9</v>
      </c>
      <c r="IV35" s="60">
        <v>0</v>
      </c>
      <c r="IW35" s="61">
        <v>1</v>
      </c>
      <c r="IX35" s="62">
        <v>1</v>
      </c>
      <c r="IY35" s="231"/>
      <c r="IZ35" s="61">
        <v>5</v>
      </c>
      <c r="JA35" s="61">
        <v>5</v>
      </c>
      <c r="JB35" s="61">
        <v>5</v>
      </c>
      <c r="JC35" s="61">
        <v>4</v>
      </c>
      <c r="JD35" s="61">
        <v>2</v>
      </c>
      <c r="JE35" s="62">
        <v>21</v>
      </c>
      <c r="JF35" s="63">
        <v>22</v>
      </c>
      <c r="JG35" s="60">
        <v>1</v>
      </c>
      <c r="JH35" s="61">
        <v>2</v>
      </c>
      <c r="JI35" s="62">
        <v>3</v>
      </c>
      <c r="JJ35" s="231"/>
      <c r="JK35" s="61">
        <v>4</v>
      </c>
      <c r="JL35" s="61">
        <v>6</v>
      </c>
      <c r="JM35" s="61">
        <v>2</v>
      </c>
      <c r="JN35" s="61">
        <v>2</v>
      </c>
      <c r="JO35" s="61">
        <v>2</v>
      </c>
      <c r="JP35" s="62">
        <v>16</v>
      </c>
      <c r="JQ35" s="63">
        <v>19</v>
      </c>
      <c r="JR35" s="60">
        <v>0</v>
      </c>
      <c r="JS35" s="61">
        <v>0</v>
      </c>
      <c r="JT35" s="62">
        <v>0</v>
      </c>
      <c r="JU35" s="231"/>
      <c r="JV35" s="61">
        <v>0</v>
      </c>
      <c r="JW35" s="61">
        <v>0</v>
      </c>
      <c r="JX35" s="61">
        <v>0</v>
      </c>
      <c r="JY35" s="61">
        <v>0</v>
      </c>
      <c r="JZ35" s="61">
        <v>0</v>
      </c>
      <c r="KA35" s="62">
        <v>0</v>
      </c>
      <c r="KB35" s="63">
        <v>0</v>
      </c>
      <c r="KC35" s="60">
        <v>2</v>
      </c>
      <c r="KD35" s="61">
        <v>5</v>
      </c>
      <c r="KE35" s="62">
        <v>7</v>
      </c>
      <c r="KF35" s="231"/>
      <c r="KG35" s="61">
        <v>12</v>
      </c>
      <c r="KH35" s="61">
        <v>15</v>
      </c>
      <c r="KI35" s="61">
        <v>10</v>
      </c>
      <c r="KJ35" s="61">
        <v>7</v>
      </c>
      <c r="KK35" s="61">
        <v>4</v>
      </c>
      <c r="KL35" s="62">
        <v>48</v>
      </c>
      <c r="KM35" s="63">
        <v>55</v>
      </c>
    </row>
    <row r="36" spans="2:299" ht="21" customHeight="1" x14ac:dyDescent="0.2">
      <c r="B36" s="472" t="s">
        <v>33</v>
      </c>
      <c r="C36" s="293">
        <v>6</v>
      </c>
      <c r="D36" s="72">
        <v>4</v>
      </c>
      <c r="E36" s="73">
        <v>10</v>
      </c>
      <c r="F36" s="228"/>
      <c r="G36" s="72">
        <v>5</v>
      </c>
      <c r="H36" s="72">
        <v>2</v>
      </c>
      <c r="I36" s="72">
        <v>3</v>
      </c>
      <c r="J36" s="72">
        <v>0</v>
      </c>
      <c r="K36" s="72">
        <v>1</v>
      </c>
      <c r="L36" s="74">
        <v>11</v>
      </c>
      <c r="M36" s="75">
        <v>21</v>
      </c>
      <c r="N36" s="60">
        <v>0</v>
      </c>
      <c r="O36" s="61">
        <v>0</v>
      </c>
      <c r="P36" s="62">
        <v>0</v>
      </c>
      <c r="Q36" s="231"/>
      <c r="R36" s="61">
        <v>0</v>
      </c>
      <c r="S36" s="61">
        <v>0</v>
      </c>
      <c r="T36" s="61">
        <v>0</v>
      </c>
      <c r="U36" s="61">
        <v>0</v>
      </c>
      <c r="V36" s="61">
        <v>0</v>
      </c>
      <c r="W36" s="62">
        <v>0</v>
      </c>
      <c r="X36" s="63">
        <v>0</v>
      </c>
      <c r="Y36" s="60">
        <v>0</v>
      </c>
      <c r="Z36" s="61">
        <v>0</v>
      </c>
      <c r="AA36" s="62">
        <v>0</v>
      </c>
      <c r="AB36" s="231"/>
      <c r="AC36" s="61">
        <v>0</v>
      </c>
      <c r="AD36" s="61">
        <v>0</v>
      </c>
      <c r="AE36" s="61">
        <v>0</v>
      </c>
      <c r="AF36" s="61">
        <v>0</v>
      </c>
      <c r="AG36" s="61">
        <v>0</v>
      </c>
      <c r="AH36" s="62">
        <v>0</v>
      </c>
      <c r="AI36" s="63">
        <v>0</v>
      </c>
      <c r="AJ36" s="60">
        <v>2</v>
      </c>
      <c r="AK36" s="61">
        <v>0</v>
      </c>
      <c r="AL36" s="62">
        <v>2</v>
      </c>
      <c r="AM36" s="231"/>
      <c r="AN36" s="61">
        <v>0</v>
      </c>
      <c r="AO36" s="61">
        <v>0</v>
      </c>
      <c r="AP36" s="61">
        <v>0</v>
      </c>
      <c r="AQ36" s="61">
        <v>0</v>
      </c>
      <c r="AR36" s="61">
        <v>1</v>
      </c>
      <c r="AS36" s="62">
        <v>1</v>
      </c>
      <c r="AT36" s="63">
        <v>3</v>
      </c>
      <c r="AU36" s="60">
        <v>1</v>
      </c>
      <c r="AV36" s="61">
        <v>1</v>
      </c>
      <c r="AW36" s="62">
        <v>2</v>
      </c>
      <c r="AX36" s="231"/>
      <c r="AY36" s="61">
        <v>0</v>
      </c>
      <c r="AZ36" s="61">
        <v>1</v>
      </c>
      <c r="BA36" s="61">
        <v>1</v>
      </c>
      <c r="BB36" s="61">
        <v>0</v>
      </c>
      <c r="BC36" s="61">
        <v>0</v>
      </c>
      <c r="BD36" s="62">
        <v>2</v>
      </c>
      <c r="BE36" s="63">
        <v>4</v>
      </c>
      <c r="BF36" s="60">
        <v>1</v>
      </c>
      <c r="BG36" s="61">
        <v>2</v>
      </c>
      <c r="BH36" s="62">
        <v>3</v>
      </c>
      <c r="BI36" s="231"/>
      <c r="BJ36" s="61">
        <v>1</v>
      </c>
      <c r="BK36" s="61">
        <v>0</v>
      </c>
      <c r="BL36" s="61">
        <v>2</v>
      </c>
      <c r="BM36" s="61">
        <v>0</v>
      </c>
      <c r="BN36" s="61">
        <v>0</v>
      </c>
      <c r="BO36" s="62">
        <v>3</v>
      </c>
      <c r="BP36" s="63">
        <v>6</v>
      </c>
      <c r="BQ36" s="60">
        <v>2</v>
      </c>
      <c r="BR36" s="61">
        <v>1</v>
      </c>
      <c r="BS36" s="62">
        <v>3</v>
      </c>
      <c r="BT36" s="231"/>
      <c r="BU36" s="61">
        <v>4</v>
      </c>
      <c r="BV36" s="61">
        <v>1</v>
      </c>
      <c r="BW36" s="61">
        <v>0</v>
      </c>
      <c r="BX36" s="61">
        <v>0</v>
      </c>
      <c r="BY36" s="61">
        <v>0</v>
      </c>
      <c r="BZ36" s="62">
        <v>5</v>
      </c>
      <c r="CA36" s="63">
        <v>8</v>
      </c>
      <c r="CB36" s="60">
        <v>0</v>
      </c>
      <c r="CC36" s="61">
        <v>0</v>
      </c>
      <c r="CD36" s="62">
        <v>0</v>
      </c>
      <c r="CE36" s="231"/>
      <c r="CF36" s="61">
        <v>0</v>
      </c>
      <c r="CG36" s="61">
        <v>0</v>
      </c>
      <c r="CH36" s="61">
        <v>0</v>
      </c>
      <c r="CI36" s="61">
        <v>0</v>
      </c>
      <c r="CJ36" s="61">
        <v>0</v>
      </c>
      <c r="CK36" s="62">
        <v>0</v>
      </c>
      <c r="CL36" s="63">
        <v>0</v>
      </c>
      <c r="CM36" s="60">
        <v>6</v>
      </c>
      <c r="CN36" s="61">
        <v>4</v>
      </c>
      <c r="CO36" s="62">
        <v>10</v>
      </c>
      <c r="CP36" s="231"/>
      <c r="CQ36" s="61">
        <v>5</v>
      </c>
      <c r="CR36" s="61">
        <v>2</v>
      </c>
      <c r="CS36" s="61">
        <v>3</v>
      </c>
      <c r="CT36" s="61">
        <v>0</v>
      </c>
      <c r="CU36" s="61">
        <v>1</v>
      </c>
      <c r="CV36" s="62">
        <v>11</v>
      </c>
      <c r="CW36" s="63">
        <v>21</v>
      </c>
      <c r="CX36" s="113">
        <v>1</v>
      </c>
      <c r="CY36" s="72">
        <v>3</v>
      </c>
      <c r="CZ36" s="73">
        <v>4</v>
      </c>
      <c r="DA36" s="228"/>
      <c r="DB36" s="72">
        <v>0</v>
      </c>
      <c r="DC36" s="72">
        <v>2</v>
      </c>
      <c r="DD36" s="72">
        <v>0</v>
      </c>
      <c r="DE36" s="72">
        <v>0</v>
      </c>
      <c r="DF36" s="72">
        <v>0</v>
      </c>
      <c r="DG36" s="74">
        <v>2</v>
      </c>
      <c r="DH36" s="75">
        <v>6</v>
      </c>
      <c r="DI36" s="60">
        <v>0</v>
      </c>
      <c r="DJ36" s="61">
        <v>0</v>
      </c>
      <c r="DK36" s="62">
        <v>0</v>
      </c>
      <c r="DL36" s="231"/>
      <c r="DM36" s="61">
        <v>0</v>
      </c>
      <c r="DN36" s="61">
        <v>0</v>
      </c>
      <c r="DO36" s="61">
        <v>0</v>
      </c>
      <c r="DP36" s="61">
        <v>0</v>
      </c>
      <c r="DQ36" s="61">
        <v>0</v>
      </c>
      <c r="DR36" s="62">
        <v>0</v>
      </c>
      <c r="DS36" s="63">
        <v>0</v>
      </c>
      <c r="DT36" s="60">
        <v>0</v>
      </c>
      <c r="DU36" s="61">
        <v>1</v>
      </c>
      <c r="DV36" s="62">
        <v>1</v>
      </c>
      <c r="DW36" s="231"/>
      <c r="DX36" s="61">
        <v>0</v>
      </c>
      <c r="DY36" s="61">
        <v>0</v>
      </c>
      <c r="DZ36" s="61">
        <v>0</v>
      </c>
      <c r="EA36" s="61">
        <v>0</v>
      </c>
      <c r="EB36" s="61">
        <v>0</v>
      </c>
      <c r="EC36" s="62">
        <v>0</v>
      </c>
      <c r="ED36" s="63">
        <v>1</v>
      </c>
      <c r="EE36" s="60">
        <v>0</v>
      </c>
      <c r="EF36" s="61">
        <v>0</v>
      </c>
      <c r="EG36" s="62">
        <v>0</v>
      </c>
      <c r="EH36" s="231"/>
      <c r="EI36" s="61">
        <v>0</v>
      </c>
      <c r="EJ36" s="61">
        <v>0</v>
      </c>
      <c r="EK36" s="61">
        <v>0</v>
      </c>
      <c r="EL36" s="61">
        <v>0</v>
      </c>
      <c r="EM36" s="61">
        <v>0</v>
      </c>
      <c r="EN36" s="62">
        <v>0</v>
      </c>
      <c r="EO36" s="63">
        <v>0</v>
      </c>
      <c r="EP36" s="60">
        <v>0</v>
      </c>
      <c r="EQ36" s="61">
        <v>0</v>
      </c>
      <c r="ER36" s="62">
        <v>0</v>
      </c>
      <c r="ES36" s="231"/>
      <c r="ET36" s="61">
        <v>0</v>
      </c>
      <c r="EU36" s="61">
        <v>0</v>
      </c>
      <c r="EV36" s="61">
        <v>0</v>
      </c>
      <c r="EW36" s="61">
        <v>0</v>
      </c>
      <c r="EX36" s="61">
        <v>0</v>
      </c>
      <c r="EY36" s="62">
        <v>0</v>
      </c>
      <c r="EZ36" s="63">
        <v>0</v>
      </c>
      <c r="FA36" s="60">
        <v>0</v>
      </c>
      <c r="FB36" s="61">
        <v>1</v>
      </c>
      <c r="FC36" s="62">
        <v>1</v>
      </c>
      <c r="FD36" s="231"/>
      <c r="FE36" s="61">
        <v>0</v>
      </c>
      <c r="FF36" s="61">
        <v>0</v>
      </c>
      <c r="FG36" s="61">
        <v>0</v>
      </c>
      <c r="FH36" s="61">
        <v>0</v>
      </c>
      <c r="FI36" s="61">
        <v>0</v>
      </c>
      <c r="FJ36" s="62">
        <v>0</v>
      </c>
      <c r="FK36" s="63">
        <v>1</v>
      </c>
      <c r="FL36" s="60">
        <v>1</v>
      </c>
      <c r="FM36" s="61">
        <v>1</v>
      </c>
      <c r="FN36" s="62">
        <v>2</v>
      </c>
      <c r="FO36" s="231"/>
      <c r="FP36" s="61">
        <v>0</v>
      </c>
      <c r="FQ36" s="61">
        <v>2</v>
      </c>
      <c r="FR36" s="61">
        <v>0</v>
      </c>
      <c r="FS36" s="61">
        <v>0</v>
      </c>
      <c r="FT36" s="61">
        <v>0</v>
      </c>
      <c r="FU36" s="62">
        <v>2</v>
      </c>
      <c r="FV36" s="63">
        <v>4</v>
      </c>
      <c r="FW36" s="60">
        <v>0</v>
      </c>
      <c r="FX36" s="61">
        <v>0</v>
      </c>
      <c r="FY36" s="62">
        <v>0</v>
      </c>
      <c r="FZ36" s="231"/>
      <c r="GA36" s="61">
        <v>0</v>
      </c>
      <c r="GB36" s="61">
        <v>0</v>
      </c>
      <c r="GC36" s="61">
        <v>0</v>
      </c>
      <c r="GD36" s="61">
        <v>0</v>
      </c>
      <c r="GE36" s="61">
        <v>0</v>
      </c>
      <c r="GF36" s="62">
        <v>0</v>
      </c>
      <c r="GG36" s="63">
        <v>0</v>
      </c>
      <c r="GH36" s="60">
        <v>1</v>
      </c>
      <c r="GI36" s="61">
        <v>3</v>
      </c>
      <c r="GJ36" s="62">
        <v>4</v>
      </c>
      <c r="GK36" s="231"/>
      <c r="GL36" s="61">
        <v>0</v>
      </c>
      <c r="GM36" s="61">
        <v>2</v>
      </c>
      <c r="GN36" s="61">
        <v>0</v>
      </c>
      <c r="GO36" s="61">
        <v>0</v>
      </c>
      <c r="GP36" s="61">
        <v>0</v>
      </c>
      <c r="GQ36" s="62">
        <v>2</v>
      </c>
      <c r="GR36" s="63">
        <v>6</v>
      </c>
      <c r="GS36" s="113">
        <v>7</v>
      </c>
      <c r="GT36" s="72">
        <v>7</v>
      </c>
      <c r="GU36" s="73">
        <v>14</v>
      </c>
      <c r="GV36" s="228"/>
      <c r="GW36" s="72">
        <v>5</v>
      </c>
      <c r="GX36" s="72">
        <v>4</v>
      </c>
      <c r="GY36" s="72">
        <v>3</v>
      </c>
      <c r="GZ36" s="72">
        <v>0</v>
      </c>
      <c r="HA36" s="72">
        <v>1</v>
      </c>
      <c r="HB36" s="74">
        <v>13</v>
      </c>
      <c r="HC36" s="75">
        <v>27</v>
      </c>
      <c r="HD36" s="60">
        <v>0</v>
      </c>
      <c r="HE36" s="61">
        <v>0</v>
      </c>
      <c r="HF36" s="62">
        <v>0</v>
      </c>
      <c r="HG36" s="231"/>
      <c r="HH36" s="61">
        <v>0</v>
      </c>
      <c r="HI36" s="61">
        <v>0</v>
      </c>
      <c r="HJ36" s="61">
        <v>0</v>
      </c>
      <c r="HK36" s="61">
        <v>0</v>
      </c>
      <c r="HL36" s="61">
        <v>0</v>
      </c>
      <c r="HM36" s="62">
        <v>0</v>
      </c>
      <c r="HN36" s="63">
        <v>0</v>
      </c>
      <c r="HO36" s="60">
        <v>0</v>
      </c>
      <c r="HP36" s="61">
        <v>1</v>
      </c>
      <c r="HQ36" s="62">
        <v>1</v>
      </c>
      <c r="HR36" s="231"/>
      <c r="HS36" s="61">
        <v>0</v>
      </c>
      <c r="HT36" s="61">
        <v>0</v>
      </c>
      <c r="HU36" s="61">
        <v>0</v>
      </c>
      <c r="HV36" s="61">
        <v>0</v>
      </c>
      <c r="HW36" s="61">
        <v>0</v>
      </c>
      <c r="HX36" s="62">
        <v>0</v>
      </c>
      <c r="HY36" s="63">
        <v>1</v>
      </c>
      <c r="HZ36" s="60">
        <v>2</v>
      </c>
      <c r="IA36" s="61">
        <v>0</v>
      </c>
      <c r="IB36" s="62">
        <v>2</v>
      </c>
      <c r="IC36" s="231"/>
      <c r="ID36" s="61">
        <v>0</v>
      </c>
      <c r="IE36" s="61">
        <v>0</v>
      </c>
      <c r="IF36" s="61">
        <v>0</v>
      </c>
      <c r="IG36" s="61">
        <v>0</v>
      </c>
      <c r="IH36" s="61">
        <v>1</v>
      </c>
      <c r="II36" s="62">
        <v>1</v>
      </c>
      <c r="IJ36" s="63">
        <v>3</v>
      </c>
      <c r="IK36" s="60">
        <v>1</v>
      </c>
      <c r="IL36" s="61">
        <v>1</v>
      </c>
      <c r="IM36" s="62">
        <v>2</v>
      </c>
      <c r="IN36" s="231"/>
      <c r="IO36" s="61">
        <v>0</v>
      </c>
      <c r="IP36" s="61">
        <v>1</v>
      </c>
      <c r="IQ36" s="61">
        <v>1</v>
      </c>
      <c r="IR36" s="61">
        <v>0</v>
      </c>
      <c r="IS36" s="61">
        <v>0</v>
      </c>
      <c r="IT36" s="62">
        <v>2</v>
      </c>
      <c r="IU36" s="63">
        <v>4</v>
      </c>
      <c r="IV36" s="60">
        <v>1</v>
      </c>
      <c r="IW36" s="61">
        <v>3</v>
      </c>
      <c r="IX36" s="62">
        <v>4</v>
      </c>
      <c r="IY36" s="231"/>
      <c r="IZ36" s="61">
        <v>1</v>
      </c>
      <c r="JA36" s="61">
        <v>0</v>
      </c>
      <c r="JB36" s="61">
        <v>2</v>
      </c>
      <c r="JC36" s="61">
        <v>0</v>
      </c>
      <c r="JD36" s="61">
        <v>0</v>
      </c>
      <c r="JE36" s="62">
        <v>3</v>
      </c>
      <c r="JF36" s="63">
        <v>7</v>
      </c>
      <c r="JG36" s="60">
        <v>3</v>
      </c>
      <c r="JH36" s="61">
        <v>2</v>
      </c>
      <c r="JI36" s="62">
        <v>5</v>
      </c>
      <c r="JJ36" s="231"/>
      <c r="JK36" s="61">
        <v>4</v>
      </c>
      <c r="JL36" s="61">
        <v>3</v>
      </c>
      <c r="JM36" s="61">
        <v>0</v>
      </c>
      <c r="JN36" s="61">
        <v>0</v>
      </c>
      <c r="JO36" s="61">
        <v>0</v>
      </c>
      <c r="JP36" s="62">
        <v>7</v>
      </c>
      <c r="JQ36" s="63">
        <v>12</v>
      </c>
      <c r="JR36" s="60">
        <v>0</v>
      </c>
      <c r="JS36" s="61">
        <v>0</v>
      </c>
      <c r="JT36" s="62">
        <v>0</v>
      </c>
      <c r="JU36" s="231"/>
      <c r="JV36" s="61">
        <v>0</v>
      </c>
      <c r="JW36" s="61">
        <v>0</v>
      </c>
      <c r="JX36" s="61">
        <v>0</v>
      </c>
      <c r="JY36" s="61">
        <v>0</v>
      </c>
      <c r="JZ36" s="61">
        <v>0</v>
      </c>
      <c r="KA36" s="62">
        <v>0</v>
      </c>
      <c r="KB36" s="63">
        <v>0</v>
      </c>
      <c r="KC36" s="60">
        <v>7</v>
      </c>
      <c r="KD36" s="61">
        <v>7</v>
      </c>
      <c r="KE36" s="62">
        <v>14</v>
      </c>
      <c r="KF36" s="231"/>
      <c r="KG36" s="61">
        <v>5</v>
      </c>
      <c r="KH36" s="61">
        <v>4</v>
      </c>
      <c r="KI36" s="61">
        <v>3</v>
      </c>
      <c r="KJ36" s="61">
        <v>0</v>
      </c>
      <c r="KK36" s="61">
        <v>1</v>
      </c>
      <c r="KL36" s="62">
        <v>13</v>
      </c>
      <c r="KM36" s="63">
        <v>27</v>
      </c>
    </row>
    <row r="37" spans="2:299" ht="21" customHeight="1" x14ac:dyDescent="0.2">
      <c r="B37" s="472" t="s">
        <v>34</v>
      </c>
      <c r="C37" s="293">
        <v>3</v>
      </c>
      <c r="D37" s="72">
        <v>2</v>
      </c>
      <c r="E37" s="73">
        <v>5</v>
      </c>
      <c r="F37" s="228"/>
      <c r="G37" s="72">
        <v>4</v>
      </c>
      <c r="H37" s="72">
        <v>7</v>
      </c>
      <c r="I37" s="72">
        <v>4</v>
      </c>
      <c r="J37" s="72">
        <v>1</v>
      </c>
      <c r="K37" s="72">
        <v>0</v>
      </c>
      <c r="L37" s="74">
        <v>16</v>
      </c>
      <c r="M37" s="75">
        <v>21</v>
      </c>
      <c r="N37" s="60">
        <v>0</v>
      </c>
      <c r="O37" s="61">
        <v>0</v>
      </c>
      <c r="P37" s="62">
        <v>0</v>
      </c>
      <c r="Q37" s="231"/>
      <c r="R37" s="61">
        <v>0</v>
      </c>
      <c r="S37" s="61">
        <v>0</v>
      </c>
      <c r="T37" s="61">
        <v>0</v>
      </c>
      <c r="U37" s="61">
        <v>0</v>
      </c>
      <c r="V37" s="61">
        <v>0</v>
      </c>
      <c r="W37" s="62">
        <v>0</v>
      </c>
      <c r="X37" s="63">
        <v>0</v>
      </c>
      <c r="Y37" s="60">
        <v>0</v>
      </c>
      <c r="Z37" s="61">
        <v>0</v>
      </c>
      <c r="AA37" s="62">
        <v>0</v>
      </c>
      <c r="AB37" s="231"/>
      <c r="AC37" s="61">
        <v>0</v>
      </c>
      <c r="AD37" s="61">
        <v>0</v>
      </c>
      <c r="AE37" s="61">
        <v>0</v>
      </c>
      <c r="AF37" s="61">
        <v>0</v>
      </c>
      <c r="AG37" s="61">
        <v>0</v>
      </c>
      <c r="AH37" s="62">
        <v>0</v>
      </c>
      <c r="AI37" s="63">
        <v>0</v>
      </c>
      <c r="AJ37" s="60">
        <v>0</v>
      </c>
      <c r="AK37" s="61">
        <v>0</v>
      </c>
      <c r="AL37" s="62">
        <v>0</v>
      </c>
      <c r="AM37" s="231"/>
      <c r="AN37" s="61">
        <v>0</v>
      </c>
      <c r="AO37" s="61">
        <v>0</v>
      </c>
      <c r="AP37" s="61">
        <v>0</v>
      </c>
      <c r="AQ37" s="61">
        <v>0</v>
      </c>
      <c r="AR37" s="61">
        <v>0</v>
      </c>
      <c r="AS37" s="62">
        <v>0</v>
      </c>
      <c r="AT37" s="63">
        <v>0</v>
      </c>
      <c r="AU37" s="60">
        <v>1</v>
      </c>
      <c r="AV37" s="61">
        <v>0</v>
      </c>
      <c r="AW37" s="62">
        <v>1</v>
      </c>
      <c r="AX37" s="231"/>
      <c r="AY37" s="61">
        <v>1</v>
      </c>
      <c r="AZ37" s="61">
        <v>3</v>
      </c>
      <c r="BA37" s="61">
        <v>0</v>
      </c>
      <c r="BB37" s="61">
        <v>1</v>
      </c>
      <c r="BC37" s="61">
        <v>0</v>
      </c>
      <c r="BD37" s="62">
        <v>5</v>
      </c>
      <c r="BE37" s="63">
        <v>6</v>
      </c>
      <c r="BF37" s="60">
        <v>1</v>
      </c>
      <c r="BG37" s="61">
        <v>1</v>
      </c>
      <c r="BH37" s="62">
        <v>2</v>
      </c>
      <c r="BI37" s="231"/>
      <c r="BJ37" s="61">
        <v>1</v>
      </c>
      <c r="BK37" s="61">
        <v>1</v>
      </c>
      <c r="BL37" s="61">
        <v>4</v>
      </c>
      <c r="BM37" s="61">
        <v>0</v>
      </c>
      <c r="BN37" s="61">
        <v>0</v>
      </c>
      <c r="BO37" s="62">
        <v>6</v>
      </c>
      <c r="BP37" s="63">
        <v>8</v>
      </c>
      <c r="BQ37" s="60">
        <v>1</v>
      </c>
      <c r="BR37" s="61">
        <v>1</v>
      </c>
      <c r="BS37" s="62">
        <v>2</v>
      </c>
      <c r="BT37" s="231"/>
      <c r="BU37" s="61">
        <v>2</v>
      </c>
      <c r="BV37" s="61">
        <v>3</v>
      </c>
      <c r="BW37" s="61">
        <v>0</v>
      </c>
      <c r="BX37" s="61">
        <v>0</v>
      </c>
      <c r="BY37" s="61">
        <v>0</v>
      </c>
      <c r="BZ37" s="62">
        <v>5</v>
      </c>
      <c r="CA37" s="63">
        <v>7</v>
      </c>
      <c r="CB37" s="60">
        <v>0</v>
      </c>
      <c r="CC37" s="61">
        <v>0</v>
      </c>
      <c r="CD37" s="62">
        <v>0</v>
      </c>
      <c r="CE37" s="231"/>
      <c r="CF37" s="61">
        <v>0</v>
      </c>
      <c r="CG37" s="61">
        <v>0</v>
      </c>
      <c r="CH37" s="61">
        <v>0</v>
      </c>
      <c r="CI37" s="61">
        <v>0</v>
      </c>
      <c r="CJ37" s="61">
        <v>0</v>
      </c>
      <c r="CK37" s="62">
        <v>0</v>
      </c>
      <c r="CL37" s="63">
        <v>0</v>
      </c>
      <c r="CM37" s="60">
        <v>3</v>
      </c>
      <c r="CN37" s="61">
        <v>2</v>
      </c>
      <c r="CO37" s="62">
        <v>5</v>
      </c>
      <c r="CP37" s="231"/>
      <c r="CQ37" s="61">
        <v>4</v>
      </c>
      <c r="CR37" s="61">
        <v>7</v>
      </c>
      <c r="CS37" s="61">
        <v>4</v>
      </c>
      <c r="CT37" s="61">
        <v>1</v>
      </c>
      <c r="CU37" s="61">
        <v>0</v>
      </c>
      <c r="CV37" s="62">
        <v>16</v>
      </c>
      <c r="CW37" s="63">
        <v>21</v>
      </c>
      <c r="CX37" s="113">
        <v>1</v>
      </c>
      <c r="CY37" s="72">
        <v>0</v>
      </c>
      <c r="CZ37" s="73">
        <v>1</v>
      </c>
      <c r="DA37" s="228"/>
      <c r="DB37" s="72">
        <v>0</v>
      </c>
      <c r="DC37" s="72">
        <v>0</v>
      </c>
      <c r="DD37" s="72">
        <v>1</v>
      </c>
      <c r="DE37" s="72">
        <v>1</v>
      </c>
      <c r="DF37" s="72">
        <v>2</v>
      </c>
      <c r="DG37" s="74">
        <v>4</v>
      </c>
      <c r="DH37" s="75">
        <v>5</v>
      </c>
      <c r="DI37" s="60">
        <v>0</v>
      </c>
      <c r="DJ37" s="61">
        <v>0</v>
      </c>
      <c r="DK37" s="62">
        <v>0</v>
      </c>
      <c r="DL37" s="231"/>
      <c r="DM37" s="61">
        <v>0</v>
      </c>
      <c r="DN37" s="61">
        <v>0</v>
      </c>
      <c r="DO37" s="61">
        <v>0</v>
      </c>
      <c r="DP37" s="61">
        <v>0</v>
      </c>
      <c r="DQ37" s="61">
        <v>0</v>
      </c>
      <c r="DR37" s="62">
        <v>0</v>
      </c>
      <c r="DS37" s="63">
        <v>0</v>
      </c>
      <c r="DT37" s="60">
        <v>0</v>
      </c>
      <c r="DU37" s="61">
        <v>0</v>
      </c>
      <c r="DV37" s="62">
        <v>0</v>
      </c>
      <c r="DW37" s="231"/>
      <c r="DX37" s="61">
        <v>0</v>
      </c>
      <c r="DY37" s="61">
        <v>0</v>
      </c>
      <c r="DZ37" s="61">
        <v>0</v>
      </c>
      <c r="EA37" s="61">
        <v>1</v>
      </c>
      <c r="EB37" s="61">
        <v>0</v>
      </c>
      <c r="EC37" s="62">
        <v>1</v>
      </c>
      <c r="ED37" s="63">
        <v>1</v>
      </c>
      <c r="EE37" s="60">
        <v>0</v>
      </c>
      <c r="EF37" s="61">
        <v>0</v>
      </c>
      <c r="EG37" s="62">
        <v>0</v>
      </c>
      <c r="EH37" s="231"/>
      <c r="EI37" s="61">
        <v>0</v>
      </c>
      <c r="EJ37" s="61">
        <v>0</v>
      </c>
      <c r="EK37" s="61">
        <v>0</v>
      </c>
      <c r="EL37" s="61">
        <v>0</v>
      </c>
      <c r="EM37" s="61">
        <v>0</v>
      </c>
      <c r="EN37" s="62">
        <v>0</v>
      </c>
      <c r="EO37" s="63">
        <v>0</v>
      </c>
      <c r="EP37" s="60">
        <v>0</v>
      </c>
      <c r="EQ37" s="61">
        <v>0</v>
      </c>
      <c r="ER37" s="62">
        <v>0</v>
      </c>
      <c r="ES37" s="231"/>
      <c r="ET37" s="61">
        <v>0</v>
      </c>
      <c r="EU37" s="61">
        <v>0</v>
      </c>
      <c r="EV37" s="61">
        <v>0</v>
      </c>
      <c r="EW37" s="61">
        <v>0</v>
      </c>
      <c r="EX37" s="61">
        <v>0</v>
      </c>
      <c r="EY37" s="62">
        <v>0</v>
      </c>
      <c r="EZ37" s="63">
        <v>0</v>
      </c>
      <c r="FA37" s="60">
        <v>1</v>
      </c>
      <c r="FB37" s="61">
        <v>0</v>
      </c>
      <c r="FC37" s="62">
        <v>1</v>
      </c>
      <c r="FD37" s="231"/>
      <c r="FE37" s="61">
        <v>0</v>
      </c>
      <c r="FF37" s="61">
        <v>0</v>
      </c>
      <c r="FG37" s="61">
        <v>1</v>
      </c>
      <c r="FH37" s="61">
        <v>0</v>
      </c>
      <c r="FI37" s="61">
        <v>0</v>
      </c>
      <c r="FJ37" s="62">
        <v>1</v>
      </c>
      <c r="FK37" s="63">
        <v>2</v>
      </c>
      <c r="FL37" s="60">
        <v>0</v>
      </c>
      <c r="FM37" s="61">
        <v>0</v>
      </c>
      <c r="FN37" s="62">
        <v>0</v>
      </c>
      <c r="FO37" s="231"/>
      <c r="FP37" s="61">
        <v>0</v>
      </c>
      <c r="FQ37" s="61">
        <v>0</v>
      </c>
      <c r="FR37" s="61">
        <v>0</v>
      </c>
      <c r="FS37" s="61">
        <v>0</v>
      </c>
      <c r="FT37" s="61">
        <v>2</v>
      </c>
      <c r="FU37" s="62">
        <v>2</v>
      </c>
      <c r="FV37" s="63">
        <v>2</v>
      </c>
      <c r="FW37" s="60">
        <v>0</v>
      </c>
      <c r="FX37" s="61">
        <v>0</v>
      </c>
      <c r="FY37" s="62">
        <v>0</v>
      </c>
      <c r="FZ37" s="231"/>
      <c r="GA37" s="61">
        <v>0</v>
      </c>
      <c r="GB37" s="61">
        <v>0</v>
      </c>
      <c r="GC37" s="61">
        <v>0</v>
      </c>
      <c r="GD37" s="61">
        <v>0</v>
      </c>
      <c r="GE37" s="61">
        <v>0</v>
      </c>
      <c r="GF37" s="62">
        <v>0</v>
      </c>
      <c r="GG37" s="63">
        <v>0</v>
      </c>
      <c r="GH37" s="60">
        <v>1</v>
      </c>
      <c r="GI37" s="61">
        <v>0</v>
      </c>
      <c r="GJ37" s="62">
        <v>1</v>
      </c>
      <c r="GK37" s="231"/>
      <c r="GL37" s="61">
        <v>0</v>
      </c>
      <c r="GM37" s="61">
        <v>0</v>
      </c>
      <c r="GN37" s="61">
        <v>1</v>
      </c>
      <c r="GO37" s="61">
        <v>1</v>
      </c>
      <c r="GP37" s="61">
        <v>2</v>
      </c>
      <c r="GQ37" s="62">
        <v>4</v>
      </c>
      <c r="GR37" s="63">
        <v>5</v>
      </c>
      <c r="GS37" s="113">
        <v>4</v>
      </c>
      <c r="GT37" s="72">
        <v>2</v>
      </c>
      <c r="GU37" s="73">
        <v>6</v>
      </c>
      <c r="GV37" s="228"/>
      <c r="GW37" s="72">
        <v>4</v>
      </c>
      <c r="GX37" s="72">
        <v>7</v>
      </c>
      <c r="GY37" s="72">
        <v>5</v>
      </c>
      <c r="GZ37" s="72">
        <v>2</v>
      </c>
      <c r="HA37" s="72">
        <v>2</v>
      </c>
      <c r="HB37" s="74">
        <v>20</v>
      </c>
      <c r="HC37" s="75">
        <v>26</v>
      </c>
      <c r="HD37" s="60">
        <v>0</v>
      </c>
      <c r="HE37" s="61">
        <v>0</v>
      </c>
      <c r="HF37" s="62">
        <v>0</v>
      </c>
      <c r="HG37" s="231"/>
      <c r="HH37" s="61">
        <v>0</v>
      </c>
      <c r="HI37" s="61">
        <v>0</v>
      </c>
      <c r="HJ37" s="61">
        <v>0</v>
      </c>
      <c r="HK37" s="61">
        <v>0</v>
      </c>
      <c r="HL37" s="61">
        <v>0</v>
      </c>
      <c r="HM37" s="62">
        <v>0</v>
      </c>
      <c r="HN37" s="63">
        <v>0</v>
      </c>
      <c r="HO37" s="60">
        <v>0</v>
      </c>
      <c r="HP37" s="61">
        <v>0</v>
      </c>
      <c r="HQ37" s="62">
        <v>0</v>
      </c>
      <c r="HR37" s="231"/>
      <c r="HS37" s="61">
        <v>0</v>
      </c>
      <c r="HT37" s="61">
        <v>0</v>
      </c>
      <c r="HU37" s="61">
        <v>0</v>
      </c>
      <c r="HV37" s="61">
        <v>1</v>
      </c>
      <c r="HW37" s="61">
        <v>0</v>
      </c>
      <c r="HX37" s="62">
        <v>1</v>
      </c>
      <c r="HY37" s="63">
        <v>1</v>
      </c>
      <c r="HZ37" s="60">
        <v>0</v>
      </c>
      <c r="IA37" s="61">
        <v>0</v>
      </c>
      <c r="IB37" s="62">
        <v>0</v>
      </c>
      <c r="IC37" s="231"/>
      <c r="ID37" s="61">
        <v>0</v>
      </c>
      <c r="IE37" s="61">
        <v>0</v>
      </c>
      <c r="IF37" s="61">
        <v>0</v>
      </c>
      <c r="IG37" s="61">
        <v>0</v>
      </c>
      <c r="IH37" s="61">
        <v>0</v>
      </c>
      <c r="II37" s="62">
        <v>0</v>
      </c>
      <c r="IJ37" s="63">
        <v>0</v>
      </c>
      <c r="IK37" s="60">
        <v>1</v>
      </c>
      <c r="IL37" s="61">
        <v>0</v>
      </c>
      <c r="IM37" s="62">
        <v>1</v>
      </c>
      <c r="IN37" s="231"/>
      <c r="IO37" s="61">
        <v>1</v>
      </c>
      <c r="IP37" s="61">
        <v>3</v>
      </c>
      <c r="IQ37" s="61">
        <v>0</v>
      </c>
      <c r="IR37" s="61">
        <v>1</v>
      </c>
      <c r="IS37" s="61">
        <v>0</v>
      </c>
      <c r="IT37" s="62">
        <v>5</v>
      </c>
      <c r="IU37" s="63">
        <v>6</v>
      </c>
      <c r="IV37" s="60">
        <v>2</v>
      </c>
      <c r="IW37" s="61">
        <v>1</v>
      </c>
      <c r="IX37" s="62">
        <v>3</v>
      </c>
      <c r="IY37" s="231"/>
      <c r="IZ37" s="61">
        <v>1</v>
      </c>
      <c r="JA37" s="61">
        <v>1</v>
      </c>
      <c r="JB37" s="61">
        <v>5</v>
      </c>
      <c r="JC37" s="61">
        <v>0</v>
      </c>
      <c r="JD37" s="61">
        <v>0</v>
      </c>
      <c r="JE37" s="62">
        <v>7</v>
      </c>
      <c r="JF37" s="63">
        <v>10</v>
      </c>
      <c r="JG37" s="60">
        <v>1</v>
      </c>
      <c r="JH37" s="61">
        <v>1</v>
      </c>
      <c r="JI37" s="62">
        <v>2</v>
      </c>
      <c r="JJ37" s="231"/>
      <c r="JK37" s="61">
        <v>2</v>
      </c>
      <c r="JL37" s="61">
        <v>3</v>
      </c>
      <c r="JM37" s="61">
        <v>0</v>
      </c>
      <c r="JN37" s="61">
        <v>0</v>
      </c>
      <c r="JO37" s="61">
        <v>2</v>
      </c>
      <c r="JP37" s="62">
        <v>7</v>
      </c>
      <c r="JQ37" s="63">
        <v>9</v>
      </c>
      <c r="JR37" s="60">
        <v>0</v>
      </c>
      <c r="JS37" s="61">
        <v>0</v>
      </c>
      <c r="JT37" s="62">
        <v>0</v>
      </c>
      <c r="JU37" s="231"/>
      <c r="JV37" s="61">
        <v>0</v>
      </c>
      <c r="JW37" s="61">
        <v>0</v>
      </c>
      <c r="JX37" s="61">
        <v>0</v>
      </c>
      <c r="JY37" s="61">
        <v>0</v>
      </c>
      <c r="JZ37" s="61">
        <v>0</v>
      </c>
      <c r="KA37" s="62">
        <v>0</v>
      </c>
      <c r="KB37" s="63">
        <v>0</v>
      </c>
      <c r="KC37" s="60">
        <v>4</v>
      </c>
      <c r="KD37" s="61">
        <v>2</v>
      </c>
      <c r="KE37" s="62">
        <v>6</v>
      </c>
      <c r="KF37" s="231"/>
      <c r="KG37" s="61">
        <v>4</v>
      </c>
      <c r="KH37" s="61">
        <v>7</v>
      </c>
      <c r="KI37" s="61">
        <v>5</v>
      </c>
      <c r="KJ37" s="61">
        <v>2</v>
      </c>
      <c r="KK37" s="61">
        <v>2</v>
      </c>
      <c r="KL37" s="62">
        <v>20</v>
      </c>
      <c r="KM37" s="63">
        <v>26</v>
      </c>
    </row>
    <row r="38" spans="2:299" ht="21" customHeight="1" x14ac:dyDescent="0.2">
      <c r="B38" s="472" t="s">
        <v>35</v>
      </c>
      <c r="C38" s="293">
        <v>9</v>
      </c>
      <c r="D38" s="72">
        <v>6</v>
      </c>
      <c r="E38" s="73">
        <v>15</v>
      </c>
      <c r="F38" s="228"/>
      <c r="G38" s="72">
        <v>20</v>
      </c>
      <c r="H38" s="72">
        <v>5</v>
      </c>
      <c r="I38" s="72">
        <v>6</v>
      </c>
      <c r="J38" s="72">
        <v>4</v>
      </c>
      <c r="K38" s="72">
        <v>3</v>
      </c>
      <c r="L38" s="74">
        <v>38</v>
      </c>
      <c r="M38" s="75">
        <v>53</v>
      </c>
      <c r="N38" s="60">
        <v>0</v>
      </c>
      <c r="O38" s="61">
        <v>0</v>
      </c>
      <c r="P38" s="62">
        <v>0</v>
      </c>
      <c r="Q38" s="231"/>
      <c r="R38" s="61">
        <v>1</v>
      </c>
      <c r="S38" s="61">
        <v>0</v>
      </c>
      <c r="T38" s="61">
        <v>0</v>
      </c>
      <c r="U38" s="61">
        <v>0</v>
      </c>
      <c r="V38" s="61">
        <v>0</v>
      </c>
      <c r="W38" s="62">
        <v>1</v>
      </c>
      <c r="X38" s="63">
        <v>1</v>
      </c>
      <c r="Y38" s="60">
        <v>0</v>
      </c>
      <c r="Z38" s="61">
        <v>0</v>
      </c>
      <c r="AA38" s="62">
        <v>0</v>
      </c>
      <c r="AB38" s="231"/>
      <c r="AC38" s="61">
        <v>1</v>
      </c>
      <c r="AD38" s="61">
        <v>0</v>
      </c>
      <c r="AE38" s="61">
        <v>0</v>
      </c>
      <c r="AF38" s="61">
        <v>0</v>
      </c>
      <c r="AG38" s="61">
        <v>0</v>
      </c>
      <c r="AH38" s="62">
        <v>1</v>
      </c>
      <c r="AI38" s="63">
        <v>1</v>
      </c>
      <c r="AJ38" s="60">
        <v>2</v>
      </c>
      <c r="AK38" s="61">
        <v>1</v>
      </c>
      <c r="AL38" s="62">
        <v>3</v>
      </c>
      <c r="AM38" s="231"/>
      <c r="AN38" s="61">
        <v>4</v>
      </c>
      <c r="AO38" s="61">
        <v>0</v>
      </c>
      <c r="AP38" s="61">
        <v>0</v>
      </c>
      <c r="AQ38" s="61">
        <v>0</v>
      </c>
      <c r="AR38" s="61">
        <v>0</v>
      </c>
      <c r="AS38" s="62">
        <v>4</v>
      </c>
      <c r="AT38" s="63">
        <v>7</v>
      </c>
      <c r="AU38" s="60">
        <v>3</v>
      </c>
      <c r="AV38" s="61">
        <v>3</v>
      </c>
      <c r="AW38" s="62">
        <v>6</v>
      </c>
      <c r="AX38" s="231"/>
      <c r="AY38" s="61">
        <v>3</v>
      </c>
      <c r="AZ38" s="61">
        <v>0</v>
      </c>
      <c r="BA38" s="61">
        <v>1</v>
      </c>
      <c r="BB38" s="61">
        <v>1</v>
      </c>
      <c r="BC38" s="61">
        <v>0</v>
      </c>
      <c r="BD38" s="62">
        <v>5</v>
      </c>
      <c r="BE38" s="63">
        <v>11</v>
      </c>
      <c r="BF38" s="60">
        <v>1</v>
      </c>
      <c r="BG38" s="61">
        <v>1</v>
      </c>
      <c r="BH38" s="62">
        <v>2</v>
      </c>
      <c r="BI38" s="231"/>
      <c r="BJ38" s="61">
        <v>6</v>
      </c>
      <c r="BK38" s="61">
        <v>3</v>
      </c>
      <c r="BL38" s="61">
        <v>1</v>
      </c>
      <c r="BM38" s="61">
        <v>0</v>
      </c>
      <c r="BN38" s="61">
        <v>2</v>
      </c>
      <c r="BO38" s="62">
        <v>12</v>
      </c>
      <c r="BP38" s="63">
        <v>14</v>
      </c>
      <c r="BQ38" s="60">
        <v>3</v>
      </c>
      <c r="BR38" s="61">
        <v>1</v>
      </c>
      <c r="BS38" s="62">
        <v>4</v>
      </c>
      <c r="BT38" s="231"/>
      <c r="BU38" s="61">
        <v>5</v>
      </c>
      <c r="BV38" s="61">
        <v>2</v>
      </c>
      <c r="BW38" s="61">
        <v>4</v>
      </c>
      <c r="BX38" s="61">
        <v>3</v>
      </c>
      <c r="BY38" s="61">
        <v>1</v>
      </c>
      <c r="BZ38" s="62">
        <v>15</v>
      </c>
      <c r="CA38" s="63">
        <v>19</v>
      </c>
      <c r="CB38" s="60">
        <v>0</v>
      </c>
      <c r="CC38" s="61">
        <v>0</v>
      </c>
      <c r="CD38" s="62">
        <v>0</v>
      </c>
      <c r="CE38" s="231"/>
      <c r="CF38" s="61">
        <v>0</v>
      </c>
      <c r="CG38" s="61">
        <v>0</v>
      </c>
      <c r="CH38" s="61">
        <v>0</v>
      </c>
      <c r="CI38" s="61">
        <v>0</v>
      </c>
      <c r="CJ38" s="61">
        <v>0</v>
      </c>
      <c r="CK38" s="62">
        <v>0</v>
      </c>
      <c r="CL38" s="63">
        <v>0</v>
      </c>
      <c r="CM38" s="60">
        <v>9</v>
      </c>
      <c r="CN38" s="61">
        <v>6</v>
      </c>
      <c r="CO38" s="62">
        <v>15</v>
      </c>
      <c r="CP38" s="231"/>
      <c r="CQ38" s="61">
        <v>20</v>
      </c>
      <c r="CR38" s="61">
        <v>5</v>
      </c>
      <c r="CS38" s="61">
        <v>6</v>
      </c>
      <c r="CT38" s="61">
        <v>4</v>
      </c>
      <c r="CU38" s="61">
        <v>3</v>
      </c>
      <c r="CV38" s="62">
        <v>38</v>
      </c>
      <c r="CW38" s="63">
        <v>53</v>
      </c>
      <c r="CX38" s="113">
        <v>1</v>
      </c>
      <c r="CY38" s="72">
        <v>1</v>
      </c>
      <c r="CZ38" s="73">
        <v>2</v>
      </c>
      <c r="DA38" s="228"/>
      <c r="DB38" s="72">
        <v>6</v>
      </c>
      <c r="DC38" s="72">
        <v>2</v>
      </c>
      <c r="DD38" s="72">
        <v>3</v>
      </c>
      <c r="DE38" s="72">
        <v>2</v>
      </c>
      <c r="DF38" s="72">
        <v>2</v>
      </c>
      <c r="DG38" s="74">
        <v>15</v>
      </c>
      <c r="DH38" s="75">
        <v>17</v>
      </c>
      <c r="DI38" s="60">
        <v>0</v>
      </c>
      <c r="DJ38" s="61">
        <v>0</v>
      </c>
      <c r="DK38" s="62">
        <v>0</v>
      </c>
      <c r="DL38" s="231"/>
      <c r="DM38" s="61">
        <v>0</v>
      </c>
      <c r="DN38" s="61">
        <v>0</v>
      </c>
      <c r="DO38" s="61">
        <v>0</v>
      </c>
      <c r="DP38" s="61">
        <v>0</v>
      </c>
      <c r="DQ38" s="61">
        <v>0</v>
      </c>
      <c r="DR38" s="62">
        <v>0</v>
      </c>
      <c r="DS38" s="63">
        <v>0</v>
      </c>
      <c r="DT38" s="60">
        <v>0</v>
      </c>
      <c r="DU38" s="61">
        <v>0</v>
      </c>
      <c r="DV38" s="62">
        <v>0</v>
      </c>
      <c r="DW38" s="231"/>
      <c r="DX38" s="61">
        <v>0</v>
      </c>
      <c r="DY38" s="61">
        <v>0</v>
      </c>
      <c r="DZ38" s="61">
        <v>1</v>
      </c>
      <c r="EA38" s="61">
        <v>0</v>
      </c>
      <c r="EB38" s="61">
        <v>0</v>
      </c>
      <c r="EC38" s="62">
        <v>1</v>
      </c>
      <c r="ED38" s="63">
        <v>1</v>
      </c>
      <c r="EE38" s="60">
        <v>0</v>
      </c>
      <c r="EF38" s="61">
        <v>0</v>
      </c>
      <c r="EG38" s="62">
        <v>0</v>
      </c>
      <c r="EH38" s="231"/>
      <c r="EI38" s="61">
        <v>0</v>
      </c>
      <c r="EJ38" s="61">
        <v>1</v>
      </c>
      <c r="EK38" s="61">
        <v>0</v>
      </c>
      <c r="EL38" s="61">
        <v>0</v>
      </c>
      <c r="EM38" s="61">
        <v>0</v>
      </c>
      <c r="EN38" s="62">
        <v>1</v>
      </c>
      <c r="EO38" s="63">
        <v>1</v>
      </c>
      <c r="EP38" s="60">
        <v>0</v>
      </c>
      <c r="EQ38" s="61">
        <v>0</v>
      </c>
      <c r="ER38" s="62">
        <v>0</v>
      </c>
      <c r="ES38" s="231"/>
      <c r="ET38" s="61">
        <v>3</v>
      </c>
      <c r="EU38" s="61">
        <v>0</v>
      </c>
      <c r="EV38" s="61">
        <v>0</v>
      </c>
      <c r="EW38" s="61">
        <v>0</v>
      </c>
      <c r="EX38" s="61">
        <v>0</v>
      </c>
      <c r="EY38" s="62">
        <v>3</v>
      </c>
      <c r="EZ38" s="63">
        <v>3</v>
      </c>
      <c r="FA38" s="60">
        <v>0</v>
      </c>
      <c r="FB38" s="61">
        <v>0</v>
      </c>
      <c r="FC38" s="62">
        <v>0</v>
      </c>
      <c r="FD38" s="231"/>
      <c r="FE38" s="61">
        <v>2</v>
      </c>
      <c r="FF38" s="61">
        <v>0</v>
      </c>
      <c r="FG38" s="61">
        <v>0</v>
      </c>
      <c r="FH38" s="61">
        <v>0</v>
      </c>
      <c r="FI38" s="61">
        <v>1</v>
      </c>
      <c r="FJ38" s="62">
        <v>3</v>
      </c>
      <c r="FK38" s="63">
        <v>3</v>
      </c>
      <c r="FL38" s="60">
        <v>1</v>
      </c>
      <c r="FM38" s="61">
        <v>1</v>
      </c>
      <c r="FN38" s="62">
        <v>2</v>
      </c>
      <c r="FO38" s="231"/>
      <c r="FP38" s="61">
        <v>1</v>
      </c>
      <c r="FQ38" s="61">
        <v>1</v>
      </c>
      <c r="FR38" s="61">
        <v>2</v>
      </c>
      <c r="FS38" s="61">
        <v>2</v>
      </c>
      <c r="FT38" s="61">
        <v>1</v>
      </c>
      <c r="FU38" s="62">
        <v>7</v>
      </c>
      <c r="FV38" s="63">
        <v>9</v>
      </c>
      <c r="FW38" s="60">
        <v>0</v>
      </c>
      <c r="FX38" s="61">
        <v>0</v>
      </c>
      <c r="FY38" s="62">
        <v>0</v>
      </c>
      <c r="FZ38" s="231"/>
      <c r="GA38" s="61">
        <v>0</v>
      </c>
      <c r="GB38" s="61">
        <v>0</v>
      </c>
      <c r="GC38" s="61">
        <v>0</v>
      </c>
      <c r="GD38" s="61">
        <v>0</v>
      </c>
      <c r="GE38" s="61">
        <v>0</v>
      </c>
      <c r="GF38" s="62">
        <v>0</v>
      </c>
      <c r="GG38" s="63">
        <v>0</v>
      </c>
      <c r="GH38" s="60">
        <v>1</v>
      </c>
      <c r="GI38" s="61">
        <v>1</v>
      </c>
      <c r="GJ38" s="62">
        <v>2</v>
      </c>
      <c r="GK38" s="231"/>
      <c r="GL38" s="61">
        <v>6</v>
      </c>
      <c r="GM38" s="61">
        <v>2</v>
      </c>
      <c r="GN38" s="61">
        <v>3</v>
      </c>
      <c r="GO38" s="61">
        <v>2</v>
      </c>
      <c r="GP38" s="61">
        <v>2</v>
      </c>
      <c r="GQ38" s="62">
        <v>15</v>
      </c>
      <c r="GR38" s="63">
        <v>17</v>
      </c>
      <c r="GS38" s="113">
        <v>10</v>
      </c>
      <c r="GT38" s="72">
        <v>7</v>
      </c>
      <c r="GU38" s="73">
        <v>17</v>
      </c>
      <c r="GV38" s="228"/>
      <c r="GW38" s="72">
        <v>26</v>
      </c>
      <c r="GX38" s="72">
        <v>7</v>
      </c>
      <c r="GY38" s="72">
        <v>9</v>
      </c>
      <c r="GZ38" s="72">
        <v>6</v>
      </c>
      <c r="HA38" s="72">
        <v>5</v>
      </c>
      <c r="HB38" s="74">
        <v>53</v>
      </c>
      <c r="HC38" s="75">
        <v>70</v>
      </c>
      <c r="HD38" s="60">
        <v>0</v>
      </c>
      <c r="HE38" s="61">
        <v>0</v>
      </c>
      <c r="HF38" s="62">
        <v>0</v>
      </c>
      <c r="HG38" s="231"/>
      <c r="HH38" s="61">
        <v>1</v>
      </c>
      <c r="HI38" s="61">
        <v>0</v>
      </c>
      <c r="HJ38" s="61">
        <v>0</v>
      </c>
      <c r="HK38" s="61">
        <v>0</v>
      </c>
      <c r="HL38" s="61">
        <v>0</v>
      </c>
      <c r="HM38" s="62">
        <v>1</v>
      </c>
      <c r="HN38" s="63">
        <v>1</v>
      </c>
      <c r="HO38" s="60">
        <v>0</v>
      </c>
      <c r="HP38" s="61">
        <v>0</v>
      </c>
      <c r="HQ38" s="62">
        <v>0</v>
      </c>
      <c r="HR38" s="231"/>
      <c r="HS38" s="61">
        <v>1</v>
      </c>
      <c r="HT38" s="61">
        <v>0</v>
      </c>
      <c r="HU38" s="61">
        <v>1</v>
      </c>
      <c r="HV38" s="61">
        <v>0</v>
      </c>
      <c r="HW38" s="61">
        <v>0</v>
      </c>
      <c r="HX38" s="62">
        <v>2</v>
      </c>
      <c r="HY38" s="63">
        <v>2</v>
      </c>
      <c r="HZ38" s="60">
        <v>2</v>
      </c>
      <c r="IA38" s="61">
        <v>1</v>
      </c>
      <c r="IB38" s="62">
        <v>3</v>
      </c>
      <c r="IC38" s="231"/>
      <c r="ID38" s="61">
        <v>4</v>
      </c>
      <c r="IE38" s="61">
        <v>1</v>
      </c>
      <c r="IF38" s="61">
        <v>0</v>
      </c>
      <c r="IG38" s="61">
        <v>0</v>
      </c>
      <c r="IH38" s="61">
        <v>0</v>
      </c>
      <c r="II38" s="62">
        <v>5</v>
      </c>
      <c r="IJ38" s="63">
        <v>8</v>
      </c>
      <c r="IK38" s="60">
        <v>3</v>
      </c>
      <c r="IL38" s="61">
        <v>3</v>
      </c>
      <c r="IM38" s="62">
        <v>6</v>
      </c>
      <c r="IN38" s="231"/>
      <c r="IO38" s="61">
        <v>6</v>
      </c>
      <c r="IP38" s="61">
        <v>0</v>
      </c>
      <c r="IQ38" s="61">
        <v>1</v>
      </c>
      <c r="IR38" s="61">
        <v>1</v>
      </c>
      <c r="IS38" s="61">
        <v>0</v>
      </c>
      <c r="IT38" s="62">
        <v>8</v>
      </c>
      <c r="IU38" s="63">
        <v>14</v>
      </c>
      <c r="IV38" s="60">
        <v>1</v>
      </c>
      <c r="IW38" s="61">
        <v>1</v>
      </c>
      <c r="IX38" s="62">
        <v>2</v>
      </c>
      <c r="IY38" s="231"/>
      <c r="IZ38" s="61">
        <v>8</v>
      </c>
      <c r="JA38" s="61">
        <v>3</v>
      </c>
      <c r="JB38" s="61">
        <v>1</v>
      </c>
      <c r="JC38" s="61">
        <v>0</v>
      </c>
      <c r="JD38" s="61">
        <v>3</v>
      </c>
      <c r="JE38" s="62">
        <v>15</v>
      </c>
      <c r="JF38" s="63">
        <v>17</v>
      </c>
      <c r="JG38" s="60">
        <v>4</v>
      </c>
      <c r="JH38" s="61">
        <v>2</v>
      </c>
      <c r="JI38" s="62">
        <v>6</v>
      </c>
      <c r="JJ38" s="231"/>
      <c r="JK38" s="61">
        <v>6</v>
      </c>
      <c r="JL38" s="61">
        <v>3</v>
      </c>
      <c r="JM38" s="61">
        <v>6</v>
      </c>
      <c r="JN38" s="61">
        <v>5</v>
      </c>
      <c r="JO38" s="61">
        <v>2</v>
      </c>
      <c r="JP38" s="62">
        <v>22</v>
      </c>
      <c r="JQ38" s="63">
        <v>28</v>
      </c>
      <c r="JR38" s="60">
        <v>0</v>
      </c>
      <c r="JS38" s="61">
        <v>0</v>
      </c>
      <c r="JT38" s="62">
        <v>0</v>
      </c>
      <c r="JU38" s="231"/>
      <c r="JV38" s="61">
        <v>0</v>
      </c>
      <c r="JW38" s="61">
        <v>0</v>
      </c>
      <c r="JX38" s="61">
        <v>0</v>
      </c>
      <c r="JY38" s="61">
        <v>0</v>
      </c>
      <c r="JZ38" s="61">
        <v>0</v>
      </c>
      <c r="KA38" s="62">
        <v>0</v>
      </c>
      <c r="KB38" s="63">
        <v>0</v>
      </c>
      <c r="KC38" s="60">
        <v>10</v>
      </c>
      <c r="KD38" s="61">
        <v>7</v>
      </c>
      <c r="KE38" s="62">
        <v>17</v>
      </c>
      <c r="KF38" s="231"/>
      <c r="KG38" s="61">
        <v>26</v>
      </c>
      <c r="KH38" s="61">
        <v>7</v>
      </c>
      <c r="KI38" s="61">
        <v>9</v>
      </c>
      <c r="KJ38" s="61">
        <v>6</v>
      </c>
      <c r="KK38" s="61">
        <v>5</v>
      </c>
      <c r="KL38" s="62">
        <v>53</v>
      </c>
      <c r="KM38" s="63">
        <v>70</v>
      </c>
    </row>
    <row r="39" spans="2:299" ht="21" customHeight="1" x14ac:dyDescent="0.2">
      <c r="B39" s="472" t="s">
        <v>36</v>
      </c>
      <c r="C39" s="293">
        <v>4</v>
      </c>
      <c r="D39" s="72">
        <v>6</v>
      </c>
      <c r="E39" s="73">
        <v>10</v>
      </c>
      <c r="F39" s="228"/>
      <c r="G39" s="72">
        <v>11</v>
      </c>
      <c r="H39" s="72">
        <v>6</v>
      </c>
      <c r="I39" s="72">
        <v>3</v>
      </c>
      <c r="J39" s="72">
        <v>8</v>
      </c>
      <c r="K39" s="72">
        <v>5</v>
      </c>
      <c r="L39" s="74">
        <v>33</v>
      </c>
      <c r="M39" s="75">
        <v>43</v>
      </c>
      <c r="N39" s="60">
        <v>1</v>
      </c>
      <c r="O39" s="61">
        <v>0</v>
      </c>
      <c r="P39" s="62">
        <v>1</v>
      </c>
      <c r="Q39" s="231"/>
      <c r="R39" s="61">
        <v>0</v>
      </c>
      <c r="S39" s="61">
        <v>1</v>
      </c>
      <c r="T39" s="61">
        <v>1</v>
      </c>
      <c r="U39" s="61">
        <v>0</v>
      </c>
      <c r="V39" s="61">
        <v>1</v>
      </c>
      <c r="W39" s="62">
        <v>3</v>
      </c>
      <c r="X39" s="63">
        <v>4</v>
      </c>
      <c r="Y39" s="60">
        <v>0</v>
      </c>
      <c r="Z39" s="61">
        <v>0</v>
      </c>
      <c r="AA39" s="62">
        <v>0</v>
      </c>
      <c r="AB39" s="231"/>
      <c r="AC39" s="61">
        <v>1</v>
      </c>
      <c r="AD39" s="61">
        <v>1</v>
      </c>
      <c r="AE39" s="61">
        <v>0</v>
      </c>
      <c r="AF39" s="61">
        <v>1</v>
      </c>
      <c r="AG39" s="61">
        <v>0</v>
      </c>
      <c r="AH39" s="62">
        <v>3</v>
      </c>
      <c r="AI39" s="63">
        <v>3</v>
      </c>
      <c r="AJ39" s="60">
        <v>1</v>
      </c>
      <c r="AK39" s="61">
        <v>1</v>
      </c>
      <c r="AL39" s="62">
        <v>2</v>
      </c>
      <c r="AM39" s="231"/>
      <c r="AN39" s="61">
        <v>0</v>
      </c>
      <c r="AO39" s="61">
        <v>0</v>
      </c>
      <c r="AP39" s="61">
        <v>0</v>
      </c>
      <c r="AQ39" s="61">
        <v>1</v>
      </c>
      <c r="AR39" s="61">
        <v>0</v>
      </c>
      <c r="AS39" s="62">
        <v>1</v>
      </c>
      <c r="AT39" s="63">
        <v>3</v>
      </c>
      <c r="AU39" s="60">
        <v>0</v>
      </c>
      <c r="AV39" s="61">
        <v>1</v>
      </c>
      <c r="AW39" s="62">
        <v>1</v>
      </c>
      <c r="AX39" s="231"/>
      <c r="AY39" s="61">
        <v>4</v>
      </c>
      <c r="AZ39" s="61">
        <v>0</v>
      </c>
      <c r="BA39" s="61">
        <v>0</v>
      </c>
      <c r="BB39" s="61">
        <v>1</v>
      </c>
      <c r="BC39" s="61">
        <v>1</v>
      </c>
      <c r="BD39" s="62">
        <v>6</v>
      </c>
      <c r="BE39" s="63">
        <v>7</v>
      </c>
      <c r="BF39" s="60">
        <v>2</v>
      </c>
      <c r="BG39" s="61">
        <v>1</v>
      </c>
      <c r="BH39" s="62">
        <v>3</v>
      </c>
      <c r="BI39" s="231"/>
      <c r="BJ39" s="61">
        <v>4</v>
      </c>
      <c r="BK39" s="61">
        <v>3</v>
      </c>
      <c r="BL39" s="61">
        <v>2</v>
      </c>
      <c r="BM39" s="61">
        <v>2</v>
      </c>
      <c r="BN39" s="61">
        <v>2</v>
      </c>
      <c r="BO39" s="62">
        <v>13</v>
      </c>
      <c r="BP39" s="63">
        <v>16</v>
      </c>
      <c r="BQ39" s="60">
        <v>0</v>
      </c>
      <c r="BR39" s="61">
        <v>3</v>
      </c>
      <c r="BS39" s="62">
        <v>3</v>
      </c>
      <c r="BT39" s="231"/>
      <c r="BU39" s="61">
        <v>2</v>
      </c>
      <c r="BV39" s="61">
        <v>1</v>
      </c>
      <c r="BW39" s="61">
        <v>0</v>
      </c>
      <c r="BX39" s="61">
        <v>3</v>
      </c>
      <c r="BY39" s="61">
        <v>1</v>
      </c>
      <c r="BZ39" s="62">
        <v>7</v>
      </c>
      <c r="CA39" s="63">
        <v>10</v>
      </c>
      <c r="CB39" s="60">
        <v>0</v>
      </c>
      <c r="CC39" s="61">
        <v>0</v>
      </c>
      <c r="CD39" s="62">
        <v>0</v>
      </c>
      <c r="CE39" s="231"/>
      <c r="CF39" s="61">
        <v>0</v>
      </c>
      <c r="CG39" s="61">
        <v>0</v>
      </c>
      <c r="CH39" s="61">
        <v>0</v>
      </c>
      <c r="CI39" s="61">
        <v>0</v>
      </c>
      <c r="CJ39" s="61">
        <v>0</v>
      </c>
      <c r="CK39" s="62">
        <v>0</v>
      </c>
      <c r="CL39" s="63">
        <v>0</v>
      </c>
      <c r="CM39" s="60">
        <v>4</v>
      </c>
      <c r="CN39" s="61">
        <v>6</v>
      </c>
      <c r="CO39" s="62">
        <v>10</v>
      </c>
      <c r="CP39" s="231"/>
      <c r="CQ39" s="61">
        <v>11</v>
      </c>
      <c r="CR39" s="61">
        <v>6</v>
      </c>
      <c r="CS39" s="61">
        <v>3</v>
      </c>
      <c r="CT39" s="61">
        <v>8</v>
      </c>
      <c r="CU39" s="61">
        <v>5</v>
      </c>
      <c r="CV39" s="62">
        <v>33</v>
      </c>
      <c r="CW39" s="63">
        <v>43</v>
      </c>
      <c r="CX39" s="113">
        <v>1</v>
      </c>
      <c r="CY39" s="72">
        <v>2</v>
      </c>
      <c r="CZ39" s="73">
        <v>3</v>
      </c>
      <c r="DA39" s="228"/>
      <c r="DB39" s="72">
        <v>2</v>
      </c>
      <c r="DC39" s="72">
        <v>1</v>
      </c>
      <c r="DD39" s="72">
        <v>1</v>
      </c>
      <c r="DE39" s="72">
        <v>1</v>
      </c>
      <c r="DF39" s="72">
        <v>2</v>
      </c>
      <c r="DG39" s="74">
        <v>7</v>
      </c>
      <c r="DH39" s="75">
        <v>10</v>
      </c>
      <c r="DI39" s="60">
        <v>0</v>
      </c>
      <c r="DJ39" s="61">
        <v>0</v>
      </c>
      <c r="DK39" s="62">
        <v>0</v>
      </c>
      <c r="DL39" s="231"/>
      <c r="DM39" s="61">
        <v>0</v>
      </c>
      <c r="DN39" s="61">
        <v>0</v>
      </c>
      <c r="DO39" s="61">
        <v>0</v>
      </c>
      <c r="DP39" s="61">
        <v>0</v>
      </c>
      <c r="DQ39" s="61">
        <v>0</v>
      </c>
      <c r="DR39" s="62">
        <v>0</v>
      </c>
      <c r="DS39" s="63">
        <v>0</v>
      </c>
      <c r="DT39" s="60">
        <v>0</v>
      </c>
      <c r="DU39" s="61">
        <v>0</v>
      </c>
      <c r="DV39" s="62">
        <v>0</v>
      </c>
      <c r="DW39" s="231"/>
      <c r="DX39" s="61">
        <v>0</v>
      </c>
      <c r="DY39" s="61">
        <v>0</v>
      </c>
      <c r="DZ39" s="61">
        <v>0</v>
      </c>
      <c r="EA39" s="61">
        <v>0</v>
      </c>
      <c r="EB39" s="61">
        <v>0</v>
      </c>
      <c r="EC39" s="62">
        <v>0</v>
      </c>
      <c r="ED39" s="63">
        <v>0</v>
      </c>
      <c r="EE39" s="60">
        <v>0</v>
      </c>
      <c r="EF39" s="61">
        <v>0</v>
      </c>
      <c r="EG39" s="62">
        <v>0</v>
      </c>
      <c r="EH39" s="231"/>
      <c r="EI39" s="61">
        <v>1</v>
      </c>
      <c r="EJ39" s="61">
        <v>0</v>
      </c>
      <c r="EK39" s="61">
        <v>0</v>
      </c>
      <c r="EL39" s="61">
        <v>0</v>
      </c>
      <c r="EM39" s="61">
        <v>0</v>
      </c>
      <c r="EN39" s="62">
        <v>1</v>
      </c>
      <c r="EO39" s="63">
        <v>1</v>
      </c>
      <c r="EP39" s="60">
        <v>0</v>
      </c>
      <c r="EQ39" s="61">
        <v>1</v>
      </c>
      <c r="ER39" s="62">
        <v>1</v>
      </c>
      <c r="ES39" s="231"/>
      <c r="ET39" s="61">
        <v>1</v>
      </c>
      <c r="EU39" s="61">
        <v>1</v>
      </c>
      <c r="EV39" s="61">
        <v>0</v>
      </c>
      <c r="EW39" s="61">
        <v>1</v>
      </c>
      <c r="EX39" s="61">
        <v>0</v>
      </c>
      <c r="EY39" s="62">
        <v>3</v>
      </c>
      <c r="EZ39" s="63">
        <v>4</v>
      </c>
      <c r="FA39" s="60">
        <v>0</v>
      </c>
      <c r="FB39" s="61">
        <v>1</v>
      </c>
      <c r="FC39" s="62">
        <v>1</v>
      </c>
      <c r="FD39" s="231"/>
      <c r="FE39" s="61">
        <v>0</v>
      </c>
      <c r="FF39" s="61">
        <v>0</v>
      </c>
      <c r="FG39" s="61">
        <v>1</v>
      </c>
      <c r="FH39" s="61">
        <v>0</v>
      </c>
      <c r="FI39" s="61">
        <v>0</v>
      </c>
      <c r="FJ39" s="62">
        <v>1</v>
      </c>
      <c r="FK39" s="63">
        <v>2</v>
      </c>
      <c r="FL39" s="60">
        <v>1</v>
      </c>
      <c r="FM39" s="61">
        <v>0</v>
      </c>
      <c r="FN39" s="62">
        <v>1</v>
      </c>
      <c r="FO39" s="231"/>
      <c r="FP39" s="61">
        <v>0</v>
      </c>
      <c r="FQ39" s="61">
        <v>0</v>
      </c>
      <c r="FR39" s="61">
        <v>0</v>
      </c>
      <c r="FS39" s="61">
        <v>0</v>
      </c>
      <c r="FT39" s="61">
        <v>2</v>
      </c>
      <c r="FU39" s="62">
        <v>2</v>
      </c>
      <c r="FV39" s="63">
        <v>3</v>
      </c>
      <c r="FW39" s="60">
        <v>0</v>
      </c>
      <c r="FX39" s="61">
        <v>0</v>
      </c>
      <c r="FY39" s="62">
        <v>0</v>
      </c>
      <c r="FZ39" s="231"/>
      <c r="GA39" s="61">
        <v>0</v>
      </c>
      <c r="GB39" s="61">
        <v>0</v>
      </c>
      <c r="GC39" s="61">
        <v>0</v>
      </c>
      <c r="GD39" s="61">
        <v>0</v>
      </c>
      <c r="GE39" s="61">
        <v>0</v>
      </c>
      <c r="GF39" s="62">
        <v>0</v>
      </c>
      <c r="GG39" s="63">
        <v>0</v>
      </c>
      <c r="GH39" s="60">
        <v>1</v>
      </c>
      <c r="GI39" s="61">
        <v>2</v>
      </c>
      <c r="GJ39" s="62">
        <v>3</v>
      </c>
      <c r="GK39" s="231"/>
      <c r="GL39" s="61">
        <v>2</v>
      </c>
      <c r="GM39" s="61">
        <v>1</v>
      </c>
      <c r="GN39" s="61">
        <v>1</v>
      </c>
      <c r="GO39" s="61">
        <v>1</v>
      </c>
      <c r="GP39" s="61">
        <v>2</v>
      </c>
      <c r="GQ39" s="62">
        <v>7</v>
      </c>
      <c r="GR39" s="63">
        <v>10</v>
      </c>
      <c r="GS39" s="113">
        <v>5</v>
      </c>
      <c r="GT39" s="72">
        <v>8</v>
      </c>
      <c r="GU39" s="73">
        <v>13</v>
      </c>
      <c r="GV39" s="228"/>
      <c r="GW39" s="72">
        <v>13</v>
      </c>
      <c r="GX39" s="72">
        <v>7</v>
      </c>
      <c r="GY39" s="72">
        <v>4</v>
      </c>
      <c r="GZ39" s="72">
        <v>9</v>
      </c>
      <c r="HA39" s="72">
        <v>7</v>
      </c>
      <c r="HB39" s="74">
        <v>40</v>
      </c>
      <c r="HC39" s="75">
        <v>53</v>
      </c>
      <c r="HD39" s="60">
        <v>1</v>
      </c>
      <c r="HE39" s="61">
        <v>0</v>
      </c>
      <c r="HF39" s="62">
        <v>1</v>
      </c>
      <c r="HG39" s="231"/>
      <c r="HH39" s="61">
        <v>0</v>
      </c>
      <c r="HI39" s="61">
        <v>1</v>
      </c>
      <c r="HJ39" s="61">
        <v>1</v>
      </c>
      <c r="HK39" s="61">
        <v>0</v>
      </c>
      <c r="HL39" s="61">
        <v>1</v>
      </c>
      <c r="HM39" s="62">
        <v>3</v>
      </c>
      <c r="HN39" s="63">
        <v>4</v>
      </c>
      <c r="HO39" s="60">
        <v>0</v>
      </c>
      <c r="HP39" s="61">
        <v>0</v>
      </c>
      <c r="HQ39" s="62">
        <v>0</v>
      </c>
      <c r="HR39" s="231"/>
      <c r="HS39" s="61">
        <v>1</v>
      </c>
      <c r="HT39" s="61">
        <v>1</v>
      </c>
      <c r="HU39" s="61">
        <v>0</v>
      </c>
      <c r="HV39" s="61">
        <v>1</v>
      </c>
      <c r="HW39" s="61">
        <v>0</v>
      </c>
      <c r="HX39" s="62">
        <v>3</v>
      </c>
      <c r="HY39" s="63">
        <v>3</v>
      </c>
      <c r="HZ39" s="60">
        <v>1</v>
      </c>
      <c r="IA39" s="61">
        <v>1</v>
      </c>
      <c r="IB39" s="62">
        <v>2</v>
      </c>
      <c r="IC39" s="231"/>
      <c r="ID39" s="61">
        <v>1</v>
      </c>
      <c r="IE39" s="61">
        <v>0</v>
      </c>
      <c r="IF39" s="61">
        <v>0</v>
      </c>
      <c r="IG39" s="61">
        <v>1</v>
      </c>
      <c r="IH39" s="61">
        <v>0</v>
      </c>
      <c r="II39" s="62">
        <v>2</v>
      </c>
      <c r="IJ39" s="63">
        <v>4</v>
      </c>
      <c r="IK39" s="60">
        <v>0</v>
      </c>
      <c r="IL39" s="61">
        <v>2</v>
      </c>
      <c r="IM39" s="62">
        <v>2</v>
      </c>
      <c r="IN39" s="231"/>
      <c r="IO39" s="61">
        <v>5</v>
      </c>
      <c r="IP39" s="61">
        <v>1</v>
      </c>
      <c r="IQ39" s="61">
        <v>0</v>
      </c>
      <c r="IR39" s="61">
        <v>2</v>
      </c>
      <c r="IS39" s="61">
        <v>1</v>
      </c>
      <c r="IT39" s="62">
        <v>9</v>
      </c>
      <c r="IU39" s="63">
        <v>11</v>
      </c>
      <c r="IV39" s="60">
        <v>2</v>
      </c>
      <c r="IW39" s="61">
        <v>2</v>
      </c>
      <c r="IX39" s="62">
        <v>4</v>
      </c>
      <c r="IY39" s="231"/>
      <c r="IZ39" s="61">
        <v>4</v>
      </c>
      <c r="JA39" s="61">
        <v>3</v>
      </c>
      <c r="JB39" s="61">
        <v>3</v>
      </c>
      <c r="JC39" s="61">
        <v>2</v>
      </c>
      <c r="JD39" s="61">
        <v>2</v>
      </c>
      <c r="JE39" s="62">
        <v>14</v>
      </c>
      <c r="JF39" s="63">
        <v>18</v>
      </c>
      <c r="JG39" s="60">
        <v>1</v>
      </c>
      <c r="JH39" s="61">
        <v>3</v>
      </c>
      <c r="JI39" s="62">
        <v>4</v>
      </c>
      <c r="JJ39" s="231"/>
      <c r="JK39" s="61">
        <v>2</v>
      </c>
      <c r="JL39" s="61">
        <v>1</v>
      </c>
      <c r="JM39" s="61">
        <v>0</v>
      </c>
      <c r="JN39" s="61">
        <v>3</v>
      </c>
      <c r="JO39" s="61">
        <v>3</v>
      </c>
      <c r="JP39" s="62">
        <v>9</v>
      </c>
      <c r="JQ39" s="63">
        <v>13</v>
      </c>
      <c r="JR39" s="60">
        <v>0</v>
      </c>
      <c r="JS39" s="61">
        <v>0</v>
      </c>
      <c r="JT39" s="62">
        <v>0</v>
      </c>
      <c r="JU39" s="231"/>
      <c r="JV39" s="61">
        <v>0</v>
      </c>
      <c r="JW39" s="61">
        <v>0</v>
      </c>
      <c r="JX39" s="61">
        <v>0</v>
      </c>
      <c r="JY39" s="61">
        <v>0</v>
      </c>
      <c r="JZ39" s="61">
        <v>0</v>
      </c>
      <c r="KA39" s="62">
        <v>0</v>
      </c>
      <c r="KB39" s="63">
        <v>0</v>
      </c>
      <c r="KC39" s="60">
        <v>5</v>
      </c>
      <c r="KD39" s="61">
        <v>8</v>
      </c>
      <c r="KE39" s="62">
        <v>13</v>
      </c>
      <c r="KF39" s="231"/>
      <c r="KG39" s="61">
        <v>13</v>
      </c>
      <c r="KH39" s="61">
        <v>7</v>
      </c>
      <c r="KI39" s="61">
        <v>4</v>
      </c>
      <c r="KJ39" s="61">
        <v>9</v>
      </c>
      <c r="KK39" s="61">
        <v>7</v>
      </c>
      <c r="KL39" s="62">
        <v>40</v>
      </c>
      <c r="KM39" s="63">
        <v>53</v>
      </c>
    </row>
    <row r="40" spans="2:299" ht="21" customHeight="1" thickBot="1" x14ac:dyDescent="0.25">
      <c r="B40" s="473" t="s">
        <v>37</v>
      </c>
      <c r="C40" s="294">
        <v>0</v>
      </c>
      <c r="D40" s="77">
        <v>0</v>
      </c>
      <c r="E40" s="78">
        <v>0</v>
      </c>
      <c r="F40" s="229"/>
      <c r="G40" s="77">
        <v>1</v>
      </c>
      <c r="H40" s="77">
        <v>1</v>
      </c>
      <c r="I40" s="77">
        <v>2</v>
      </c>
      <c r="J40" s="77">
        <v>1</v>
      </c>
      <c r="K40" s="77">
        <v>0</v>
      </c>
      <c r="L40" s="79">
        <v>5</v>
      </c>
      <c r="M40" s="80">
        <v>5</v>
      </c>
      <c r="N40" s="64">
        <v>0</v>
      </c>
      <c r="O40" s="65">
        <v>0</v>
      </c>
      <c r="P40" s="66">
        <v>0</v>
      </c>
      <c r="Q40" s="232"/>
      <c r="R40" s="65">
        <v>0</v>
      </c>
      <c r="S40" s="65">
        <v>0</v>
      </c>
      <c r="T40" s="65">
        <v>0</v>
      </c>
      <c r="U40" s="65">
        <v>0</v>
      </c>
      <c r="V40" s="65">
        <v>0</v>
      </c>
      <c r="W40" s="66">
        <v>0</v>
      </c>
      <c r="X40" s="67">
        <v>0</v>
      </c>
      <c r="Y40" s="64">
        <v>0</v>
      </c>
      <c r="Z40" s="65">
        <v>0</v>
      </c>
      <c r="AA40" s="66">
        <v>0</v>
      </c>
      <c r="AB40" s="232"/>
      <c r="AC40" s="65">
        <v>0</v>
      </c>
      <c r="AD40" s="65">
        <v>0</v>
      </c>
      <c r="AE40" s="65">
        <v>1</v>
      </c>
      <c r="AF40" s="65">
        <v>0</v>
      </c>
      <c r="AG40" s="65">
        <v>0</v>
      </c>
      <c r="AH40" s="66">
        <v>1</v>
      </c>
      <c r="AI40" s="67">
        <v>1</v>
      </c>
      <c r="AJ40" s="64">
        <v>0</v>
      </c>
      <c r="AK40" s="65">
        <v>0</v>
      </c>
      <c r="AL40" s="66">
        <v>0</v>
      </c>
      <c r="AM40" s="232"/>
      <c r="AN40" s="65">
        <v>1</v>
      </c>
      <c r="AO40" s="65">
        <v>0</v>
      </c>
      <c r="AP40" s="65">
        <v>1</v>
      </c>
      <c r="AQ40" s="65">
        <v>0</v>
      </c>
      <c r="AR40" s="65">
        <v>0</v>
      </c>
      <c r="AS40" s="66">
        <v>2</v>
      </c>
      <c r="AT40" s="67">
        <v>2</v>
      </c>
      <c r="AU40" s="64">
        <v>0</v>
      </c>
      <c r="AV40" s="65">
        <v>0</v>
      </c>
      <c r="AW40" s="66">
        <v>0</v>
      </c>
      <c r="AX40" s="232"/>
      <c r="AY40" s="65">
        <v>0</v>
      </c>
      <c r="AZ40" s="65">
        <v>0</v>
      </c>
      <c r="BA40" s="65">
        <v>0</v>
      </c>
      <c r="BB40" s="65">
        <v>0</v>
      </c>
      <c r="BC40" s="65">
        <v>0</v>
      </c>
      <c r="BD40" s="66">
        <v>0</v>
      </c>
      <c r="BE40" s="67">
        <v>0</v>
      </c>
      <c r="BF40" s="64">
        <v>0</v>
      </c>
      <c r="BG40" s="65">
        <v>0</v>
      </c>
      <c r="BH40" s="66">
        <v>0</v>
      </c>
      <c r="BI40" s="232"/>
      <c r="BJ40" s="65">
        <v>0</v>
      </c>
      <c r="BK40" s="65">
        <v>1</v>
      </c>
      <c r="BL40" s="65">
        <v>0</v>
      </c>
      <c r="BM40" s="65">
        <v>1</v>
      </c>
      <c r="BN40" s="65">
        <v>0</v>
      </c>
      <c r="BO40" s="66">
        <v>2</v>
      </c>
      <c r="BP40" s="67">
        <v>2</v>
      </c>
      <c r="BQ40" s="64">
        <v>0</v>
      </c>
      <c r="BR40" s="65">
        <v>0</v>
      </c>
      <c r="BS40" s="66">
        <v>0</v>
      </c>
      <c r="BT40" s="232"/>
      <c r="BU40" s="65">
        <v>0</v>
      </c>
      <c r="BV40" s="65">
        <v>0</v>
      </c>
      <c r="BW40" s="65">
        <v>0</v>
      </c>
      <c r="BX40" s="65">
        <v>0</v>
      </c>
      <c r="BY40" s="65">
        <v>0</v>
      </c>
      <c r="BZ40" s="66">
        <v>0</v>
      </c>
      <c r="CA40" s="67">
        <v>0</v>
      </c>
      <c r="CB40" s="64">
        <v>0</v>
      </c>
      <c r="CC40" s="65">
        <v>0</v>
      </c>
      <c r="CD40" s="66">
        <v>0</v>
      </c>
      <c r="CE40" s="232"/>
      <c r="CF40" s="65">
        <v>0</v>
      </c>
      <c r="CG40" s="65">
        <v>0</v>
      </c>
      <c r="CH40" s="65">
        <v>0</v>
      </c>
      <c r="CI40" s="65">
        <v>0</v>
      </c>
      <c r="CJ40" s="65">
        <v>0</v>
      </c>
      <c r="CK40" s="66">
        <v>0</v>
      </c>
      <c r="CL40" s="67">
        <v>0</v>
      </c>
      <c r="CM40" s="64">
        <v>0</v>
      </c>
      <c r="CN40" s="65">
        <v>0</v>
      </c>
      <c r="CO40" s="66">
        <v>0</v>
      </c>
      <c r="CP40" s="232"/>
      <c r="CQ40" s="65">
        <v>1</v>
      </c>
      <c r="CR40" s="65">
        <v>1</v>
      </c>
      <c r="CS40" s="65">
        <v>2</v>
      </c>
      <c r="CT40" s="65">
        <v>1</v>
      </c>
      <c r="CU40" s="65">
        <v>0</v>
      </c>
      <c r="CV40" s="66">
        <v>5</v>
      </c>
      <c r="CW40" s="67">
        <v>5</v>
      </c>
      <c r="CX40" s="114">
        <v>0</v>
      </c>
      <c r="CY40" s="77">
        <v>0</v>
      </c>
      <c r="CZ40" s="78">
        <v>0</v>
      </c>
      <c r="DA40" s="229"/>
      <c r="DB40" s="77">
        <v>0</v>
      </c>
      <c r="DC40" s="77">
        <v>0</v>
      </c>
      <c r="DD40" s="77">
        <v>0</v>
      </c>
      <c r="DE40" s="77">
        <v>0</v>
      </c>
      <c r="DF40" s="77">
        <v>0</v>
      </c>
      <c r="DG40" s="79">
        <v>0</v>
      </c>
      <c r="DH40" s="80">
        <v>0</v>
      </c>
      <c r="DI40" s="64">
        <v>0</v>
      </c>
      <c r="DJ40" s="65">
        <v>0</v>
      </c>
      <c r="DK40" s="66">
        <v>0</v>
      </c>
      <c r="DL40" s="232"/>
      <c r="DM40" s="65">
        <v>0</v>
      </c>
      <c r="DN40" s="65">
        <v>0</v>
      </c>
      <c r="DO40" s="65">
        <v>0</v>
      </c>
      <c r="DP40" s="65">
        <v>0</v>
      </c>
      <c r="DQ40" s="65">
        <v>0</v>
      </c>
      <c r="DR40" s="66">
        <v>0</v>
      </c>
      <c r="DS40" s="67">
        <v>0</v>
      </c>
      <c r="DT40" s="64">
        <v>0</v>
      </c>
      <c r="DU40" s="65">
        <v>0</v>
      </c>
      <c r="DV40" s="66">
        <v>0</v>
      </c>
      <c r="DW40" s="232"/>
      <c r="DX40" s="65">
        <v>0</v>
      </c>
      <c r="DY40" s="65">
        <v>0</v>
      </c>
      <c r="DZ40" s="65">
        <v>0</v>
      </c>
      <c r="EA40" s="65">
        <v>0</v>
      </c>
      <c r="EB40" s="65">
        <v>0</v>
      </c>
      <c r="EC40" s="66">
        <v>0</v>
      </c>
      <c r="ED40" s="67">
        <v>0</v>
      </c>
      <c r="EE40" s="64">
        <v>0</v>
      </c>
      <c r="EF40" s="65">
        <v>0</v>
      </c>
      <c r="EG40" s="66">
        <v>0</v>
      </c>
      <c r="EH40" s="232"/>
      <c r="EI40" s="65">
        <v>0</v>
      </c>
      <c r="EJ40" s="65">
        <v>0</v>
      </c>
      <c r="EK40" s="65">
        <v>0</v>
      </c>
      <c r="EL40" s="65">
        <v>0</v>
      </c>
      <c r="EM40" s="65">
        <v>0</v>
      </c>
      <c r="EN40" s="66">
        <v>0</v>
      </c>
      <c r="EO40" s="67">
        <v>0</v>
      </c>
      <c r="EP40" s="64">
        <v>0</v>
      </c>
      <c r="EQ40" s="65">
        <v>0</v>
      </c>
      <c r="ER40" s="66">
        <v>0</v>
      </c>
      <c r="ES40" s="232"/>
      <c r="ET40" s="65">
        <v>0</v>
      </c>
      <c r="EU40" s="65">
        <v>0</v>
      </c>
      <c r="EV40" s="65">
        <v>0</v>
      </c>
      <c r="EW40" s="65">
        <v>0</v>
      </c>
      <c r="EX40" s="65">
        <v>0</v>
      </c>
      <c r="EY40" s="66">
        <v>0</v>
      </c>
      <c r="EZ40" s="67">
        <v>0</v>
      </c>
      <c r="FA40" s="64">
        <v>0</v>
      </c>
      <c r="FB40" s="65">
        <v>0</v>
      </c>
      <c r="FC40" s="66">
        <v>0</v>
      </c>
      <c r="FD40" s="232"/>
      <c r="FE40" s="65">
        <v>0</v>
      </c>
      <c r="FF40" s="65">
        <v>0</v>
      </c>
      <c r="FG40" s="65">
        <v>0</v>
      </c>
      <c r="FH40" s="65">
        <v>0</v>
      </c>
      <c r="FI40" s="65">
        <v>0</v>
      </c>
      <c r="FJ40" s="66">
        <v>0</v>
      </c>
      <c r="FK40" s="67">
        <v>0</v>
      </c>
      <c r="FL40" s="64">
        <v>0</v>
      </c>
      <c r="FM40" s="65">
        <v>0</v>
      </c>
      <c r="FN40" s="66">
        <v>0</v>
      </c>
      <c r="FO40" s="232"/>
      <c r="FP40" s="65">
        <v>0</v>
      </c>
      <c r="FQ40" s="65">
        <v>0</v>
      </c>
      <c r="FR40" s="65">
        <v>0</v>
      </c>
      <c r="FS40" s="65">
        <v>0</v>
      </c>
      <c r="FT40" s="65">
        <v>0</v>
      </c>
      <c r="FU40" s="66">
        <v>0</v>
      </c>
      <c r="FV40" s="67">
        <v>0</v>
      </c>
      <c r="FW40" s="64">
        <v>0</v>
      </c>
      <c r="FX40" s="65">
        <v>0</v>
      </c>
      <c r="FY40" s="66">
        <v>0</v>
      </c>
      <c r="FZ40" s="232"/>
      <c r="GA40" s="65">
        <v>0</v>
      </c>
      <c r="GB40" s="65">
        <v>0</v>
      </c>
      <c r="GC40" s="65">
        <v>0</v>
      </c>
      <c r="GD40" s="65">
        <v>0</v>
      </c>
      <c r="GE40" s="65">
        <v>0</v>
      </c>
      <c r="GF40" s="66">
        <v>0</v>
      </c>
      <c r="GG40" s="67">
        <v>0</v>
      </c>
      <c r="GH40" s="64">
        <v>0</v>
      </c>
      <c r="GI40" s="65">
        <v>0</v>
      </c>
      <c r="GJ40" s="66">
        <v>0</v>
      </c>
      <c r="GK40" s="232"/>
      <c r="GL40" s="65">
        <v>0</v>
      </c>
      <c r="GM40" s="65">
        <v>0</v>
      </c>
      <c r="GN40" s="65">
        <v>0</v>
      </c>
      <c r="GO40" s="65">
        <v>0</v>
      </c>
      <c r="GP40" s="65">
        <v>0</v>
      </c>
      <c r="GQ40" s="66">
        <v>0</v>
      </c>
      <c r="GR40" s="67">
        <v>0</v>
      </c>
      <c r="GS40" s="114">
        <v>0</v>
      </c>
      <c r="GT40" s="77">
        <v>0</v>
      </c>
      <c r="GU40" s="78">
        <v>0</v>
      </c>
      <c r="GV40" s="229"/>
      <c r="GW40" s="77">
        <v>1</v>
      </c>
      <c r="GX40" s="77">
        <v>1</v>
      </c>
      <c r="GY40" s="77">
        <v>2</v>
      </c>
      <c r="GZ40" s="77">
        <v>1</v>
      </c>
      <c r="HA40" s="77">
        <v>0</v>
      </c>
      <c r="HB40" s="79">
        <v>5</v>
      </c>
      <c r="HC40" s="80">
        <v>5</v>
      </c>
      <c r="HD40" s="64">
        <v>0</v>
      </c>
      <c r="HE40" s="65">
        <v>0</v>
      </c>
      <c r="HF40" s="66">
        <v>0</v>
      </c>
      <c r="HG40" s="232"/>
      <c r="HH40" s="65">
        <v>0</v>
      </c>
      <c r="HI40" s="65">
        <v>0</v>
      </c>
      <c r="HJ40" s="65">
        <v>0</v>
      </c>
      <c r="HK40" s="65">
        <v>0</v>
      </c>
      <c r="HL40" s="65">
        <v>0</v>
      </c>
      <c r="HM40" s="66">
        <v>0</v>
      </c>
      <c r="HN40" s="67">
        <v>0</v>
      </c>
      <c r="HO40" s="64">
        <v>0</v>
      </c>
      <c r="HP40" s="65">
        <v>0</v>
      </c>
      <c r="HQ40" s="66">
        <v>0</v>
      </c>
      <c r="HR40" s="232"/>
      <c r="HS40" s="65">
        <v>0</v>
      </c>
      <c r="HT40" s="65">
        <v>0</v>
      </c>
      <c r="HU40" s="65">
        <v>1</v>
      </c>
      <c r="HV40" s="65">
        <v>0</v>
      </c>
      <c r="HW40" s="65">
        <v>0</v>
      </c>
      <c r="HX40" s="66">
        <v>1</v>
      </c>
      <c r="HY40" s="67">
        <v>1</v>
      </c>
      <c r="HZ40" s="64">
        <v>0</v>
      </c>
      <c r="IA40" s="65">
        <v>0</v>
      </c>
      <c r="IB40" s="66">
        <v>0</v>
      </c>
      <c r="IC40" s="232"/>
      <c r="ID40" s="65">
        <v>1</v>
      </c>
      <c r="IE40" s="65">
        <v>0</v>
      </c>
      <c r="IF40" s="65">
        <v>1</v>
      </c>
      <c r="IG40" s="65">
        <v>0</v>
      </c>
      <c r="IH40" s="65">
        <v>0</v>
      </c>
      <c r="II40" s="66">
        <v>2</v>
      </c>
      <c r="IJ40" s="67">
        <v>2</v>
      </c>
      <c r="IK40" s="64">
        <v>0</v>
      </c>
      <c r="IL40" s="65">
        <v>0</v>
      </c>
      <c r="IM40" s="66">
        <v>0</v>
      </c>
      <c r="IN40" s="232"/>
      <c r="IO40" s="65">
        <v>0</v>
      </c>
      <c r="IP40" s="65">
        <v>0</v>
      </c>
      <c r="IQ40" s="65">
        <v>0</v>
      </c>
      <c r="IR40" s="65">
        <v>0</v>
      </c>
      <c r="IS40" s="65">
        <v>0</v>
      </c>
      <c r="IT40" s="66">
        <v>0</v>
      </c>
      <c r="IU40" s="67">
        <v>0</v>
      </c>
      <c r="IV40" s="64">
        <v>0</v>
      </c>
      <c r="IW40" s="65">
        <v>0</v>
      </c>
      <c r="IX40" s="66">
        <v>0</v>
      </c>
      <c r="IY40" s="232"/>
      <c r="IZ40" s="65">
        <v>0</v>
      </c>
      <c r="JA40" s="65">
        <v>1</v>
      </c>
      <c r="JB40" s="65">
        <v>0</v>
      </c>
      <c r="JC40" s="65">
        <v>1</v>
      </c>
      <c r="JD40" s="65">
        <v>0</v>
      </c>
      <c r="JE40" s="66">
        <v>2</v>
      </c>
      <c r="JF40" s="67">
        <v>2</v>
      </c>
      <c r="JG40" s="64">
        <v>0</v>
      </c>
      <c r="JH40" s="65">
        <v>0</v>
      </c>
      <c r="JI40" s="66">
        <v>0</v>
      </c>
      <c r="JJ40" s="232"/>
      <c r="JK40" s="65">
        <v>0</v>
      </c>
      <c r="JL40" s="65">
        <v>0</v>
      </c>
      <c r="JM40" s="65">
        <v>0</v>
      </c>
      <c r="JN40" s="65">
        <v>0</v>
      </c>
      <c r="JO40" s="65">
        <v>0</v>
      </c>
      <c r="JP40" s="66">
        <v>0</v>
      </c>
      <c r="JQ40" s="67">
        <v>0</v>
      </c>
      <c r="JR40" s="64">
        <v>0</v>
      </c>
      <c r="JS40" s="65">
        <v>0</v>
      </c>
      <c r="JT40" s="66">
        <v>0</v>
      </c>
      <c r="JU40" s="232"/>
      <c r="JV40" s="65">
        <v>0</v>
      </c>
      <c r="JW40" s="65">
        <v>0</v>
      </c>
      <c r="JX40" s="65">
        <v>0</v>
      </c>
      <c r="JY40" s="65">
        <v>0</v>
      </c>
      <c r="JZ40" s="65">
        <v>0</v>
      </c>
      <c r="KA40" s="66">
        <v>0</v>
      </c>
      <c r="KB40" s="67">
        <v>0</v>
      </c>
      <c r="KC40" s="64">
        <v>0</v>
      </c>
      <c r="KD40" s="65">
        <v>0</v>
      </c>
      <c r="KE40" s="66">
        <v>0</v>
      </c>
      <c r="KF40" s="232"/>
      <c r="KG40" s="65">
        <v>1</v>
      </c>
      <c r="KH40" s="65">
        <v>1</v>
      </c>
      <c r="KI40" s="65">
        <v>2</v>
      </c>
      <c r="KJ40" s="65">
        <v>1</v>
      </c>
      <c r="KK40" s="65">
        <v>0</v>
      </c>
      <c r="KL40" s="66">
        <v>5</v>
      </c>
      <c r="KM40" s="67">
        <v>5</v>
      </c>
    </row>
    <row r="41" spans="2:299" ht="32.25" customHeight="1" x14ac:dyDescent="0.2">
      <c r="C41" s="289"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3.77734375" style="39" customWidth="1"/>
    <col min="2" max="2" width="9.77734375" style="39" customWidth="1"/>
    <col min="3" max="11" width="7.88671875" style="38" customWidth="1"/>
    <col min="12" max="13" width="8.77734375" style="38" customWidth="1"/>
    <col min="14" max="33" width="7.88671875" style="38" customWidth="1"/>
    <col min="34" max="34" width="9.109375" style="38" customWidth="1"/>
    <col min="35" max="35" width="8.44140625" style="38" customWidth="1"/>
    <col min="36" max="55" width="7.88671875" style="38" customWidth="1"/>
    <col min="56" max="56" width="9.109375" style="38" customWidth="1"/>
    <col min="57" max="57" width="8.44140625" style="38" customWidth="1"/>
    <col min="58" max="77" width="7.88671875" style="38" customWidth="1"/>
    <col min="78" max="78" width="9.109375" style="38" customWidth="1"/>
    <col min="79" max="79" width="8.44140625" style="38" customWidth="1"/>
    <col min="80" max="86" width="7.88671875" style="38" customWidth="1"/>
    <col min="87" max="93" width="9" style="38"/>
    <col min="94" max="94" width="8.44140625" style="38" customWidth="1"/>
    <col min="95" max="102" width="9" style="38"/>
    <col min="103" max="104" width="9" style="39"/>
    <col min="105" max="105" width="7.77734375" style="39" customWidth="1"/>
    <col min="106" max="115" width="9" style="39"/>
    <col min="116" max="116" width="7.77734375" style="39" customWidth="1"/>
    <col min="117" max="126" width="9" style="39"/>
    <col min="127" max="127" width="7.77734375" style="39" customWidth="1"/>
    <col min="128" max="137" width="9" style="39"/>
    <col min="138" max="138" width="8" style="39" customWidth="1"/>
    <col min="139" max="148" width="9" style="39"/>
    <col min="149" max="149" width="7.77734375" style="39" customWidth="1"/>
    <col min="150" max="159" width="9" style="39"/>
    <col min="160" max="160" width="7.44140625" style="39" customWidth="1"/>
    <col min="161" max="170" width="9" style="39"/>
    <col min="171" max="171" width="7.88671875" style="39" customWidth="1"/>
    <col min="172" max="181" width="9" style="39"/>
    <col min="182" max="182" width="7.21875" style="39" customWidth="1"/>
    <col min="183" max="192" width="9" style="39"/>
    <col min="193" max="193" width="8" style="39" customWidth="1"/>
    <col min="194" max="203" width="9" style="39"/>
    <col min="204" max="204" width="7.88671875" style="39" customWidth="1"/>
    <col min="205" max="214" width="9" style="39"/>
    <col min="215" max="215" width="7.88671875" style="39" customWidth="1"/>
    <col min="216" max="225" width="9" style="39"/>
    <col min="226" max="226" width="7.33203125" style="39" customWidth="1"/>
    <col min="227" max="236" width="9" style="39"/>
    <col min="237" max="237" width="7.6640625" style="39" customWidth="1"/>
    <col min="238" max="247" width="9" style="39"/>
    <col min="248" max="248" width="8" style="39" customWidth="1"/>
    <col min="249" max="258" width="9" style="39"/>
    <col min="259" max="259" width="8" style="39" customWidth="1"/>
    <col min="260" max="269" width="9" style="39"/>
    <col min="270" max="270" width="8" style="39" customWidth="1"/>
    <col min="271" max="280" width="9" style="39"/>
    <col min="281" max="281" width="8" style="39" customWidth="1"/>
    <col min="282" max="291" width="9" style="39"/>
    <col min="292" max="292" width="8.109375" style="39" customWidth="1"/>
    <col min="293" max="16384" width="9" style="39"/>
  </cols>
  <sheetData>
    <row r="1" spans="2:299" ht="24" customHeight="1" x14ac:dyDescent="0.2">
      <c r="B1" s="10" t="s">
        <v>121</v>
      </c>
      <c r="F1" s="499">
        <f>第１表!F2</f>
        <v>5</v>
      </c>
      <c r="G1" s="499"/>
      <c r="H1" s="235">
        <f>第１表!G2</f>
        <v>9</v>
      </c>
      <c r="I1" s="481">
        <f>H1</f>
        <v>9</v>
      </c>
      <c r="J1" s="481"/>
    </row>
    <row r="2" spans="2:299" ht="24" customHeight="1" thickBot="1" x14ac:dyDescent="0.25">
      <c r="B2" s="15" t="s">
        <v>152</v>
      </c>
    </row>
    <row r="3" spans="2:299" ht="21" customHeight="1" thickBot="1" x14ac:dyDescent="0.25">
      <c r="B3" s="482" t="s">
        <v>38</v>
      </c>
      <c r="C3" s="494" t="s">
        <v>96</v>
      </c>
      <c r="D3" s="494"/>
      <c r="E3" s="494"/>
      <c r="F3" s="494"/>
      <c r="G3" s="494"/>
      <c r="H3" s="494"/>
      <c r="I3" s="494"/>
      <c r="J3" s="494"/>
      <c r="K3" s="494"/>
      <c r="L3" s="494"/>
      <c r="M3" s="494"/>
      <c r="N3" s="494"/>
      <c r="O3" s="494"/>
      <c r="P3" s="494"/>
      <c r="Q3" s="494"/>
      <c r="R3" s="494"/>
      <c r="S3" s="494"/>
      <c r="T3" s="494"/>
      <c r="U3" s="494"/>
      <c r="V3" s="494"/>
      <c r="W3" s="494"/>
      <c r="X3" s="494"/>
      <c r="Y3" s="494"/>
      <c r="Z3" s="494"/>
      <c r="AA3" s="494"/>
      <c r="AB3" s="494"/>
      <c r="AC3" s="494"/>
      <c r="AD3" s="494"/>
      <c r="AE3" s="494"/>
      <c r="AF3" s="494"/>
      <c r="AG3" s="494"/>
      <c r="AH3" s="494"/>
      <c r="AI3" s="494"/>
      <c r="AJ3" s="494"/>
      <c r="AK3" s="494"/>
      <c r="AL3" s="494"/>
      <c r="AM3" s="494"/>
      <c r="AN3" s="494"/>
      <c r="AO3" s="494"/>
      <c r="AP3" s="494"/>
      <c r="AQ3" s="494"/>
      <c r="AR3" s="494"/>
      <c r="AS3" s="494"/>
      <c r="AT3" s="494"/>
      <c r="AU3" s="494"/>
      <c r="AV3" s="494"/>
      <c r="AW3" s="494"/>
      <c r="AX3" s="494"/>
      <c r="AY3" s="494"/>
      <c r="AZ3" s="494"/>
      <c r="BA3" s="494"/>
      <c r="BB3" s="494"/>
      <c r="BC3" s="494"/>
      <c r="BD3" s="494"/>
      <c r="BE3" s="494"/>
      <c r="BF3" s="494"/>
      <c r="BG3" s="494"/>
      <c r="BH3" s="494"/>
      <c r="BI3" s="494"/>
      <c r="BJ3" s="494"/>
      <c r="BK3" s="494"/>
      <c r="BL3" s="494"/>
      <c r="BM3" s="494"/>
      <c r="BN3" s="494"/>
      <c r="BO3" s="494"/>
      <c r="BP3" s="494"/>
      <c r="BQ3" s="494"/>
      <c r="BR3" s="494"/>
      <c r="BS3" s="494"/>
      <c r="BT3" s="494"/>
      <c r="BU3" s="494"/>
      <c r="BV3" s="494"/>
      <c r="BW3" s="494"/>
      <c r="BX3" s="494"/>
      <c r="BY3" s="494"/>
      <c r="BZ3" s="494"/>
      <c r="CA3" s="494"/>
      <c r="CB3" s="494"/>
      <c r="CC3" s="494"/>
      <c r="CD3" s="494"/>
      <c r="CE3" s="494"/>
      <c r="CF3" s="494"/>
      <c r="CG3" s="494"/>
      <c r="CH3" s="494"/>
      <c r="CI3" s="494"/>
      <c r="CJ3" s="494"/>
      <c r="CK3" s="494"/>
      <c r="CL3" s="494"/>
      <c r="CM3" s="494"/>
      <c r="CN3" s="494"/>
      <c r="CO3" s="494"/>
      <c r="CP3" s="494"/>
      <c r="CQ3" s="494"/>
      <c r="CR3" s="494"/>
      <c r="CS3" s="494"/>
      <c r="CT3" s="494"/>
      <c r="CU3" s="494"/>
      <c r="CV3" s="494"/>
      <c r="CW3" s="495"/>
      <c r="CX3" s="494" t="s">
        <v>103</v>
      </c>
      <c r="CY3" s="494"/>
      <c r="CZ3" s="494"/>
      <c r="DA3" s="494"/>
      <c r="DB3" s="494"/>
      <c r="DC3" s="494"/>
      <c r="DD3" s="494"/>
      <c r="DE3" s="494"/>
      <c r="DF3" s="494"/>
      <c r="DG3" s="494"/>
      <c r="DH3" s="494"/>
      <c r="DI3" s="494"/>
      <c r="DJ3" s="494"/>
      <c r="DK3" s="494"/>
      <c r="DL3" s="494"/>
      <c r="DM3" s="494"/>
      <c r="DN3" s="494"/>
      <c r="DO3" s="494"/>
      <c r="DP3" s="494"/>
      <c r="DQ3" s="494"/>
      <c r="DR3" s="494"/>
      <c r="DS3" s="494"/>
      <c r="DT3" s="494"/>
      <c r="DU3" s="494"/>
      <c r="DV3" s="494"/>
      <c r="DW3" s="494"/>
      <c r="DX3" s="494"/>
      <c r="DY3" s="494"/>
      <c r="DZ3" s="494"/>
      <c r="EA3" s="494"/>
      <c r="EB3" s="494"/>
      <c r="EC3" s="494"/>
      <c r="ED3" s="494"/>
      <c r="EE3" s="494"/>
      <c r="EF3" s="494"/>
      <c r="EG3" s="494"/>
      <c r="EH3" s="494"/>
      <c r="EI3" s="494"/>
      <c r="EJ3" s="494"/>
      <c r="EK3" s="494"/>
      <c r="EL3" s="494"/>
      <c r="EM3" s="494"/>
      <c r="EN3" s="494"/>
      <c r="EO3" s="494"/>
      <c r="EP3" s="494"/>
      <c r="EQ3" s="494"/>
      <c r="ER3" s="494"/>
      <c r="ES3" s="494"/>
      <c r="ET3" s="494"/>
      <c r="EU3" s="494"/>
      <c r="EV3" s="494"/>
      <c r="EW3" s="494"/>
      <c r="EX3" s="494"/>
      <c r="EY3" s="494"/>
      <c r="EZ3" s="494"/>
      <c r="FA3" s="494"/>
      <c r="FB3" s="494"/>
      <c r="FC3" s="494"/>
      <c r="FD3" s="494"/>
      <c r="FE3" s="494"/>
      <c r="FF3" s="494"/>
      <c r="FG3" s="494"/>
      <c r="FH3" s="494"/>
      <c r="FI3" s="494"/>
      <c r="FJ3" s="494"/>
      <c r="FK3" s="494"/>
      <c r="FL3" s="494"/>
      <c r="FM3" s="494"/>
      <c r="FN3" s="494"/>
      <c r="FO3" s="494"/>
      <c r="FP3" s="494"/>
      <c r="FQ3" s="494"/>
      <c r="FR3" s="494"/>
      <c r="FS3" s="494"/>
      <c r="FT3" s="494"/>
      <c r="FU3" s="494"/>
      <c r="FV3" s="494"/>
      <c r="FW3" s="494"/>
      <c r="FX3" s="494"/>
      <c r="FY3" s="494"/>
      <c r="FZ3" s="494"/>
      <c r="GA3" s="494"/>
      <c r="GB3" s="494"/>
      <c r="GC3" s="494"/>
      <c r="GD3" s="494"/>
      <c r="GE3" s="494"/>
      <c r="GF3" s="494"/>
      <c r="GG3" s="494"/>
      <c r="GH3" s="494"/>
      <c r="GI3" s="494"/>
      <c r="GJ3" s="494"/>
      <c r="GK3" s="494"/>
      <c r="GL3" s="494"/>
      <c r="GM3" s="494"/>
      <c r="GN3" s="494"/>
      <c r="GO3" s="494"/>
      <c r="GP3" s="494"/>
      <c r="GQ3" s="494"/>
      <c r="GR3" s="495"/>
      <c r="GS3" s="494" t="s">
        <v>104</v>
      </c>
      <c r="GT3" s="494"/>
      <c r="GU3" s="494"/>
      <c r="GV3" s="494"/>
      <c r="GW3" s="494"/>
      <c r="GX3" s="494"/>
      <c r="GY3" s="494"/>
      <c r="GZ3" s="494"/>
      <c r="HA3" s="494"/>
      <c r="HB3" s="494"/>
      <c r="HC3" s="494"/>
      <c r="HD3" s="494"/>
      <c r="HE3" s="494"/>
      <c r="HF3" s="494"/>
      <c r="HG3" s="494"/>
      <c r="HH3" s="494"/>
      <c r="HI3" s="494"/>
      <c r="HJ3" s="494"/>
      <c r="HK3" s="494"/>
      <c r="HL3" s="494"/>
      <c r="HM3" s="494"/>
      <c r="HN3" s="494"/>
      <c r="HO3" s="494"/>
      <c r="HP3" s="494"/>
      <c r="HQ3" s="494"/>
      <c r="HR3" s="494"/>
      <c r="HS3" s="494"/>
      <c r="HT3" s="494"/>
      <c r="HU3" s="494"/>
      <c r="HV3" s="494"/>
      <c r="HW3" s="494"/>
      <c r="HX3" s="494"/>
      <c r="HY3" s="494"/>
      <c r="HZ3" s="494"/>
      <c r="IA3" s="494"/>
      <c r="IB3" s="494"/>
      <c r="IC3" s="494"/>
      <c r="ID3" s="494"/>
      <c r="IE3" s="494"/>
      <c r="IF3" s="494"/>
      <c r="IG3" s="494"/>
      <c r="IH3" s="494"/>
      <c r="II3" s="494"/>
      <c r="IJ3" s="494"/>
      <c r="IK3" s="494"/>
      <c r="IL3" s="494"/>
      <c r="IM3" s="494"/>
      <c r="IN3" s="494"/>
      <c r="IO3" s="494"/>
      <c r="IP3" s="494"/>
      <c r="IQ3" s="494"/>
      <c r="IR3" s="494"/>
      <c r="IS3" s="494"/>
      <c r="IT3" s="494"/>
      <c r="IU3" s="494"/>
      <c r="IV3" s="494"/>
      <c r="IW3" s="494"/>
      <c r="IX3" s="494"/>
      <c r="IY3" s="494"/>
      <c r="IZ3" s="494"/>
      <c r="JA3" s="494"/>
      <c r="JB3" s="494"/>
      <c r="JC3" s="494"/>
      <c r="JD3" s="494"/>
      <c r="JE3" s="494"/>
      <c r="JF3" s="494"/>
      <c r="JG3" s="494"/>
      <c r="JH3" s="494"/>
      <c r="JI3" s="494"/>
      <c r="JJ3" s="494"/>
      <c r="JK3" s="494"/>
      <c r="JL3" s="494"/>
      <c r="JM3" s="494"/>
      <c r="JN3" s="494"/>
      <c r="JO3" s="494"/>
      <c r="JP3" s="494"/>
      <c r="JQ3" s="494"/>
      <c r="JR3" s="494"/>
      <c r="JS3" s="494"/>
      <c r="JT3" s="494"/>
      <c r="JU3" s="494"/>
      <c r="JV3" s="494"/>
      <c r="JW3" s="494"/>
      <c r="JX3" s="494"/>
      <c r="JY3" s="494"/>
      <c r="JZ3" s="494"/>
      <c r="KA3" s="494"/>
      <c r="KB3" s="494"/>
      <c r="KC3" s="494"/>
      <c r="KD3" s="494"/>
      <c r="KE3" s="494"/>
      <c r="KF3" s="494"/>
      <c r="KG3" s="494"/>
      <c r="KH3" s="494"/>
      <c r="KI3" s="494"/>
      <c r="KJ3" s="494"/>
      <c r="KK3" s="494"/>
      <c r="KL3" s="494"/>
      <c r="KM3" s="495"/>
    </row>
    <row r="4" spans="2:299" ht="21" customHeight="1" thickBot="1" x14ac:dyDescent="0.25">
      <c r="B4" s="500"/>
      <c r="C4" s="496" t="s">
        <v>39</v>
      </c>
      <c r="D4" s="497"/>
      <c r="E4" s="497"/>
      <c r="F4" s="497"/>
      <c r="G4" s="497"/>
      <c r="H4" s="497"/>
      <c r="I4" s="497"/>
      <c r="J4" s="497"/>
      <c r="K4" s="497"/>
      <c r="L4" s="497"/>
      <c r="M4" s="497"/>
      <c r="N4" s="497"/>
      <c r="O4" s="497"/>
      <c r="P4" s="497"/>
      <c r="Q4" s="497"/>
      <c r="R4" s="497"/>
      <c r="S4" s="497"/>
      <c r="T4" s="497"/>
      <c r="U4" s="497"/>
      <c r="V4" s="497"/>
      <c r="W4" s="497"/>
      <c r="X4" s="497"/>
      <c r="Y4" s="497"/>
      <c r="Z4" s="497"/>
      <c r="AA4" s="497"/>
      <c r="AB4" s="497"/>
      <c r="AC4" s="497"/>
      <c r="AD4" s="497"/>
      <c r="AE4" s="497"/>
      <c r="AF4" s="497"/>
      <c r="AG4" s="497"/>
      <c r="AH4" s="497"/>
      <c r="AI4" s="497"/>
      <c r="AJ4" s="497"/>
      <c r="AK4" s="497"/>
      <c r="AL4" s="497"/>
      <c r="AM4" s="497"/>
      <c r="AN4" s="497"/>
      <c r="AO4" s="497"/>
      <c r="AP4" s="497"/>
      <c r="AQ4" s="497"/>
      <c r="AR4" s="497"/>
      <c r="AS4" s="497"/>
      <c r="AT4" s="497"/>
      <c r="AU4" s="497"/>
      <c r="AV4" s="497"/>
      <c r="AW4" s="497"/>
      <c r="AX4" s="497"/>
      <c r="AY4" s="497"/>
      <c r="AZ4" s="497"/>
      <c r="BA4" s="497"/>
      <c r="BB4" s="497"/>
      <c r="BC4" s="497"/>
      <c r="BD4" s="497"/>
      <c r="BE4" s="497"/>
      <c r="BF4" s="497"/>
      <c r="BG4" s="497"/>
      <c r="BH4" s="497"/>
      <c r="BI4" s="497"/>
      <c r="BJ4" s="497"/>
      <c r="BK4" s="497"/>
      <c r="BL4" s="497"/>
      <c r="BM4" s="497"/>
      <c r="BN4" s="497"/>
      <c r="BO4" s="497"/>
      <c r="BP4" s="497"/>
      <c r="BQ4" s="497"/>
      <c r="BR4" s="497"/>
      <c r="BS4" s="497"/>
      <c r="BT4" s="497"/>
      <c r="BU4" s="497"/>
      <c r="BV4" s="497"/>
      <c r="BW4" s="497"/>
      <c r="BX4" s="497"/>
      <c r="BY4" s="497"/>
      <c r="BZ4" s="497"/>
      <c r="CA4" s="498"/>
      <c r="CB4" s="482" t="s">
        <v>40</v>
      </c>
      <c r="CC4" s="483"/>
      <c r="CD4" s="483"/>
      <c r="CE4" s="483"/>
      <c r="CF4" s="483"/>
      <c r="CG4" s="483"/>
      <c r="CH4" s="483"/>
      <c r="CI4" s="483"/>
      <c r="CJ4" s="483"/>
      <c r="CK4" s="483"/>
      <c r="CL4" s="484"/>
      <c r="CM4" s="482" t="s">
        <v>41</v>
      </c>
      <c r="CN4" s="483"/>
      <c r="CO4" s="483"/>
      <c r="CP4" s="483"/>
      <c r="CQ4" s="483"/>
      <c r="CR4" s="483"/>
      <c r="CS4" s="483"/>
      <c r="CT4" s="483"/>
      <c r="CU4" s="483"/>
      <c r="CV4" s="483"/>
      <c r="CW4" s="484"/>
      <c r="CX4" s="496" t="s">
        <v>39</v>
      </c>
      <c r="CY4" s="497"/>
      <c r="CZ4" s="497"/>
      <c r="DA4" s="497"/>
      <c r="DB4" s="497"/>
      <c r="DC4" s="497"/>
      <c r="DD4" s="497"/>
      <c r="DE4" s="497"/>
      <c r="DF4" s="497"/>
      <c r="DG4" s="497"/>
      <c r="DH4" s="497"/>
      <c r="DI4" s="497"/>
      <c r="DJ4" s="497"/>
      <c r="DK4" s="497"/>
      <c r="DL4" s="497"/>
      <c r="DM4" s="497"/>
      <c r="DN4" s="497"/>
      <c r="DO4" s="497"/>
      <c r="DP4" s="497"/>
      <c r="DQ4" s="497"/>
      <c r="DR4" s="497"/>
      <c r="DS4" s="497"/>
      <c r="DT4" s="497"/>
      <c r="DU4" s="497"/>
      <c r="DV4" s="497"/>
      <c r="DW4" s="497"/>
      <c r="DX4" s="497"/>
      <c r="DY4" s="497"/>
      <c r="DZ4" s="497"/>
      <c r="EA4" s="497"/>
      <c r="EB4" s="497"/>
      <c r="EC4" s="497"/>
      <c r="ED4" s="497"/>
      <c r="EE4" s="497"/>
      <c r="EF4" s="497"/>
      <c r="EG4" s="497"/>
      <c r="EH4" s="497"/>
      <c r="EI4" s="497"/>
      <c r="EJ4" s="497"/>
      <c r="EK4" s="497"/>
      <c r="EL4" s="497"/>
      <c r="EM4" s="497"/>
      <c r="EN4" s="497"/>
      <c r="EO4" s="497"/>
      <c r="EP4" s="497"/>
      <c r="EQ4" s="497"/>
      <c r="ER4" s="497"/>
      <c r="ES4" s="497"/>
      <c r="ET4" s="497"/>
      <c r="EU4" s="497"/>
      <c r="EV4" s="497"/>
      <c r="EW4" s="497"/>
      <c r="EX4" s="497"/>
      <c r="EY4" s="497"/>
      <c r="EZ4" s="497"/>
      <c r="FA4" s="497"/>
      <c r="FB4" s="497"/>
      <c r="FC4" s="497"/>
      <c r="FD4" s="497"/>
      <c r="FE4" s="497"/>
      <c r="FF4" s="497"/>
      <c r="FG4" s="497"/>
      <c r="FH4" s="497"/>
      <c r="FI4" s="497"/>
      <c r="FJ4" s="497"/>
      <c r="FK4" s="497"/>
      <c r="FL4" s="497"/>
      <c r="FM4" s="497"/>
      <c r="FN4" s="497"/>
      <c r="FO4" s="497"/>
      <c r="FP4" s="497"/>
      <c r="FQ4" s="497"/>
      <c r="FR4" s="497"/>
      <c r="FS4" s="497"/>
      <c r="FT4" s="497"/>
      <c r="FU4" s="497"/>
      <c r="FV4" s="498"/>
      <c r="FW4" s="482" t="s">
        <v>40</v>
      </c>
      <c r="FX4" s="483"/>
      <c r="FY4" s="483"/>
      <c r="FZ4" s="483"/>
      <c r="GA4" s="483"/>
      <c r="GB4" s="483"/>
      <c r="GC4" s="483"/>
      <c r="GD4" s="483"/>
      <c r="GE4" s="483"/>
      <c r="GF4" s="483"/>
      <c r="GG4" s="484"/>
      <c r="GH4" s="482" t="s">
        <v>41</v>
      </c>
      <c r="GI4" s="483"/>
      <c r="GJ4" s="483"/>
      <c r="GK4" s="483"/>
      <c r="GL4" s="483"/>
      <c r="GM4" s="483"/>
      <c r="GN4" s="483"/>
      <c r="GO4" s="483"/>
      <c r="GP4" s="483"/>
      <c r="GQ4" s="483"/>
      <c r="GR4" s="484"/>
      <c r="GS4" s="496" t="s">
        <v>39</v>
      </c>
      <c r="GT4" s="497"/>
      <c r="GU4" s="497"/>
      <c r="GV4" s="497"/>
      <c r="GW4" s="497"/>
      <c r="GX4" s="497"/>
      <c r="GY4" s="497"/>
      <c r="GZ4" s="497"/>
      <c r="HA4" s="497"/>
      <c r="HB4" s="497"/>
      <c r="HC4" s="497"/>
      <c r="HD4" s="497"/>
      <c r="HE4" s="497"/>
      <c r="HF4" s="497"/>
      <c r="HG4" s="497"/>
      <c r="HH4" s="497"/>
      <c r="HI4" s="497"/>
      <c r="HJ4" s="497"/>
      <c r="HK4" s="497"/>
      <c r="HL4" s="497"/>
      <c r="HM4" s="497"/>
      <c r="HN4" s="497"/>
      <c r="HO4" s="497"/>
      <c r="HP4" s="497"/>
      <c r="HQ4" s="497"/>
      <c r="HR4" s="497"/>
      <c r="HS4" s="497"/>
      <c r="HT4" s="497"/>
      <c r="HU4" s="497"/>
      <c r="HV4" s="497"/>
      <c r="HW4" s="497"/>
      <c r="HX4" s="497"/>
      <c r="HY4" s="497"/>
      <c r="HZ4" s="497"/>
      <c r="IA4" s="497"/>
      <c r="IB4" s="497"/>
      <c r="IC4" s="497"/>
      <c r="ID4" s="497"/>
      <c r="IE4" s="497"/>
      <c r="IF4" s="497"/>
      <c r="IG4" s="497"/>
      <c r="IH4" s="497"/>
      <c r="II4" s="497"/>
      <c r="IJ4" s="497"/>
      <c r="IK4" s="497"/>
      <c r="IL4" s="497"/>
      <c r="IM4" s="497"/>
      <c r="IN4" s="497"/>
      <c r="IO4" s="497"/>
      <c r="IP4" s="497"/>
      <c r="IQ4" s="497"/>
      <c r="IR4" s="497"/>
      <c r="IS4" s="497"/>
      <c r="IT4" s="497"/>
      <c r="IU4" s="497"/>
      <c r="IV4" s="497"/>
      <c r="IW4" s="497"/>
      <c r="IX4" s="497"/>
      <c r="IY4" s="497"/>
      <c r="IZ4" s="497"/>
      <c r="JA4" s="497"/>
      <c r="JB4" s="497"/>
      <c r="JC4" s="497"/>
      <c r="JD4" s="497"/>
      <c r="JE4" s="497"/>
      <c r="JF4" s="497"/>
      <c r="JG4" s="497"/>
      <c r="JH4" s="497"/>
      <c r="JI4" s="497"/>
      <c r="JJ4" s="497"/>
      <c r="JK4" s="497"/>
      <c r="JL4" s="497"/>
      <c r="JM4" s="497"/>
      <c r="JN4" s="497"/>
      <c r="JO4" s="497"/>
      <c r="JP4" s="497"/>
      <c r="JQ4" s="498"/>
      <c r="JR4" s="482" t="s">
        <v>40</v>
      </c>
      <c r="JS4" s="483"/>
      <c r="JT4" s="483"/>
      <c r="JU4" s="483"/>
      <c r="JV4" s="483"/>
      <c r="JW4" s="483"/>
      <c r="JX4" s="483"/>
      <c r="JY4" s="483"/>
      <c r="JZ4" s="483"/>
      <c r="KA4" s="483"/>
      <c r="KB4" s="484"/>
      <c r="KC4" s="482" t="s">
        <v>41</v>
      </c>
      <c r="KD4" s="483"/>
      <c r="KE4" s="483"/>
      <c r="KF4" s="483"/>
      <c r="KG4" s="483"/>
      <c r="KH4" s="483"/>
      <c r="KI4" s="483"/>
      <c r="KJ4" s="483"/>
      <c r="KK4" s="483"/>
      <c r="KL4" s="483"/>
      <c r="KM4" s="484"/>
    </row>
    <row r="5" spans="2:299" ht="21" customHeight="1" thickBot="1" x14ac:dyDescent="0.25">
      <c r="B5" s="488"/>
      <c r="C5" s="488"/>
      <c r="D5" s="489"/>
      <c r="E5" s="489"/>
      <c r="F5" s="489"/>
      <c r="G5" s="489"/>
      <c r="H5" s="489"/>
      <c r="I5" s="489"/>
      <c r="J5" s="489"/>
      <c r="K5" s="489"/>
      <c r="L5" s="489"/>
      <c r="M5" s="490"/>
      <c r="N5" s="491" t="s">
        <v>97</v>
      </c>
      <c r="O5" s="492"/>
      <c r="P5" s="492"/>
      <c r="Q5" s="492"/>
      <c r="R5" s="492"/>
      <c r="S5" s="492"/>
      <c r="T5" s="492"/>
      <c r="U5" s="492"/>
      <c r="V5" s="492"/>
      <c r="W5" s="492"/>
      <c r="X5" s="493"/>
      <c r="Y5" s="491" t="s">
        <v>98</v>
      </c>
      <c r="Z5" s="492"/>
      <c r="AA5" s="492"/>
      <c r="AB5" s="492"/>
      <c r="AC5" s="492"/>
      <c r="AD5" s="492"/>
      <c r="AE5" s="492"/>
      <c r="AF5" s="492"/>
      <c r="AG5" s="492"/>
      <c r="AH5" s="492"/>
      <c r="AI5" s="493"/>
      <c r="AJ5" s="491" t="s">
        <v>99</v>
      </c>
      <c r="AK5" s="492"/>
      <c r="AL5" s="492"/>
      <c r="AM5" s="492"/>
      <c r="AN5" s="492"/>
      <c r="AO5" s="492"/>
      <c r="AP5" s="492"/>
      <c r="AQ5" s="492"/>
      <c r="AR5" s="492"/>
      <c r="AS5" s="492"/>
      <c r="AT5" s="493"/>
      <c r="AU5" s="491" t="s">
        <v>100</v>
      </c>
      <c r="AV5" s="492"/>
      <c r="AW5" s="492"/>
      <c r="AX5" s="492"/>
      <c r="AY5" s="492"/>
      <c r="AZ5" s="492"/>
      <c r="BA5" s="492"/>
      <c r="BB5" s="492"/>
      <c r="BC5" s="492"/>
      <c r="BD5" s="492"/>
      <c r="BE5" s="493"/>
      <c r="BF5" s="491" t="s">
        <v>101</v>
      </c>
      <c r="BG5" s="492"/>
      <c r="BH5" s="492"/>
      <c r="BI5" s="492"/>
      <c r="BJ5" s="492"/>
      <c r="BK5" s="492"/>
      <c r="BL5" s="492"/>
      <c r="BM5" s="492"/>
      <c r="BN5" s="492"/>
      <c r="BO5" s="492"/>
      <c r="BP5" s="493"/>
      <c r="BQ5" s="491" t="s">
        <v>102</v>
      </c>
      <c r="BR5" s="492"/>
      <c r="BS5" s="492"/>
      <c r="BT5" s="492"/>
      <c r="BU5" s="492"/>
      <c r="BV5" s="492"/>
      <c r="BW5" s="492"/>
      <c r="BX5" s="492"/>
      <c r="BY5" s="492"/>
      <c r="BZ5" s="492"/>
      <c r="CA5" s="493"/>
      <c r="CB5" s="485"/>
      <c r="CC5" s="486"/>
      <c r="CD5" s="486"/>
      <c r="CE5" s="486"/>
      <c r="CF5" s="486"/>
      <c r="CG5" s="486"/>
      <c r="CH5" s="486"/>
      <c r="CI5" s="486"/>
      <c r="CJ5" s="486"/>
      <c r="CK5" s="486"/>
      <c r="CL5" s="487"/>
      <c r="CM5" s="485"/>
      <c r="CN5" s="486"/>
      <c r="CO5" s="486"/>
      <c r="CP5" s="486"/>
      <c r="CQ5" s="486"/>
      <c r="CR5" s="486"/>
      <c r="CS5" s="486"/>
      <c r="CT5" s="486"/>
      <c r="CU5" s="486"/>
      <c r="CV5" s="486"/>
      <c r="CW5" s="487"/>
      <c r="CX5" s="488"/>
      <c r="CY5" s="489"/>
      <c r="CZ5" s="489"/>
      <c r="DA5" s="489"/>
      <c r="DB5" s="489"/>
      <c r="DC5" s="489"/>
      <c r="DD5" s="489"/>
      <c r="DE5" s="489"/>
      <c r="DF5" s="489"/>
      <c r="DG5" s="489"/>
      <c r="DH5" s="490"/>
      <c r="DI5" s="491" t="s">
        <v>97</v>
      </c>
      <c r="DJ5" s="492"/>
      <c r="DK5" s="492"/>
      <c r="DL5" s="492"/>
      <c r="DM5" s="492"/>
      <c r="DN5" s="492"/>
      <c r="DO5" s="492"/>
      <c r="DP5" s="492"/>
      <c r="DQ5" s="492"/>
      <c r="DR5" s="492"/>
      <c r="DS5" s="493"/>
      <c r="DT5" s="491" t="s">
        <v>98</v>
      </c>
      <c r="DU5" s="492"/>
      <c r="DV5" s="492"/>
      <c r="DW5" s="492"/>
      <c r="DX5" s="492"/>
      <c r="DY5" s="492"/>
      <c r="DZ5" s="492"/>
      <c r="EA5" s="492"/>
      <c r="EB5" s="492"/>
      <c r="EC5" s="492"/>
      <c r="ED5" s="493"/>
      <c r="EE5" s="491" t="s">
        <v>99</v>
      </c>
      <c r="EF5" s="492"/>
      <c r="EG5" s="492"/>
      <c r="EH5" s="492"/>
      <c r="EI5" s="492"/>
      <c r="EJ5" s="492"/>
      <c r="EK5" s="492"/>
      <c r="EL5" s="492"/>
      <c r="EM5" s="492"/>
      <c r="EN5" s="492"/>
      <c r="EO5" s="493"/>
      <c r="EP5" s="491" t="s">
        <v>100</v>
      </c>
      <c r="EQ5" s="492"/>
      <c r="ER5" s="492"/>
      <c r="ES5" s="492"/>
      <c r="ET5" s="492"/>
      <c r="EU5" s="492"/>
      <c r="EV5" s="492"/>
      <c r="EW5" s="492"/>
      <c r="EX5" s="492"/>
      <c r="EY5" s="492"/>
      <c r="EZ5" s="493"/>
      <c r="FA5" s="491" t="s">
        <v>101</v>
      </c>
      <c r="FB5" s="492"/>
      <c r="FC5" s="492"/>
      <c r="FD5" s="492"/>
      <c r="FE5" s="492"/>
      <c r="FF5" s="492"/>
      <c r="FG5" s="492"/>
      <c r="FH5" s="492"/>
      <c r="FI5" s="492"/>
      <c r="FJ5" s="492"/>
      <c r="FK5" s="493"/>
      <c r="FL5" s="491" t="s">
        <v>102</v>
      </c>
      <c r="FM5" s="492"/>
      <c r="FN5" s="492"/>
      <c r="FO5" s="492"/>
      <c r="FP5" s="492"/>
      <c r="FQ5" s="492"/>
      <c r="FR5" s="492"/>
      <c r="FS5" s="492"/>
      <c r="FT5" s="492"/>
      <c r="FU5" s="492"/>
      <c r="FV5" s="493"/>
      <c r="FW5" s="485"/>
      <c r="FX5" s="486"/>
      <c r="FY5" s="486"/>
      <c r="FZ5" s="486"/>
      <c r="GA5" s="486"/>
      <c r="GB5" s="486"/>
      <c r="GC5" s="486"/>
      <c r="GD5" s="486"/>
      <c r="GE5" s="486"/>
      <c r="GF5" s="486"/>
      <c r="GG5" s="487"/>
      <c r="GH5" s="485"/>
      <c r="GI5" s="486"/>
      <c r="GJ5" s="486"/>
      <c r="GK5" s="486"/>
      <c r="GL5" s="486"/>
      <c r="GM5" s="486"/>
      <c r="GN5" s="486"/>
      <c r="GO5" s="486"/>
      <c r="GP5" s="486"/>
      <c r="GQ5" s="486"/>
      <c r="GR5" s="487"/>
      <c r="GS5" s="488"/>
      <c r="GT5" s="489"/>
      <c r="GU5" s="489"/>
      <c r="GV5" s="489"/>
      <c r="GW5" s="489"/>
      <c r="GX5" s="489"/>
      <c r="GY5" s="489"/>
      <c r="GZ5" s="489"/>
      <c r="HA5" s="489"/>
      <c r="HB5" s="489"/>
      <c r="HC5" s="490"/>
      <c r="HD5" s="491" t="s">
        <v>97</v>
      </c>
      <c r="HE5" s="492"/>
      <c r="HF5" s="492"/>
      <c r="HG5" s="492"/>
      <c r="HH5" s="492"/>
      <c r="HI5" s="492"/>
      <c r="HJ5" s="492"/>
      <c r="HK5" s="492"/>
      <c r="HL5" s="492"/>
      <c r="HM5" s="492"/>
      <c r="HN5" s="493"/>
      <c r="HO5" s="491" t="s">
        <v>98</v>
      </c>
      <c r="HP5" s="492"/>
      <c r="HQ5" s="492"/>
      <c r="HR5" s="492"/>
      <c r="HS5" s="492"/>
      <c r="HT5" s="492"/>
      <c r="HU5" s="492"/>
      <c r="HV5" s="492"/>
      <c r="HW5" s="492"/>
      <c r="HX5" s="492"/>
      <c r="HY5" s="493"/>
      <c r="HZ5" s="491" t="s">
        <v>99</v>
      </c>
      <c r="IA5" s="492"/>
      <c r="IB5" s="492"/>
      <c r="IC5" s="492"/>
      <c r="ID5" s="492"/>
      <c r="IE5" s="492"/>
      <c r="IF5" s="492"/>
      <c r="IG5" s="492"/>
      <c r="IH5" s="492"/>
      <c r="II5" s="492"/>
      <c r="IJ5" s="493"/>
      <c r="IK5" s="491" t="s">
        <v>100</v>
      </c>
      <c r="IL5" s="492"/>
      <c r="IM5" s="492"/>
      <c r="IN5" s="492"/>
      <c r="IO5" s="492"/>
      <c r="IP5" s="492"/>
      <c r="IQ5" s="492"/>
      <c r="IR5" s="492"/>
      <c r="IS5" s="492"/>
      <c r="IT5" s="492"/>
      <c r="IU5" s="493"/>
      <c r="IV5" s="491" t="s">
        <v>101</v>
      </c>
      <c r="IW5" s="492"/>
      <c r="IX5" s="492"/>
      <c r="IY5" s="492"/>
      <c r="IZ5" s="492"/>
      <c r="JA5" s="492"/>
      <c r="JB5" s="492"/>
      <c r="JC5" s="492"/>
      <c r="JD5" s="492"/>
      <c r="JE5" s="492"/>
      <c r="JF5" s="493"/>
      <c r="JG5" s="491" t="s">
        <v>102</v>
      </c>
      <c r="JH5" s="492"/>
      <c r="JI5" s="492"/>
      <c r="JJ5" s="492"/>
      <c r="JK5" s="492"/>
      <c r="JL5" s="492"/>
      <c r="JM5" s="492"/>
      <c r="JN5" s="492"/>
      <c r="JO5" s="492"/>
      <c r="JP5" s="492"/>
      <c r="JQ5" s="493"/>
      <c r="JR5" s="485"/>
      <c r="JS5" s="486"/>
      <c r="JT5" s="486"/>
      <c r="JU5" s="486"/>
      <c r="JV5" s="486"/>
      <c r="JW5" s="486"/>
      <c r="JX5" s="486"/>
      <c r="JY5" s="486"/>
      <c r="JZ5" s="486"/>
      <c r="KA5" s="486"/>
      <c r="KB5" s="487"/>
      <c r="KC5" s="485"/>
      <c r="KD5" s="486"/>
      <c r="KE5" s="486"/>
      <c r="KF5" s="486"/>
      <c r="KG5" s="486"/>
      <c r="KH5" s="486"/>
      <c r="KI5" s="486"/>
      <c r="KJ5" s="486"/>
      <c r="KK5" s="486"/>
      <c r="KL5" s="486"/>
      <c r="KM5" s="487"/>
    </row>
    <row r="6" spans="2:299" ht="30" customHeight="1" thickBot="1" x14ac:dyDescent="0.25">
      <c r="B6" s="329" t="s">
        <v>42</v>
      </c>
      <c r="C6" s="43" t="s">
        <v>43</v>
      </c>
      <c r="D6" s="41" t="s">
        <v>44</v>
      </c>
      <c r="E6" s="42" t="s">
        <v>45</v>
      </c>
      <c r="F6" s="44" t="s">
        <v>46</v>
      </c>
      <c r="G6" s="41" t="s">
        <v>47</v>
      </c>
      <c r="H6" s="41" t="s">
        <v>48</v>
      </c>
      <c r="I6" s="41" t="s">
        <v>49</v>
      </c>
      <c r="J6" s="41" t="s">
        <v>50</v>
      </c>
      <c r="K6" s="41" t="s">
        <v>51</v>
      </c>
      <c r="L6" s="42" t="s">
        <v>45</v>
      </c>
      <c r="M6" s="328" t="s">
        <v>52</v>
      </c>
      <c r="N6" s="332" t="s">
        <v>43</v>
      </c>
      <c r="O6" s="333" t="s">
        <v>44</v>
      </c>
      <c r="P6" s="334" t="s">
        <v>45</v>
      </c>
      <c r="Q6" s="335" t="s">
        <v>46</v>
      </c>
      <c r="R6" s="333" t="s">
        <v>47</v>
      </c>
      <c r="S6" s="333" t="s">
        <v>48</v>
      </c>
      <c r="T6" s="333" t="s">
        <v>49</v>
      </c>
      <c r="U6" s="333" t="s">
        <v>50</v>
      </c>
      <c r="V6" s="333" t="s">
        <v>51</v>
      </c>
      <c r="W6" s="334" t="s">
        <v>45</v>
      </c>
      <c r="X6" s="331" t="s">
        <v>52</v>
      </c>
      <c r="Y6" s="332" t="s">
        <v>43</v>
      </c>
      <c r="Z6" s="333" t="s">
        <v>44</v>
      </c>
      <c r="AA6" s="334" t="s">
        <v>45</v>
      </c>
      <c r="AB6" s="335" t="s">
        <v>46</v>
      </c>
      <c r="AC6" s="333" t="s">
        <v>47</v>
      </c>
      <c r="AD6" s="333" t="s">
        <v>48</v>
      </c>
      <c r="AE6" s="333" t="s">
        <v>49</v>
      </c>
      <c r="AF6" s="333" t="s">
        <v>50</v>
      </c>
      <c r="AG6" s="333" t="s">
        <v>51</v>
      </c>
      <c r="AH6" s="334" t="s">
        <v>45</v>
      </c>
      <c r="AI6" s="336" t="s">
        <v>52</v>
      </c>
      <c r="AJ6" s="332" t="s">
        <v>43</v>
      </c>
      <c r="AK6" s="333" t="s">
        <v>44</v>
      </c>
      <c r="AL6" s="334" t="s">
        <v>45</v>
      </c>
      <c r="AM6" s="335" t="s">
        <v>46</v>
      </c>
      <c r="AN6" s="333" t="s">
        <v>47</v>
      </c>
      <c r="AO6" s="333" t="s">
        <v>48</v>
      </c>
      <c r="AP6" s="333" t="s">
        <v>49</v>
      </c>
      <c r="AQ6" s="333" t="s">
        <v>50</v>
      </c>
      <c r="AR6" s="333" t="s">
        <v>51</v>
      </c>
      <c r="AS6" s="334" t="s">
        <v>45</v>
      </c>
      <c r="AT6" s="336" t="s">
        <v>52</v>
      </c>
      <c r="AU6" s="332" t="s">
        <v>43</v>
      </c>
      <c r="AV6" s="333" t="s">
        <v>44</v>
      </c>
      <c r="AW6" s="334" t="s">
        <v>45</v>
      </c>
      <c r="AX6" s="335" t="s">
        <v>46</v>
      </c>
      <c r="AY6" s="333" t="s">
        <v>47</v>
      </c>
      <c r="AZ6" s="333" t="s">
        <v>48</v>
      </c>
      <c r="BA6" s="333" t="s">
        <v>49</v>
      </c>
      <c r="BB6" s="333" t="s">
        <v>50</v>
      </c>
      <c r="BC6" s="333" t="s">
        <v>51</v>
      </c>
      <c r="BD6" s="334" t="s">
        <v>45</v>
      </c>
      <c r="BE6" s="336" t="s">
        <v>52</v>
      </c>
      <c r="BF6" s="332" t="s">
        <v>43</v>
      </c>
      <c r="BG6" s="333" t="s">
        <v>44</v>
      </c>
      <c r="BH6" s="334" t="s">
        <v>45</v>
      </c>
      <c r="BI6" s="335" t="s">
        <v>46</v>
      </c>
      <c r="BJ6" s="333" t="s">
        <v>47</v>
      </c>
      <c r="BK6" s="333" t="s">
        <v>48</v>
      </c>
      <c r="BL6" s="333" t="s">
        <v>49</v>
      </c>
      <c r="BM6" s="333" t="s">
        <v>50</v>
      </c>
      <c r="BN6" s="333" t="s">
        <v>51</v>
      </c>
      <c r="BO6" s="334" t="s">
        <v>45</v>
      </c>
      <c r="BP6" s="336" t="s">
        <v>52</v>
      </c>
      <c r="BQ6" s="332" t="s">
        <v>43</v>
      </c>
      <c r="BR6" s="333" t="s">
        <v>44</v>
      </c>
      <c r="BS6" s="334" t="s">
        <v>45</v>
      </c>
      <c r="BT6" s="335" t="s">
        <v>46</v>
      </c>
      <c r="BU6" s="333" t="s">
        <v>47</v>
      </c>
      <c r="BV6" s="333" t="s">
        <v>48</v>
      </c>
      <c r="BW6" s="333" t="s">
        <v>49</v>
      </c>
      <c r="BX6" s="333" t="s">
        <v>50</v>
      </c>
      <c r="BY6" s="333" t="s">
        <v>51</v>
      </c>
      <c r="BZ6" s="334" t="s">
        <v>45</v>
      </c>
      <c r="CA6" s="336" t="s">
        <v>52</v>
      </c>
      <c r="CB6" s="332" t="s">
        <v>43</v>
      </c>
      <c r="CC6" s="333" t="s">
        <v>44</v>
      </c>
      <c r="CD6" s="334" t="s">
        <v>45</v>
      </c>
      <c r="CE6" s="335" t="s">
        <v>46</v>
      </c>
      <c r="CF6" s="333" t="s">
        <v>47</v>
      </c>
      <c r="CG6" s="333" t="s">
        <v>48</v>
      </c>
      <c r="CH6" s="333" t="s">
        <v>49</v>
      </c>
      <c r="CI6" s="333" t="s">
        <v>50</v>
      </c>
      <c r="CJ6" s="333" t="s">
        <v>51</v>
      </c>
      <c r="CK6" s="334" t="s">
        <v>45</v>
      </c>
      <c r="CL6" s="336" t="s">
        <v>52</v>
      </c>
      <c r="CM6" s="332" t="s">
        <v>43</v>
      </c>
      <c r="CN6" s="333" t="s">
        <v>44</v>
      </c>
      <c r="CO6" s="334" t="s">
        <v>45</v>
      </c>
      <c r="CP6" s="335" t="s">
        <v>46</v>
      </c>
      <c r="CQ6" s="333" t="s">
        <v>47</v>
      </c>
      <c r="CR6" s="333" t="s">
        <v>48</v>
      </c>
      <c r="CS6" s="333" t="s">
        <v>49</v>
      </c>
      <c r="CT6" s="333" t="s">
        <v>50</v>
      </c>
      <c r="CU6" s="333" t="s">
        <v>51</v>
      </c>
      <c r="CV6" s="334" t="s">
        <v>45</v>
      </c>
      <c r="CW6" s="336" t="s">
        <v>52</v>
      </c>
      <c r="CX6" s="43" t="s">
        <v>43</v>
      </c>
      <c r="CY6" s="41" t="s">
        <v>44</v>
      </c>
      <c r="CZ6" s="42" t="s">
        <v>45</v>
      </c>
      <c r="DA6" s="44" t="s">
        <v>46</v>
      </c>
      <c r="DB6" s="41" t="s">
        <v>47</v>
      </c>
      <c r="DC6" s="41" t="s">
        <v>48</v>
      </c>
      <c r="DD6" s="41" t="s">
        <v>49</v>
      </c>
      <c r="DE6" s="41" t="s">
        <v>50</v>
      </c>
      <c r="DF6" s="41" t="s">
        <v>51</v>
      </c>
      <c r="DG6" s="42" t="s">
        <v>45</v>
      </c>
      <c r="DH6" s="328" t="s">
        <v>52</v>
      </c>
      <c r="DI6" s="332" t="s">
        <v>43</v>
      </c>
      <c r="DJ6" s="333" t="s">
        <v>44</v>
      </c>
      <c r="DK6" s="334" t="s">
        <v>45</v>
      </c>
      <c r="DL6" s="335" t="s">
        <v>46</v>
      </c>
      <c r="DM6" s="333" t="s">
        <v>47</v>
      </c>
      <c r="DN6" s="333" t="s">
        <v>48</v>
      </c>
      <c r="DO6" s="333" t="s">
        <v>49</v>
      </c>
      <c r="DP6" s="333" t="s">
        <v>50</v>
      </c>
      <c r="DQ6" s="333" t="s">
        <v>51</v>
      </c>
      <c r="DR6" s="334" t="s">
        <v>45</v>
      </c>
      <c r="DS6" s="336" t="s">
        <v>52</v>
      </c>
      <c r="DT6" s="332" t="s">
        <v>43</v>
      </c>
      <c r="DU6" s="333" t="s">
        <v>44</v>
      </c>
      <c r="DV6" s="334" t="s">
        <v>45</v>
      </c>
      <c r="DW6" s="335" t="s">
        <v>46</v>
      </c>
      <c r="DX6" s="333" t="s">
        <v>47</v>
      </c>
      <c r="DY6" s="333" t="s">
        <v>48</v>
      </c>
      <c r="DZ6" s="333" t="s">
        <v>49</v>
      </c>
      <c r="EA6" s="333" t="s">
        <v>50</v>
      </c>
      <c r="EB6" s="333" t="s">
        <v>51</v>
      </c>
      <c r="EC6" s="334" t="s">
        <v>45</v>
      </c>
      <c r="ED6" s="336" t="s">
        <v>52</v>
      </c>
      <c r="EE6" s="332" t="s">
        <v>43</v>
      </c>
      <c r="EF6" s="333" t="s">
        <v>44</v>
      </c>
      <c r="EG6" s="334" t="s">
        <v>45</v>
      </c>
      <c r="EH6" s="335" t="s">
        <v>46</v>
      </c>
      <c r="EI6" s="333" t="s">
        <v>47</v>
      </c>
      <c r="EJ6" s="333" t="s">
        <v>48</v>
      </c>
      <c r="EK6" s="333" t="s">
        <v>49</v>
      </c>
      <c r="EL6" s="333" t="s">
        <v>50</v>
      </c>
      <c r="EM6" s="333" t="s">
        <v>51</v>
      </c>
      <c r="EN6" s="334" t="s">
        <v>45</v>
      </c>
      <c r="EO6" s="336" t="s">
        <v>52</v>
      </c>
      <c r="EP6" s="332" t="s">
        <v>43</v>
      </c>
      <c r="EQ6" s="333" t="s">
        <v>44</v>
      </c>
      <c r="ER6" s="334" t="s">
        <v>45</v>
      </c>
      <c r="ES6" s="335" t="s">
        <v>46</v>
      </c>
      <c r="ET6" s="333" t="s">
        <v>47</v>
      </c>
      <c r="EU6" s="333" t="s">
        <v>48</v>
      </c>
      <c r="EV6" s="333" t="s">
        <v>49</v>
      </c>
      <c r="EW6" s="333" t="s">
        <v>50</v>
      </c>
      <c r="EX6" s="333" t="s">
        <v>51</v>
      </c>
      <c r="EY6" s="334" t="s">
        <v>45</v>
      </c>
      <c r="EZ6" s="336" t="s">
        <v>52</v>
      </c>
      <c r="FA6" s="332" t="s">
        <v>43</v>
      </c>
      <c r="FB6" s="333" t="s">
        <v>44</v>
      </c>
      <c r="FC6" s="334" t="s">
        <v>45</v>
      </c>
      <c r="FD6" s="335" t="s">
        <v>46</v>
      </c>
      <c r="FE6" s="333" t="s">
        <v>47</v>
      </c>
      <c r="FF6" s="333" t="s">
        <v>48</v>
      </c>
      <c r="FG6" s="333" t="s">
        <v>49</v>
      </c>
      <c r="FH6" s="333" t="s">
        <v>50</v>
      </c>
      <c r="FI6" s="333" t="s">
        <v>51</v>
      </c>
      <c r="FJ6" s="334" t="s">
        <v>45</v>
      </c>
      <c r="FK6" s="336" t="s">
        <v>52</v>
      </c>
      <c r="FL6" s="332" t="s">
        <v>43</v>
      </c>
      <c r="FM6" s="333" t="s">
        <v>44</v>
      </c>
      <c r="FN6" s="334" t="s">
        <v>45</v>
      </c>
      <c r="FO6" s="335" t="s">
        <v>46</v>
      </c>
      <c r="FP6" s="333" t="s">
        <v>47</v>
      </c>
      <c r="FQ6" s="333" t="s">
        <v>48</v>
      </c>
      <c r="FR6" s="333" t="s">
        <v>49</v>
      </c>
      <c r="FS6" s="333" t="s">
        <v>50</v>
      </c>
      <c r="FT6" s="333" t="s">
        <v>51</v>
      </c>
      <c r="FU6" s="334" t="s">
        <v>45</v>
      </c>
      <c r="FV6" s="336" t="s">
        <v>52</v>
      </c>
      <c r="FW6" s="332" t="s">
        <v>43</v>
      </c>
      <c r="FX6" s="333" t="s">
        <v>44</v>
      </c>
      <c r="FY6" s="334" t="s">
        <v>45</v>
      </c>
      <c r="FZ6" s="335" t="s">
        <v>46</v>
      </c>
      <c r="GA6" s="333" t="s">
        <v>47</v>
      </c>
      <c r="GB6" s="333" t="s">
        <v>48</v>
      </c>
      <c r="GC6" s="333" t="s">
        <v>49</v>
      </c>
      <c r="GD6" s="333" t="s">
        <v>50</v>
      </c>
      <c r="GE6" s="333" t="s">
        <v>51</v>
      </c>
      <c r="GF6" s="334" t="s">
        <v>45</v>
      </c>
      <c r="GG6" s="336" t="s">
        <v>52</v>
      </c>
      <c r="GH6" s="332" t="s">
        <v>43</v>
      </c>
      <c r="GI6" s="333" t="s">
        <v>44</v>
      </c>
      <c r="GJ6" s="334" t="s">
        <v>45</v>
      </c>
      <c r="GK6" s="335" t="s">
        <v>46</v>
      </c>
      <c r="GL6" s="333" t="s">
        <v>47</v>
      </c>
      <c r="GM6" s="333" t="s">
        <v>48</v>
      </c>
      <c r="GN6" s="333" t="s">
        <v>49</v>
      </c>
      <c r="GO6" s="333" t="s">
        <v>50</v>
      </c>
      <c r="GP6" s="333" t="s">
        <v>51</v>
      </c>
      <c r="GQ6" s="334" t="s">
        <v>45</v>
      </c>
      <c r="GR6" s="336" t="s">
        <v>52</v>
      </c>
      <c r="GS6" s="43" t="s">
        <v>43</v>
      </c>
      <c r="GT6" s="41" t="s">
        <v>44</v>
      </c>
      <c r="GU6" s="42" t="s">
        <v>45</v>
      </c>
      <c r="GV6" s="44" t="s">
        <v>46</v>
      </c>
      <c r="GW6" s="41" t="s">
        <v>47</v>
      </c>
      <c r="GX6" s="41" t="s">
        <v>48</v>
      </c>
      <c r="GY6" s="41" t="s">
        <v>49</v>
      </c>
      <c r="GZ6" s="41" t="s">
        <v>50</v>
      </c>
      <c r="HA6" s="41" t="s">
        <v>51</v>
      </c>
      <c r="HB6" s="42" t="s">
        <v>45</v>
      </c>
      <c r="HC6" s="328" t="s">
        <v>52</v>
      </c>
      <c r="HD6" s="332" t="s">
        <v>43</v>
      </c>
      <c r="HE6" s="333" t="s">
        <v>44</v>
      </c>
      <c r="HF6" s="334" t="s">
        <v>45</v>
      </c>
      <c r="HG6" s="335" t="s">
        <v>46</v>
      </c>
      <c r="HH6" s="333" t="s">
        <v>47</v>
      </c>
      <c r="HI6" s="333" t="s">
        <v>48</v>
      </c>
      <c r="HJ6" s="333" t="s">
        <v>49</v>
      </c>
      <c r="HK6" s="333" t="s">
        <v>50</v>
      </c>
      <c r="HL6" s="333" t="s">
        <v>51</v>
      </c>
      <c r="HM6" s="334" t="s">
        <v>45</v>
      </c>
      <c r="HN6" s="336" t="s">
        <v>52</v>
      </c>
      <c r="HO6" s="332" t="s">
        <v>43</v>
      </c>
      <c r="HP6" s="333" t="s">
        <v>44</v>
      </c>
      <c r="HQ6" s="334" t="s">
        <v>45</v>
      </c>
      <c r="HR6" s="335" t="s">
        <v>46</v>
      </c>
      <c r="HS6" s="333" t="s">
        <v>47</v>
      </c>
      <c r="HT6" s="333" t="s">
        <v>48</v>
      </c>
      <c r="HU6" s="333" t="s">
        <v>49</v>
      </c>
      <c r="HV6" s="333" t="s">
        <v>50</v>
      </c>
      <c r="HW6" s="333" t="s">
        <v>51</v>
      </c>
      <c r="HX6" s="334" t="s">
        <v>45</v>
      </c>
      <c r="HY6" s="336" t="s">
        <v>52</v>
      </c>
      <c r="HZ6" s="332" t="s">
        <v>43</v>
      </c>
      <c r="IA6" s="333" t="s">
        <v>44</v>
      </c>
      <c r="IB6" s="334" t="s">
        <v>45</v>
      </c>
      <c r="IC6" s="335" t="s">
        <v>46</v>
      </c>
      <c r="ID6" s="333" t="s">
        <v>47</v>
      </c>
      <c r="IE6" s="333" t="s">
        <v>48</v>
      </c>
      <c r="IF6" s="333" t="s">
        <v>49</v>
      </c>
      <c r="IG6" s="333" t="s">
        <v>50</v>
      </c>
      <c r="IH6" s="333" t="s">
        <v>51</v>
      </c>
      <c r="II6" s="334" t="s">
        <v>45</v>
      </c>
      <c r="IJ6" s="336" t="s">
        <v>52</v>
      </c>
      <c r="IK6" s="332" t="s">
        <v>43</v>
      </c>
      <c r="IL6" s="333" t="s">
        <v>44</v>
      </c>
      <c r="IM6" s="334" t="s">
        <v>45</v>
      </c>
      <c r="IN6" s="335" t="s">
        <v>46</v>
      </c>
      <c r="IO6" s="333" t="s">
        <v>47</v>
      </c>
      <c r="IP6" s="333" t="s">
        <v>48</v>
      </c>
      <c r="IQ6" s="333" t="s">
        <v>49</v>
      </c>
      <c r="IR6" s="333" t="s">
        <v>50</v>
      </c>
      <c r="IS6" s="333" t="s">
        <v>51</v>
      </c>
      <c r="IT6" s="334" t="s">
        <v>45</v>
      </c>
      <c r="IU6" s="336" t="s">
        <v>52</v>
      </c>
      <c r="IV6" s="332" t="s">
        <v>43</v>
      </c>
      <c r="IW6" s="333" t="s">
        <v>44</v>
      </c>
      <c r="IX6" s="334" t="s">
        <v>45</v>
      </c>
      <c r="IY6" s="335" t="s">
        <v>46</v>
      </c>
      <c r="IZ6" s="333" t="s">
        <v>47</v>
      </c>
      <c r="JA6" s="333" t="s">
        <v>48</v>
      </c>
      <c r="JB6" s="333" t="s">
        <v>49</v>
      </c>
      <c r="JC6" s="333" t="s">
        <v>50</v>
      </c>
      <c r="JD6" s="333" t="s">
        <v>51</v>
      </c>
      <c r="JE6" s="334" t="s">
        <v>45</v>
      </c>
      <c r="JF6" s="336" t="s">
        <v>52</v>
      </c>
      <c r="JG6" s="332" t="s">
        <v>43</v>
      </c>
      <c r="JH6" s="333" t="s">
        <v>44</v>
      </c>
      <c r="JI6" s="334" t="s">
        <v>45</v>
      </c>
      <c r="JJ6" s="335" t="s">
        <v>46</v>
      </c>
      <c r="JK6" s="333" t="s">
        <v>47</v>
      </c>
      <c r="JL6" s="333" t="s">
        <v>48</v>
      </c>
      <c r="JM6" s="333" t="s">
        <v>49</v>
      </c>
      <c r="JN6" s="333" t="s">
        <v>50</v>
      </c>
      <c r="JO6" s="333" t="s">
        <v>51</v>
      </c>
      <c r="JP6" s="334" t="s">
        <v>45</v>
      </c>
      <c r="JQ6" s="336" t="s">
        <v>52</v>
      </c>
      <c r="JR6" s="332" t="s">
        <v>43</v>
      </c>
      <c r="JS6" s="333" t="s">
        <v>44</v>
      </c>
      <c r="JT6" s="334" t="s">
        <v>45</v>
      </c>
      <c r="JU6" s="335" t="s">
        <v>46</v>
      </c>
      <c r="JV6" s="333" t="s">
        <v>47</v>
      </c>
      <c r="JW6" s="333" t="s">
        <v>48</v>
      </c>
      <c r="JX6" s="333" t="s">
        <v>49</v>
      </c>
      <c r="JY6" s="333" t="s">
        <v>50</v>
      </c>
      <c r="JZ6" s="333" t="s">
        <v>51</v>
      </c>
      <c r="KA6" s="334" t="s">
        <v>45</v>
      </c>
      <c r="KB6" s="336" t="s">
        <v>52</v>
      </c>
      <c r="KC6" s="332" t="s">
        <v>43</v>
      </c>
      <c r="KD6" s="333" t="s">
        <v>44</v>
      </c>
      <c r="KE6" s="334" t="s">
        <v>45</v>
      </c>
      <c r="KF6" s="335" t="s">
        <v>46</v>
      </c>
      <c r="KG6" s="333" t="s">
        <v>47</v>
      </c>
      <c r="KH6" s="333" t="s">
        <v>48</v>
      </c>
      <c r="KI6" s="333" t="s">
        <v>49</v>
      </c>
      <c r="KJ6" s="333" t="s">
        <v>50</v>
      </c>
      <c r="KK6" s="333" t="s">
        <v>51</v>
      </c>
      <c r="KL6" s="334" t="s">
        <v>45</v>
      </c>
      <c r="KM6" s="336" t="s">
        <v>52</v>
      </c>
    </row>
    <row r="7" spans="2:299" ht="21" customHeight="1" x14ac:dyDescent="0.2">
      <c r="B7" s="470" t="s">
        <v>4</v>
      </c>
      <c r="C7" s="292">
        <v>3233</v>
      </c>
      <c r="D7" s="68">
        <v>3166</v>
      </c>
      <c r="E7" s="69">
        <v>6399</v>
      </c>
      <c r="F7" s="227"/>
      <c r="G7" s="68">
        <v>4236</v>
      </c>
      <c r="H7" s="68">
        <v>3936</v>
      </c>
      <c r="I7" s="68">
        <v>2349</v>
      </c>
      <c r="J7" s="68">
        <v>2026</v>
      </c>
      <c r="K7" s="68">
        <v>1318</v>
      </c>
      <c r="L7" s="70">
        <v>13865</v>
      </c>
      <c r="M7" s="71">
        <v>20264</v>
      </c>
      <c r="N7" s="56">
        <v>92</v>
      </c>
      <c r="O7" s="57">
        <v>116</v>
      </c>
      <c r="P7" s="58">
        <v>208</v>
      </c>
      <c r="Q7" s="227"/>
      <c r="R7" s="57">
        <v>103</v>
      </c>
      <c r="S7" s="57">
        <v>146</v>
      </c>
      <c r="T7" s="57">
        <v>75</v>
      </c>
      <c r="U7" s="57">
        <v>75</v>
      </c>
      <c r="V7" s="57">
        <v>69</v>
      </c>
      <c r="W7" s="58">
        <v>468</v>
      </c>
      <c r="X7" s="59">
        <v>676</v>
      </c>
      <c r="Y7" s="56">
        <v>256</v>
      </c>
      <c r="Z7" s="57">
        <v>249</v>
      </c>
      <c r="AA7" s="58">
        <v>505</v>
      </c>
      <c r="AB7" s="227"/>
      <c r="AC7" s="57">
        <v>262</v>
      </c>
      <c r="AD7" s="57">
        <v>283</v>
      </c>
      <c r="AE7" s="57">
        <v>159</v>
      </c>
      <c r="AF7" s="57">
        <v>122</v>
      </c>
      <c r="AG7" s="57">
        <v>124</v>
      </c>
      <c r="AH7" s="58">
        <v>950</v>
      </c>
      <c r="AI7" s="59">
        <v>1455</v>
      </c>
      <c r="AJ7" s="56">
        <v>347</v>
      </c>
      <c r="AK7" s="57">
        <v>395</v>
      </c>
      <c r="AL7" s="58">
        <v>742</v>
      </c>
      <c r="AM7" s="227"/>
      <c r="AN7" s="57">
        <v>470</v>
      </c>
      <c r="AO7" s="57">
        <v>420</v>
      </c>
      <c r="AP7" s="57">
        <v>246</v>
      </c>
      <c r="AQ7" s="57">
        <v>242</v>
      </c>
      <c r="AR7" s="57">
        <v>192</v>
      </c>
      <c r="AS7" s="58">
        <v>1570</v>
      </c>
      <c r="AT7" s="59">
        <v>2312</v>
      </c>
      <c r="AU7" s="56">
        <v>704</v>
      </c>
      <c r="AV7" s="57">
        <v>749</v>
      </c>
      <c r="AW7" s="58">
        <v>1453</v>
      </c>
      <c r="AX7" s="227"/>
      <c r="AY7" s="57">
        <v>980</v>
      </c>
      <c r="AZ7" s="57">
        <v>805</v>
      </c>
      <c r="BA7" s="57">
        <v>446</v>
      </c>
      <c r="BB7" s="57">
        <v>380</v>
      </c>
      <c r="BC7" s="57">
        <v>264</v>
      </c>
      <c r="BD7" s="58">
        <v>2875</v>
      </c>
      <c r="BE7" s="59">
        <v>4328</v>
      </c>
      <c r="BF7" s="56">
        <v>1066</v>
      </c>
      <c r="BG7" s="57">
        <v>888</v>
      </c>
      <c r="BH7" s="58">
        <v>1954</v>
      </c>
      <c r="BI7" s="227"/>
      <c r="BJ7" s="57">
        <v>1276</v>
      </c>
      <c r="BK7" s="57">
        <v>1106</v>
      </c>
      <c r="BL7" s="57">
        <v>646</v>
      </c>
      <c r="BM7" s="57">
        <v>558</v>
      </c>
      <c r="BN7" s="57">
        <v>312</v>
      </c>
      <c r="BO7" s="58">
        <v>3898</v>
      </c>
      <c r="BP7" s="59">
        <v>5852</v>
      </c>
      <c r="BQ7" s="56">
        <v>768</v>
      </c>
      <c r="BR7" s="57">
        <v>769</v>
      </c>
      <c r="BS7" s="58">
        <v>1537</v>
      </c>
      <c r="BT7" s="227"/>
      <c r="BU7" s="57">
        <v>1145</v>
      </c>
      <c r="BV7" s="57">
        <v>1176</v>
      </c>
      <c r="BW7" s="57">
        <v>777</v>
      </c>
      <c r="BX7" s="57">
        <v>649</v>
      </c>
      <c r="BY7" s="57">
        <v>357</v>
      </c>
      <c r="BZ7" s="58">
        <v>4104</v>
      </c>
      <c r="CA7" s="59">
        <v>5641</v>
      </c>
      <c r="CB7" s="56">
        <v>0</v>
      </c>
      <c r="CC7" s="57">
        <v>0</v>
      </c>
      <c r="CD7" s="58">
        <v>0</v>
      </c>
      <c r="CE7" s="227"/>
      <c r="CF7" s="57">
        <v>0</v>
      </c>
      <c r="CG7" s="57">
        <v>0</v>
      </c>
      <c r="CH7" s="57">
        <v>0</v>
      </c>
      <c r="CI7" s="57">
        <v>0</v>
      </c>
      <c r="CJ7" s="57">
        <v>0</v>
      </c>
      <c r="CK7" s="58">
        <v>0</v>
      </c>
      <c r="CL7" s="59">
        <v>0</v>
      </c>
      <c r="CM7" s="56">
        <v>3233</v>
      </c>
      <c r="CN7" s="57">
        <v>3166</v>
      </c>
      <c r="CO7" s="58">
        <v>6399</v>
      </c>
      <c r="CP7" s="227"/>
      <c r="CQ7" s="57">
        <v>4236</v>
      </c>
      <c r="CR7" s="57">
        <v>3936</v>
      </c>
      <c r="CS7" s="57">
        <v>2349</v>
      </c>
      <c r="CT7" s="57">
        <v>2026</v>
      </c>
      <c r="CU7" s="57">
        <v>1318</v>
      </c>
      <c r="CV7" s="58">
        <v>13865</v>
      </c>
      <c r="CW7" s="59">
        <v>20264</v>
      </c>
      <c r="CX7" s="112">
        <v>1173</v>
      </c>
      <c r="CY7" s="68">
        <v>1360</v>
      </c>
      <c r="CZ7" s="69">
        <v>2533</v>
      </c>
      <c r="DA7" s="227"/>
      <c r="DB7" s="68">
        <v>1752</v>
      </c>
      <c r="DC7" s="68">
        <v>1593</v>
      </c>
      <c r="DD7" s="68">
        <v>1114</v>
      </c>
      <c r="DE7" s="68">
        <v>1067</v>
      </c>
      <c r="DF7" s="68">
        <v>711</v>
      </c>
      <c r="DG7" s="70">
        <v>6237</v>
      </c>
      <c r="DH7" s="71">
        <v>8770</v>
      </c>
      <c r="DI7" s="56">
        <v>31</v>
      </c>
      <c r="DJ7" s="57">
        <v>37</v>
      </c>
      <c r="DK7" s="58">
        <v>68</v>
      </c>
      <c r="DL7" s="227"/>
      <c r="DM7" s="57">
        <v>28</v>
      </c>
      <c r="DN7" s="57">
        <v>21</v>
      </c>
      <c r="DO7" s="57">
        <v>18</v>
      </c>
      <c r="DP7" s="57">
        <v>11</v>
      </c>
      <c r="DQ7" s="57">
        <v>14</v>
      </c>
      <c r="DR7" s="58">
        <v>92</v>
      </c>
      <c r="DS7" s="59">
        <v>160</v>
      </c>
      <c r="DT7" s="56">
        <v>96</v>
      </c>
      <c r="DU7" s="57">
        <v>91</v>
      </c>
      <c r="DV7" s="58">
        <v>187</v>
      </c>
      <c r="DW7" s="227"/>
      <c r="DX7" s="57">
        <v>76</v>
      </c>
      <c r="DY7" s="57">
        <v>69</v>
      </c>
      <c r="DZ7" s="57">
        <v>45</v>
      </c>
      <c r="EA7" s="57">
        <v>34</v>
      </c>
      <c r="EB7" s="57">
        <v>28</v>
      </c>
      <c r="EC7" s="58">
        <v>252</v>
      </c>
      <c r="ED7" s="59">
        <v>439</v>
      </c>
      <c r="EE7" s="56">
        <v>166</v>
      </c>
      <c r="EF7" s="57">
        <v>186</v>
      </c>
      <c r="EG7" s="58">
        <v>352</v>
      </c>
      <c r="EH7" s="227"/>
      <c r="EI7" s="57">
        <v>198</v>
      </c>
      <c r="EJ7" s="57">
        <v>150</v>
      </c>
      <c r="EK7" s="57">
        <v>82</v>
      </c>
      <c r="EL7" s="57">
        <v>66</v>
      </c>
      <c r="EM7" s="57">
        <v>66</v>
      </c>
      <c r="EN7" s="58">
        <v>562</v>
      </c>
      <c r="EO7" s="59">
        <v>914</v>
      </c>
      <c r="EP7" s="56">
        <v>343</v>
      </c>
      <c r="EQ7" s="57">
        <v>318</v>
      </c>
      <c r="ER7" s="58">
        <v>661</v>
      </c>
      <c r="ES7" s="227"/>
      <c r="ET7" s="57">
        <v>343</v>
      </c>
      <c r="EU7" s="57">
        <v>282</v>
      </c>
      <c r="EV7" s="57">
        <v>166</v>
      </c>
      <c r="EW7" s="57">
        <v>149</v>
      </c>
      <c r="EX7" s="57">
        <v>93</v>
      </c>
      <c r="EY7" s="58">
        <v>1033</v>
      </c>
      <c r="EZ7" s="59">
        <v>1694</v>
      </c>
      <c r="FA7" s="56">
        <v>309</v>
      </c>
      <c r="FB7" s="57">
        <v>425</v>
      </c>
      <c r="FC7" s="58">
        <v>734</v>
      </c>
      <c r="FD7" s="227"/>
      <c r="FE7" s="57">
        <v>541</v>
      </c>
      <c r="FF7" s="57">
        <v>459</v>
      </c>
      <c r="FG7" s="57">
        <v>302</v>
      </c>
      <c r="FH7" s="57">
        <v>269</v>
      </c>
      <c r="FI7" s="57">
        <v>167</v>
      </c>
      <c r="FJ7" s="58">
        <v>1738</v>
      </c>
      <c r="FK7" s="59">
        <v>2472</v>
      </c>
      <c r="FL7" s="56">
        <v>228</v>
      </c>
      <c r="FM7" s="57">
        <v>303</v>
      </c>
      <c r="FN7" s="58">
        <v>531</v>
      </c>
      <c r="FO7" s="227"/>
      <c r="FP7" s="57">
        <v>566</v>
      </c>
      <c r="FQ7" s="57">
        <v>612</v>
      </c>
      <c r="FR7" s="57">
        <v>501</v>
      </c>
      <c r="FS7" s="57">
        <v>538</v>
      </c>
      <c r="FT7" s="57">
        <v>343</v>
      </c>
      <c r="FU7" s="58">
        <v>2560</v>
      </c>
      <c r="FV7" s="59">
        <v>3091</v>
      </c>
      <c r="FW7" s="56">
        <v>0</v>
      </c>
      <c r="FX7" s="57">
        <v>0</v>
      </c>
      <c r="FY7" s="58">
        <v>0</v>
      </c>
      <c r="FZ7" s="227"/>
      <c r="GA7" s="57">
        <v>0</v>
      </c>
      <c r="GB7" s="57">
        <v>0</v>
      </c>
      <c r="GC7" s="57">
        <v>0</v>
      </c>
      <c r="GD7" s="57">
        <v>0</v>
      </c>
      <c r="GE7" s="57">
        <v>0</v>
      </c>
      <c r="GF7" s="58">
        <v>0</v>
      </c>
      <c r="GG7" s="59">
        <v>0</v>
      </c>
      <c r="GH7" s="56">
        <v>1173</v>
      </c>
      <c r="GI7" s="57">
        <v>1360</v>
      </c>
      <c r="GJ7" s="58">
        <v>2533</v>
      </c>
      <c r="GK7" s="227"/>
      <c r="GL7" s="57">
        <v>1752</v>
      </c>
      <c r="GM7" s="57">
        <v>1593</v>
      </c>
      <c r="GN7" s="57">
        <v>1114</v>
      </c>
      <c r="GO7" s="57">
        <v>1067</v>
      </c>
      <c r="GP7" s="57">
        <v>711</v>
      </c>
      <c r="GQ7" s="58">
        <v>6237</v>
      </c>
      <c r="GR7" s="59">
        <v>8770</v>
      </c>
      <c r="GS7" s="112">
        <v>4406</v>
      </c>
      <c r="GT7" s="68">
        <v>4526</v>
      </c>
      <c r="GU7" s="69">
        <v>8932</v>
      </c>
      <c r="GV7" s="227"/>
      <c r="GW7" s="68">
        <v>5988</v>
      </c>
      <c r="GX7" s="68">
        <v>5529</v>
      </c>
      <c r="GY7" s="68">
        <v>3463</v>
      </c>
      <c r="GZ7" s="68">
        <v>3093</v>
      </c>
      <c r="HA7" s="68">
        <v>2029</v>
      </c>
      <c r="HB7" s="70">
        <v>20102</v>
      </c>
      <c r="HC7" s="71">
        <v>29034</v>
      </c>
      <c r="HD7" s="56">
        <v>123</v>
      </c>
      <c r="HE7" s="57">
        <v>153</v>
      </c>
      <c r="HF7" s="58">
        <v>276</v>
      </c>
      <c r="HG7" s="227"/>
      <c r="HH7" s="57">
        <v>131</v>
      </c>
      <c r="HI7" s="57">
        <v>167</v>
      </c>
      <c r="HJ7" s="57">
        <v>93</v>
      </c>
      <c r="HK7" s="57">
        <v>86</v>
      </c>
      <c r="HL7" s="57">
        <v>83</v>
      </c>
      <c r="HM7" s="58">
        <v>560</v>
      </c>
      <c r="HN7" s="59">
        <v>836</v>
      </c>
      <c r="HO7" s="56">
        <v>352</v>
      </c>
      <c r="HP7" s="57">
        <v>340</v>
      </c>
      <c r="HQ7" s="58">
        <v>692</v>
      </c>
      <c r="HR7" s="227"/>
      <c r="HS7" s="57">
        <v>338</v>
      </c>
      <c r="HT7" s="57">
        <v>352</v>
      </c>
      <c r="HU7" s="57">
        <v>204</v>
      </c>
      <c r="HV7" s="57">
        <v>156</v>
      </c>
      <c r="HW7" s="57">
        <v>152</v>
      </c>
      <c r="HX7" s="58">
        <v>1202</v>
      </c>
      <c r="HY7" s="59">
        <v>1894</v>
      </c>
      <c r="HZ7" s="56">
        <v>513</v>
      </c>
      <c r="IA7" s="57">
        <v>581</v>
      </c>
      <c r="IB7" s="58">
        <v>1094</v>
      </c>
      <c r="IC7" s="227"/>
      <c r="ID7" s="57">
        <v>668</v>
      </c>
      <c r="IE7" s="57">
        <v>570</v>
      </c>
      <c r="IF7" s="57">
        <v>328</v>
      </c>
      <c r="IG7" s="57">
        <v>308</v>
      </c>
      <c r="IH7" s="57">
        <v>258</v>
      </c>
      <c r="II7" s="58">
        <v>2132</v>
      </c>
      <c r="IJ7" s="59">
        <v>3226</v>
      </c>
      <c r="IK7" s="56">
        <v>1047</v>
      </c>
      <c r="IL7" s="57">
        <v>1067</v>
      </c>
      <c r="IM7" s="58">
        <v>2114</v>
      </c>
      <c r="IN7" s="227"/>
      <c r="IO7" s="57">
        <v>1323</v>
      </c>
      <c r="IP7" s="57">
        <v>1087</v>
      </c>
      <c r="IQ7" s="57">
        <v>612</v>
      </c>
      <c r="IR7" s="57">
        <v>529</v>
      </c>
      <c r="IS7" s="57">
        <v>357</v>
      </c>
      <c r="IT7" s="58">
        <v>3908</v>
      </c>
      <c r="IU7" s="59">
        <v>6022</v>
      </c>
      <c r="IV7" s="56">
        <v>1375</v>
      </c>
      <c r="IW7" s="57">
        <v>1313</v>
      </c>
      <c r="IX7" s="58">
        <v>2688</v>
      </c>
      <c r="IY7" s="227"/>
      <c r="IZ7" s="57">
        <v>1817</v>
      </c>
      <c r="JA7" s="57">
        <v>1565</v>
      </c>
      <c r="JB7" s="57">
        <v>948</v>
      </c>
      <c r="JC7" s="57">
        <v>827</v>
      </c>
      <c r="JD7" s="57">
        <v>479</v>
      </c>
      <c r="JE7" s="58">
        <v>5636</v>
      </c>
      <c r="JF7" s="59">
        <v>8324</v>
      </c>
      <c r="JG7" s="56">
        <v>996</v>
      </c>
      <c r="JH7" s="57">
        <v>1072</v>
      </c>
      <c r="JI7" s="58">
        <v>2068</v>
      </c>
      <c r="JJ7" s="227"/>
      <c r="JK7" s="57">
        <v>1711</v>
      </c>
      <c r="JL7" s="57">
        <v>1788</v>
      </c>
      <c r="JM7" s="57">
        <v>1278</v>
      </c>
      <c r="JN7" s="57">
        <v>1187</v>
      </c>
      <c r="JO7" s="57">
        <v>700</v>
      </c>
      <c r="JP7" s="58">
        <v>6664</v>
      </c>
      <c r="JQ7" s="59">
        <v>8732</v>
      </c>
      <c r="JR7" s="56">
        <v>0</v>
      </c>
      <c r="JS7" s="57">
        <v>0</v>
      </c>
      <c r="JT7" s="58">
        <v>0</v>
      </c>
      <c r="JU7" s="227"/>
      <c r="JV7" s="57">
        <v>0</v>
      </c>
      <c r="JW7" s="57">
        <v>0</v>
      </c>
      <c r="JX7" s="57">
        <v>0</v>
      </c>
      <c r="JY7" s="57">
        <v>0</v>
      </c>
      <c r="JZ7" s="57">
        <v>0</v>
      </c>
      <c r="KA7" s="58">
        <v>0</v>
      </c>
      <c r="KB7" s="59">
        <v>0</v>
      </c>
      <c r="KC7" s="56">
        <v>4406</v>
      </c>
      <c r="KD7" s="57">
        <v>4526</v>
      </c>
      <c r="KE7" s="58">
        <v>8932</v>
      </c>
      <c r="KF7" s="227"/>
      <c r="KG7" s="57">
        <v>5988</v>
      </c>
      <c r="KH7" s="57">
        <v>5529</v>
      </c>
      <c r="KI7" s="57">
        <v>3463</v>
      </c>
      <c r="KJ7" s="57">
        <v>3093</v>
      </c>
      <c r="KK7" s="57">
        <v>2029</v>
      </c>
      <c r="KL7" s="58">
        <v>20102</v>
      </c>
      <c r="KM7" s="59">
        <v>29034</v>
      </c>
    </row>
    <row r="8" spans="2:299" ht="21" customHeight="1" x14ac:dyDescent="0.2">
      <c r="B8" s="471" t="s">
        <v>5</v>
      </c>
      <c r="C8" s="293">
        <v>1476</v>
      </c>
      <c r="D8" s="72">
        <v>1581</v>
      </c>
      <c r="E8" s="73">
        <v>3057</v>
      </c>
      <c r="F8" s="228"/>
      <c r="G8" s="72">
        <v>1569</v>
      </c>
      <c r="H8" s="72">
        <v>1912</v>
      </c>
      <c r="I8" s="72">
        <v>1057</v>
      </c>
      <c r="J8" s="72">
        <v>911</v>
      </c>
      <c r="K8" s="72">
        <v>560</v>
      </c>
      <c r="L8" s="74">
        <v>6009</v>
      </c>
      <c r="M8" s="75">
        <v>9066</v>
      </c>
      <c r="N8" s="60">
        <v>46</v>
      </c>
      <c r="O8" s="61">
        <v>49</v>
      </c>
      <c r="P8" s="62">
        <v>95</v>
      </c>
      <c r="Q8" s="228"/>
      <c r="R8" s="61">
        <v>35</v>
      </c>
      <c r="S8" s="61">
        <v>65</v>
      </c>
      <c r="T8" s="61">
        <v>35</v>
      </c>
      <c r="U8" s="61">
        <v>31</v>
      </c>
      <c r="V8" s="61">
        <v>24</v>
      </c>
      <c r="W8" s="62">
        <v>190</v>
      </c>
      <c r="X8" s="63">
        <v>285</v>
      </c>
      <c r="Y8" s="60">
        <v>99</v>
      </c>
      <c r="Z8" s="61">
        <v>127</v>
      </c>
      <c r="AA8" s="62">
        <v>226</v>
      </c>
      <c r="AB8" s="228"/>
      <c r="AC8" s="61">
        <v>73</v>
      </c>
      <c r="AD8" s="61">
        <v>117</v>
      </c>
      <c r="AE8" s="61">
        <v>61</v>
      </c>
      <c r="AF8" s="61">
        <v>61</v>
      </c>
      <c r="AG8" s="61">
        <v>48</v>
      </c>
      <c r="AH8" s="62">
        <v>360</v>
      </c>
      <c r="AI8" s="63">
        <v>586</v>
      </c>
      <c r="AJ8" s="60">
        <v>154</v>
      </c>
      <c r="AK8" s="61">
        <v>194</v>
      </c>
      <c r="AL8" s="62">
        <v>348</v>
      </c>
      <c r="AM8" s="228"/>
      <c r="AN8" s="61">
        <v>157</v>
      </c>
      <c r="AO8" s="61">
        <v>183</v>
      </c>
      <c r="AP8" s="61">
        <v>93</v>
      </c>
      <c r="AQ8" s="61">
        <v>106</v>
      </c>
      <c r="AR8" s="61">
        <v>76</v>
      </c>
      <c r="AS8" s="62">
        <v>615</v>
      </c>
      <c r="AT8" s="63">
        <v>963</v>
      </c>
      <c r="AU8" s="60">
        <v>327</v>
      </c>
      <c r="AV8" s="61">
        <v>370</v>
      </c>
      <c r="AW8" s="62">
        <v>697</v>
      </c>
      <c r="AX8" s="228"/>
      <c r="AY8" s="61">
        <v>318</v>
      </c>
      <c r="AZ8" s="61">
        <v>406</v>
      </c>
      <c r="BA8" s="61">
        <v>202</v>
      </c>
      <c r="BB8" s="61">
        <v>173</v>
      </c>
      <c r="BC8" s="61">
        <v>109</v>
      </c>
      <c r="BD8" s="62">
        <v>1208</v>
      </c>
      <c r="BE8" s="63">
        <v>1905</v>
      </c>
      <c r="BF8" s="60">
        <v>511</v>
      </c>
      <c r="BG8" s="61">
        <v>460</v>
      </c>
      <c r="BH8" s="62">
        <v>971</v>
      </c>
      <c r="BI8" s="228"/>
      <c r="BJ8" s="61">
        <v>538</v>
      </c>
      <c r="BK8" s="61">
        <v>544</v>
      </c>
      <c r="BL8" s="61">
        <v>292</v>
      </c>
      <c r="BM8" s="61">
        <v>246</v>
      </c>
      <c r="BN8" s="61">
        <v>135</v>
      </c>
      <c r="BO8" s="62">
        <v>1755</v>
      </c>
      <c r="BP8" s="63">
        <v>2726</v>
      </c>
      <c r="BQ8" s="60">
        <v>339</v>
      </c>
      <c r="BR8" s="61">
        <v>381</v>
      </c>
      <c r="BS8" s="62">
        <v>720</v>
      </c>
      <c r="BT8" s="228"/>
      <c r="BU8" s="61">
        <v>448</v>
      </c>
      <c r="BV8" s="61">
        <v>597</v>
      </c>
      <c r="BW8" s="61">
        <v>374</v>
      </c>
      <c r="BX8" s="61">
        <v>294</v>
      </c>
      <c r="BY8" s="61">
        <v>168</v>
      </c>
      <c r="BZ8" s="62">
        <v>1881</v>
      </c>
      <c r="CA8" s="63">
        <v>2601</v>
      </c>
      <c r="CB8" s="60">
        <v>0</v>
      </c>
      <c r="CC8" s="61">
        <v>0</v>
      </c>
      <c r="CD8" s="62">
        <v>0</v>
      </c>
      <c r="CE8" s="228"/>
      <c r="CF8" s="61">
        <v>0</v>
      </c>
      <c r="CG8" s="61">
        <v>0</v>
      </c>
      <c r="CH8" s="61">
        <v>0</v>
      </c>
      <c r="CI8" s="61">
        <v>0</v>
      </c>
      <c r="CJ8" s="61">
        <v>0</v>
      </c>
      <c r="CK8" s="62">
        <v>0</v>
      </c>
      <c r="CL8" s="63">
        <v>0</v>
      </c>
      <c r="CM8" s="60">
        <v>1476</v>
      </c>
      <c r="CN8" s="61">
        <v>1581</v>
      </c>
      <c r="CO8" s="62">
        <v>3057</v>
      </c>
      <c r="CP8" s="228"/>
      <c r="CQ8" s="61">
        <v>1569</v>
      </c>
      <c r="CR8" s="61">
        <v>1912</v>
      </c>
      <c r="CS8" s="61">
        <v>1057</v>
      </c>
      <c r="CT8" s="61">
        <v>911</v>
      </c>
      <c r="CU8" s="61">
        <v>560</v>
      </c>
      <c r="CV8" s="62">
        <v>6009</v>
      </c>
      <c r="CW8" s="63">
        <v>9066</v>
      </c>
      <c r="CX8" s="113">
        <v>457</v>
      </c>
      <c r="CY8" s="72">
        <v>636</v>
      </c>
      <c r="CZ8" s="73">
        <v>1093</v>
      </c>
      <c r="DA8" s="228"/>
      <c r="DB8" s="72">
        <v>628</v>
      </c>
      <c r="DC8" s="72">
        <v>739</v>
      </c>
      <c r="DD8" s="72">
        <v>489</v>
      </c>
      <c r="DE8" s="72">
        <v>463</v>
      </c>
      <c r="DF8" s="72">
        <v>302</v>
      </c>
      <c r="DG8" s="74">
        <v>2621</v>
      </c>
      <c r="DH8" s="75">
        <v>3714</v>
      </c>
      <c r="DI8" s="60">
        <v>12</v>
      </c>
      <c r="DJ8" s="61">
        <v>13</v>
      </c>
      <c r="DK8" s="62">
        <v>25</v>
      </c>
      <c r="DL8" s="228"/>
      <c r="DM8" s="61">
        <v>8</v>
      </c>
      <c r="DN8" s="61">
        <v>10</v>
      </c>
      <c r="DO8" s="61">
        <v>6</v>
      </c>
      <c r="DP8" s="61">
        <v>6</v>
      </c>
      <c r="DQ8" s="61">
        <v>8</v>
      </c>
      <c r="DR8" s="62">
        <v>38</v>
      </c>
      <c r="DS8" s="63">
        <v>63</v>
      </c>
      <c r="DT8" s="60">
        <v>41</v>
      </c>
      <c r="DU8" s="61">
        <v>43</v>
      </c>
      <c r="DV8" s="62">
        <v>84</v>
      </c>
      <c r="DW8" s="228"/>
      <c r="DX8" s="61">
        <v>15</v>
      </c>
      <c r="DY8" s="61">
        <v>31</v>
      </c>
      <c r="DZ8" s="61">
        <v>22</v>
      </c>
      <c r="EA8" s="61">
        <v>16</v>
      </c>
      <c r="EB8" s="61">
        <v>11</v>
      </c>
      <c r="EC8" s="62">
        <v>95</v>
      </c>
      <c r="ED8" s="63">
        <v>179</v>
      </c>
      <c r="EE8" s="60">
        <v>62</v>
      </c>
      <c r="EF8" s="61">
        <v>89</v>
      </c>
      <c r="EG8" s="62">
        <v>151</v>
      </c>
      <c r="EH8" s="228"/>
      <c r="EI8" s="61">
        <v>78</v>
      </c>
      <c r="EJ8" s="61">
        <v>70</v>
      </c>
      <c r="EK8" s="61">
        <v>31</v>
      </c>
      <c r="EL8" s="61">
        <v>34</v>
      </c>
      <c r="EM8" s="61">
        <v>31</v>
      </c>
      <c r="EN8" s="62">
        <v>244</v>
      </c>
      <c r="EO8" s="63">
        <v>395</v>
      </c>
      <c r="EP8" s="60">
        <v>133</v>
      </c>
      <c r="EQ8" s="61">
        <v>150</v>
      </c>
      <c r="ER8" s="62">
        <v>283</v>
      </c>
      <c r="ES8" s="228"/>
      <c r="ET8" s="61">
        <v>128</v>
      </c>
      <c r="EU8" s="61">
        <v>123</v>
      </c>
      <c r="EV8" s="61">
        <v>75</v>
      </c>
      <c r="EW8" s="61">
        <v>65</v>
      </c>
      <c r="EX8" s="61">
        <v>33</v>
      </c>
      <c r="EY8" s="62">
        <v>424</v>
      </c>
      <c r="EZ8" s="63">
        <v>707</v>
      </c>
      <c r="FA8" s="60">
        <v>116</v>
      </c>
      <c r="FB8" s="61">
        <v>206</v>
      </c>
      <c r="FC8" s="62">
        <v>322</v>
      </c>
      <c r="FD8" s="228"/>
      <c r="FE8" s="61">
        <v>202</v>
      </c>
      <c r="FF8" s="61">
        <v>219</v>
      </c>
      <c r="FG8" s="61">
        <v>131</v>
      </c>
      <c r="FH8" s="61">
        <v>123</v>
      </c>
      <c r="FI8" s="61">
        <v>69</v>
      </c>
      <c r="FJ8" s="62">
        <v>744</v>
      </c>
      <c r="FK8" s="63">
        <v>1066</v>
      </c>
      <c r="FL8" s="60">
        <v>93</v>
      </c>
      <c r="FM8" s="61">
        <v>135</v>
      </c>
      <c r="FN8" s="62">
        <v>228</v>
      </c>
      <c r="FO8" s="228"/>
      <c r="FP8" s="61">
        <v>197</v>
      </c>
      <c r="FQ8" s="61">
        <v>286</v>
      </c>
      <c r="FR8" s="61">
        <v>224</v>
      </c>
      <c r="FS8" s="61">
        <v>219</v>
      </c>
      <c r="FT8" s="61">
        <v>150</v>
      </c>
      <c r="FU8" s="62">
        <v>1076</v>
      </c>
      <c r="FV8" s="63">
        <v>1304</v>
      </c>
      <c r="FW8" s="60">
        <v>0</v>
      </c>
      <c r="FX8" s="61">
        <v>0</v>
      </c>
      <c r="FY8" s="62">
        <v>0</v>
      </c>
      <c r="FZ8" s="228"/>
      <c r="GA8" s="61">
        <v>0</v>
      </c>
      <c r="GB8" s="61">
        <v>0</v>
      </c>
      <c r="GC8" s="61">
        <v>0</v>
      </c>
      <c r="GD8" s="61">
        <v>0</v>
      </c>
      <c r="GE8" s="61">
        <v>0</v>
      </c>
      <c r="GF8" s="62">
        <v>0</v>
      </c>
      <c r="GG8" s="63">
        <v>0</v>
      </c>
      <c r="GH8" s="60">
        <v>457</v>
      </c>
      <c r="GI8" s="61">
        <v>636</v>
      </c>
      <c r="GJ8" s="62">
        <v>1093</v>
      </c>
      <c r="GK8" s="228"/>
      <c r="GL8" s="61">
        <v>628</v>
      </c>
      <c r="GM8" s="61">
        <v>739</v>
      </c>
      <c r="GN8" s="61">
        <v>489</v>
      </c>
      <c r="GO8" s="61">
        <v>463</v>
      </c>
      <c r="GP8" s="61">
        <v>302</v>
      </c>
      <c r="GQ8" s="62">
        <v>2621</v>
      </c>
      <c r="GR8" s="63">
        <v>3714</v>
      </c>
      <c r="GS8" s="113">
        <v>1933</v>
      </c>
      <c r="GT8" s="72">
        <v>2217</v>
      </c>
      <c r="GU8" s="73">
        <v>4150</v>
      </c>
      <c r="GV8" s="228"/>
      <c r="GW8" s="72">
        <v>2197</v>
      </c>
      <c r="GX8" s="72">
        <v>2651</v>
      </c>
      <c r="GY8" s="72">
        <v>1546</v>
      </c>
      <c r="GZ8" s="72">
        <v>1374</v>
      </c>
      <c r="HA8" s="72">
        <v>862</v>
      </c>
      <c r="HB8" s="74">
        <v>8630</v>
      </c>
      <c r="HC8" s="75">
        <v>12780</v>
      </c>
      <c r="HD8" s="60">
        <v>58</v>
      </c>
      <c r="HE8" s="61">
        <v>62</v>
      </c>
      <c r="HF8" s="62">
        <v>120</v>
      </c>
      <c r="HG8" s="228"/>
      <c r="HH8" s="61">
        <v>43</v>
      </c>
      <c r="HI8" s="61">
        <v>75</v>
      </c>
      <c r="HJ8" s="61">
        <v>41</v>
      </c>
      <c r="HK8" s="61">
        <v>37</v>
      </c>
      <c r="HL8" s="61">
        <v>32</v>
      </c>
      <c r="HM8" s="62">
        <v>228</v>
      </c>
      <c r="HN8" s="63">
        <v>348</v>
      </c>
      <c r="HO8" s="60">
        <v>140</v>
      </c>
      <c r="HP8" s="61">
        <v>170</v>
      </c>
      <c r="HQ8" s="62">
        <v>310</v>
      </c>
      <c r="HR8" s="228"/>
      <c r="HS8" s="61">
        <v>88</v>
      </c>
      <c r="HT8" s="61">
        <v>148</v>
      </c>
      <c r="HU8" s="61">
        <v>83</v>
      </c>
      <c r="HV8" s="61">
        <v>77</v>
      </c>
      <c r="HW8" s="61">
        <v>59</v>
      </c>
      <c r="HX8" s="62">
        <v>455</v>
      </c>
      <c r="HY8" s="63">
        <v>765</v>
      </c>
      <c r="HZ8" s="60">
        <v>216</v>
      </c>
      <c r="IA8" s="61">
        <v>283</v>
      </c>
      <c r="IB8" s="62">
        <v>499</v>
      </c>
      <c r="IC8" s="228"/>
      <c r="ID8" s="61">
        <v>235</v>
      </c>
      <c r="IE8" s="61">
        <v>253</v>
      </c>
      <c r="IF8" s="61">
        <v>124</v>
      </c>
      <c r="IG8" s="61">
        <v>140</v>
      </c>
      <c r="IH8" s="61">
        <v>107</v>
      </c>
      <c r="II8" s="62">
        <v>859</v>
      </c>
      <c r="IJ8" s="63">
        <v>1358</v>
      </c>
      <c r="IK8" s="60">
        <v>460</v>
      </c>
      <c r="IL8" s="61">
        <v>520</v>
      </c>
      <c r="IM8" s="62">
        <v>980</v>
      </c>
      <c r="IN8" s="228"/>
      <c r="IO8" s="61">
        <v>446</v>
      </c>
      <c r="IP8" s="61">
        <v>529</v>
      </c>
      <c r="IQ8" s="61">
        <v>277</v>
      </c>
      <c r="IR8" s="61">
        <v>238</v>
      </c>
      <c r="IS8" s="61">
        <v>142</v>
      </c>
      <c r="IT8" s="62">
        <v>1632</v>
      </c>
      <c r="IU8" s="63">
        <v>2612</v>
      </c>
      <c r="IV8" s="60">
        <v>627</v>
      </c>
      <c r="IW8" s="61">
        <v>666</v>
      </c>
      <c r="IX8" s="62">
        <v>1293</v>
      </c>
      <c r="IY8" s="228"/>
      <c r="IZ8" s="61">
        <v>740</v>
      </c>
      <c r="JA8" s="61">
        <v>763</v>
      </c>
      <c r="JB8" s="61">
        <v>423</v>
      </c>
      <c r="JC8" s="61">
        <v>369</v>
      </c>
      <c r="JD8" s="61">
        <v>204</v>
      </c>
      <c r="JE8" s="62">
        <v>2499</v>
      </c>
      <c r="JF8" s="63">
        <v>3792</v>
      </c>
      <c r="JG8" s="60">
        <v>432</v>
      </c>
      <c r="JH8" s="61">
        <v>516</v>
      </c>
      <c r="JI8" s="62">
        <v>948</v>
      </c>
      <c r="JJ8" s="228"/>
      <c r="JK8" s="61">
        <v>645</v>
      </c>
      <c r="JL8" s="61">
        <v>883</v>
      </c>
      <c r="JM8" s="61">
        <v>598</v>
      </c>
      <c r="JN8" s="61">
        <v>513</v>
      </c>
      <c r="JO8" s="61">
        <v>318</v>
      </c>
      <c r="JP8" s="62">
        <v>2957</v>
      </c>
      <c r="JQ8" s="63">
        <v>3905</v>
      </c>
      <c r="JR8" s="60">
        <v>0</v>
      </c>
      <c r="JS8" s="61">
        <v>0</v>
      </c>
      <c r="JT8" s="62">
        <v>0</v>
      </c>
      <c r="JU8" s="228"/>
      <c r="JV8" s="61">
        <v>0</v>
      </c>
      <c r="JW8" s="61">
        <v>0</v>
      </c>
      <c r="JX8" s="61">
        <v>0</v>
      </c>
      <c r="JY8" s="61">
        <v>0</v>
      </c>
      <c r="JZ8" s="61">
        <v>0</v>
      </c>
      <c r="KA8" s="62">
        <v>0</v>
      </c>
      <c r="KB8" s="63">
        <v>0</v>
      </c>
      <c r="KC8" s="60">
        <v>1933</v>
      </c>
      <c r="KD8" s="61">
        <v>2217</v>
      </c>
      <c r="KE8" s="62">
        <v>4150</v>
      </c>
      <c r="KF8" s="228"/>
      <c r="KG8" s="61">
        <v>2197</v>
      </c>
      <c r="KH8" s="61">
        <v>2651</v>
      </c>
      <c r="KI8" s="61">
        <v>1546</v>
      </c>
      <c r="KJ8" s="61">
        <v>1374</v>
      </c>
      <c r="KK8" s="61">
        <v>862</v>
      </c>
      <c r="KL8" s="62">
        <v>8630</v>
      </c>
      <c r="KM8" s="63">
        <v>12780</v>
      </c>
    </row>
    <row r="9" spans="2:299" ht="21" customHeight="1" x14ac:dyDescent="0.2">
      <c r="B9" s="472" t="s">
        <v>6</v>
      </c>
      <c r="C9" s="293">
        <v>403</v>
      </c>
      <c r="D9" s="72">
        <v>417</v>
      </c>
      <c r="E9" s="73">
        <v>820</v>
      </c>
      <c r="F9" s="228"/>
      <c r="G9" s="72">
        <v>737</v>
      </c>
      <c r="H9" s="72">
        <v>552</v>
      </c>
      <c r="I9" s="72">
        <v>368</v>
      </c>
      <c r="J9" s="72">
        <v>306</v>
      </c>
      <c r="K9" s="72">
        <v>227</v>
      </c>
      <c r="L9" s="74">
        <v>2190</v>
      </c>
      <c r="M9" s="75">
        <v>3010</v>
      </c>
      <c r="N9" s="60">
        <v>13</v>
      </c>
      <c r="O9" s="61">
        <v>19</v>
      </c>
      <c r="P9" s="62">
        <v>32</v>
      </c>
      <c r="Q9" s="228"/>
      <c r="R9" s="61">
        <v>20</v>
      </c>
      <c r="S9" s="61">
        <v>31</v>
      </c>
      <c r="T9" s="61">
        <v>10</v>
      </c>
      <c r="U9" s="61">
        <v>9</v>
      </c>
      <c r="V9" s="61">
        <v>15</v>
      </c>
      <c r="W9" s="62">
        <v>85</v>
      </c>
      <c r="X9" s="63">
        <v>117</v>
      </c>
      <c r="Y9" s="60">
        <v>37</v>
      </c>
      <c r="Z9" s="61">
        <v>28</v>
      </c>
      <c r="AA9" s="62">
        <v>65</v>
      </c>
      <c r="AB9" s="228"/>
      <c r="AC9" s="61">
        <v>51</v>
      </c>
      <c r="AD9" s="61">
        <v>41</v>
      </c>
      <c r="AE9" s="61">
        <v>29</v>
      </c>
      <c r="AF9" s="61">
        <v>17</v>
      </c>
      <c r="AG9" s="61">
        <v>19</v>
      </c>
      <c r="AH9" s="62">
        <v>157</v>
      </c>
      <c r="AI9" s="63">
        <v>222</v>
      </c>
      <c r="AJ9" s="60">
        <v>53</v>
      </c>
      <c r="AK9" s="61">
        <v>52</v>
      </c>
      <c r="AL9" s="62">
        <v>105</v>
      </c>
      <c r="AM9" s="228"/>
      <c r="AN9" s="61">
        <v>83</v>
      </c>
      <c r="AO9" s="61">
        <v>69</v>
      </c>
      <c r="AP9" s="61">
        <v>48</v>
      </c>
      <c r="AQ9" s="61">
        <v>41</v>
      </c>
      <c r="AR9" s="61">
        <v>37</v>
      </c>
      <c r="AS9" s="62">
        <v>278</v>
      </c>
      <c r="AT9" s="63">
        <v>383</v>
      </c>
      <c r="AU9" s="60">
        <v>80</v>
      </c>
      <c r="AV9" s="61">
        <v>93</v>
      </c>
      <c r="AW9" s="62">
        <v>173</v>
      </c>
      <c r="AX9" s="228"/>
      <c r="AY9" s="61">
        <v>178</v>
      </c>
      <c r="AZ9" s="61">
        <v>103</v>
      </c>
      <c r="BA9" s="61">
        <v>62</v>
      </c>
      <c r="BB9" s="61">
        <v>55</v>
      </c>
      <c r="BC9" s="61">
        <v>43</v>
      </c>
      <c r="BD9" s="62">
        <v>441</v>
      </c>
      <c r="BE9" s="63">
        <v>614</v>
      </c>
      <c r="BF9" s="60">
        <v>117</v>
      </c>
      <c r="BG9" s="61">
        <v>110</v>
      </c>
      <c r="BH9" s="62">
        <v>227</v>
      </c>
      <c r="BI9" s="228"/>
      <c r="BJ9" s="61">
        <v>204</v>
      </c>
      <c r="BK9" s="61">
        <v>146</v>
      </c>
      <c r="BL9" s="61">
        <v>101</v>
      </c>
      <c r="BM9" s="61">
        <v>82</v>
      </c>
      <c r="BN9" s="61">
        <v>49</v>
      </c>
      <c r="BO9" s="62">
        <v>582</v>
      </c>
      <c r="BP9" s="63">
        <v>809</v>
      </c>
      <c r="BQ9" s="60">
        <v>103</v>
      </c>
      <c r="BR9" s="61">
        <v>115</v>
      </c>
      <c r="BS9" s="62">
        <v>218</v>
      </c>
      <c r="BT9" s="228"/>
      <c r="BU9" s="61">
        <v>201</v>
      </c>
      <c r="BV9" s="61">
        <v>162</v>
      </c>
      <c r="BW9" s="61">
        <v>118</v>
      </c>
      <c r="BX9" s="61">
        <v>102</v>
      </c>
      <c r="BY9" s="61">
        <v>64</v>
      </c>
      <c r="BZ9" s="62">
        <v>647</v>
      </c>
      <c r="CA9" s="63">
        <v>865</v>
      </c>
      <c r="CB9" s="60">
        <v>0</v>
      </c>
      <c r="CC9" s="61">
        <v>0</v>
      </c>
      <c r="CD9" s="62">
        <v>0</v>
      </c>
      <c r="CE9" s="228"/>
      <c r="CF9" s="61">
        <v>0</v>
      </c>
      <c r="CG9" s="61">
        <v>0</v>
      </c>
      <c r="CH9" s="61">
        <v>0</v>
      </c>
      <c r="CI9" s="61">
        <v>0</v>
      </c>
      <c r="CJ9" s="61">
        <v>0</v>
      </c>
      <c r="CK9" s="62">
        <v>0</v>
      </c>
      <c r="CL9" s="63">
        <v>0</v>
      </c>
      <c r="CM9" s="60">
        <v>403</v>
      </c>
      <c r="CN9" s="61">
        <v>417</v>
      </c>
      <c r="CO9" s="62">
        <v>820</v>
      </c>
      <c r="CP9" s="228"/>
      <c r="CQ9" s="61">
        <v>737</v>
      </c>
      <c r="CR9" s="61">
        <v>552</v>
      </c>
      <c r="CS9" s="61">
        <v>368</v>
      </c>
      <c r="CT9" s="61">
        <v>306</v>
      </c>
      <c r="CU9" s="61">
        <v>227</v>
      </c>
      <c r="CV9" s="62">
        <v>2190</v>
      </c>
      <c r="CW9" s="63">
        <v>3010</v>
      </c>
      <c r="CX9" s="113">
        <v>201</v>
      </c>
      <c r="CY9" s="72">
        <v>228</v>
      </c>
      <c r="CZ9" s="73">
        <v>429</v>
      </c>
      <c r="DA9" s="228"/>
      <c r="DB9" s="72">
        <v>365</v>
      </c>
      <c r="DC9" s="72">
        <v>280</v>
      </c>
      <c r="DD9" s="72">
        <v>188</v>
      </c>
      <c r="DE9" s="72">
        <v>193</v>
      </c>
      <c r="DF9" s="72">
        <v>125</v>
      </c>
      <c r="DG9" s="74">
        <v>1151</v>
      </c>
      <c r="DH9" s="75">
        <v>1580</v>
      </c>
      <c r="DI9" s="60">
        <v>5</v>
      </c>
      <c r="DJ9" s="61">
        <v>7</v>
      </c>
      <c r="DK9" s="62">
        <v>12</v>
      </c>
      <c r="DL9" s="228"/>
      <c r="DM9" s="61">
        <v>7</v>
      </c>
      <c r="DN9" s="61">
        <v>4</v>
      </c>
      <c r="DO9" s="61">
        <v>5</v>
      </c>
      <c r="DP9" s="61">
        <v>1</v>
      </c>
      <c r="DQ9" s="61">
        <v>2</v>
      </c>
      <c r="DR9" s="62">
        <v>19</v>
      </c>
      <c r="DS9" s="63">
        <v>31</v>
      </c>
      <c r="DT9" s="60">
        <v>12</v>
      </c>
      <c r="DU9" s="61">
        <v>19</v>
      </c>
      <c r="DV9" s="62">
        <v>31</v>
      </c>
      <c r="DW9" s="228"/>
      <c r="DX9" s="61">
        <v>17</v>
      </c>
      <c r="DY9" s="61">
        <v>12</v>
      </c>
      <c r="DZ9" s="61">
        <v>9</v>
      </c>
      <c r="EA9" s="61">
        <v>7</v>
      </c>
      <c r="EB9" s="61">
        <v>2</v>
      </c>
      <c r="EC9" s="62">
        <v>47</v>
      </c>
      <c r="ED9" s="63">
        <v>78</v>
      </c>
      <c r="EE9" s="60">
        <v>26</v>
      </c>
      <c r="EF9" s="61">
        <v>27</v>
      </c>
      <c r="EG9" s="62">
        <v>53</v>
      </c>
      <c r="EH9" s="228"/>
      <c r="EI9" s="61">
        <v>45</v>
      </c>
      <c r="EJ9" s="61">
        <v>24</v>
      </c>
      <c r="EK9" s="61">
        <v>15</v>
      </c>
      <c r="EL9" s="61">
        <v>12</v>
      </c>
      <c r="EM9" s="61">
        <v>13</v>
      </c>
      <c r="EN9" s="62">
        <v>109</v>
      </c>
      <c r="EO9" s="63">
        <v>162</v>
      </c>
      <c r="EP9" s="60">
        <v>65</v>
      </c>
      <c r="EQ9" s="61">
        <v>41</v>
      </c>
      <c r="ER9" s="62">
        <v>106</v>
      </c>
      <c r="ES9" s="228"/>
      <c r="ET9" s="61">
        <v>70</v>
      </c>
      <c r="EU9" s="61">
        <v>53</v>
      </c>
      <c r="EV9" s="61">
        <v>32</v>
      </c>
      <c r="EW9" s="61">
        <v>26</v>
      </c>
      <c r="EX9" s="61">
        <v>21</v>
      </c>
      <c r="EY9" s="62">
        <v>202</v>
      </c>
      <c r="EZ9" s="63">
        <v>308</v>
      </c>
      <c r="FA9" s="60">
        <v>49</v>
      </c>
      <c r="FB9" s="61">
        <v>81</v>
      </c>
      <c r="FC9" s="62">
        <v>130</v>
      </c>
      <c r="FD9" s="228"/>
      <c r="FE9" s="61">
        <v>108</v>
      </c>
      <c r="FF9" s="61">
        <v>80</v>
      </c>
      <c r="FG9" s="61">
        <v>55</v>
      </c>
      <c r="FH9" s="61">
        <v>51</v>
      </c>
      <c r="FI9" s="61">
        <v>32</v>
      </c>
      <c r="FJ9" s="62">
        <v>326</v>
      </c>
      <c r="FK9" s="63">
        <v>456</v>
      </c>
      <c r="FL9" s="60">
        <v>44</v>
      </c>
      <c r="FM9" s="61">
        <v>53</v>
      </c>
      <c r="FN9" s="62">
        <v>97</v>
      </c>
      <c r="FO9" s="228"/>
      <c r="FP9" s="61">
        <v>118</v>
      </c>
      <c r="FQ9" s="61">
        <v>107</v>
      </c>
      <c r="FR9" s="61">
        <v>72</v>
      </c>
      <c r="FS9" s="61">
        <v>96</v>
      </c>
      <c r="FT9" s="61">
        <v>55</v>
      </c>
      <c r="FU9" s="62">
        <v>448</v>
      </c>
      <c r="FV9" s="63">
        <v>545</v>
      </c>
      <c r="FW9" s="60">
        <v>0</v>
      </c>
      <c r="FX9" s="61">
        <v>0</v>
      </c>
      <c r="FY9" s="62">
        <v>0</v>
      </c>
      <c r="FZ9" s="228"/>
      <c r="GA9" s="61">
        <v>0</v>
      </c>
      <c r="GB9" s="61">
        <v>0</v>
      </c>
      <c r="GC9" s="61">
        <v>0</v>
      </c>
      <c r="GD9" s="61">
        <v>0</v>
      </c>
      <c r="GE9" s="61">
        <v>0</v>
      </c>
      <c r="GF9" s="62">
        <v>0</v>
      </c>
      <c r="GG9" s="63">
        <v>0</v>
      </c>
      <c r="GH9" s="60">
        <v>201</v>
      </c>
      <c r="GI9" s="61">
        <v>228</v>
      </c>
      <c r="GJ9" s="62">
        <v>429</v>
      </c>
      <c r="GK9" s="228"/>
      <c r="GL9" s="61">
        <v>365</v>
      </c>
      <c r="GM9" s="61">
        <v>280</v>
      </c>
      <c r="GN9" s="61">
        <v>188</v>
      </c>
      <c r="GO9" s="61">
        <v>193</v>
      </c>
      <c r="GP9" s="61">
        <v>125</v>
      </c>
      <c r="GQ9" s="62">
        <v>1151</v>
      </c>
      <c r="GR9" s="63">
        <v>1580</v>
      </c>
      <c r="GS9" s="113">
        <v>604</v>
      </c>
      <c r="GT9" s="72">
        <v>645</v>
      </c>
      <c r="GU9" s="73">
        <v>1249</v>
      </c>
      <c r="GV9" s="228"/>
      <c r="GW9" s="72">
        <v>1102</v>
      </c>
      <c r="GX9" s="72">
        <v>832</v>
      </c>
      <c r="GY9" s="72">
        <v>556</v>
      </c>
      <c r="GZ9" s="72">
        <v>499</v>
      </c>
      <c r="HA9" s="72">
        <v>352</v>
      </c>
      <c r="HB9" s="74">
        <v>3341</v>
      </c>
      <c r="HC9" s="75">
        <v>4590</v>
      </c>
      <c r="HD9" s="60">
        <v>18</v>
      </c>
      <c r="HE9" s="61">
        <v>26</v>
      </c>
      <c r="HF9" s="62">
        <v>44</v>
      </c>
      <c r="HG9" s="228"/>
      <c r="HH9" s="61">
        <v>27</v>
      </c>
      <c r="HI9" s="61">
        <v>35</v>
      </c>
      <c r="HJ9" s="61">
        <v>15</v>
      </c>
      <c r="HK9" s="61">
        <v>10</v>
      </c>
      <c r="HL9" s="61">
        <v>17</v>
      </c>
      <c r="HM9" s="62">
        <v>104</v>
      </c>
      <c r="HN9" s="63">
        <v>148</v>
      </c>
      <c r="HO9" s="60">
        <v>49</v>
      </c>
      <c r="HP9" s="61">
        <v>47</v>
      </c>
      <c r="HQ9" s="62">
        <v>96</v>
      </c>
      <c r="HR9" s="228"/>
      <c r="HS9" s="61">
        <v>68</v>
      </c>
      <c r="HT9" s="61">
        <v>53</v>
      </c>
      <c r="HU9" s="61">
        <v>38</v>
      </c>
      <c r="HV9" s="61">
        <v>24</v>
      </c>
      <c r="HW9" s="61">
        <v>21</v>
      </c>
      <c r="HX9" s="62">
        <v>204</v>
      </c>
      <c r="HY9" s="63">
        <v>300</v>
      </c>
      <c r="HZ9" s="60">
        <v>79</v>
      </c>
      <c r="IA9" s="61">
        <v>79</v>
      </c>
      <c r="IB9" s="62">
        <v>158</v>
      </c>
      <c r="IC9" s="228"/>
      <c r="ID9" s="61">
        <v>128</v>
      </c>
      <c r="IE9" s="61">
        <v>93</v>
      </c>
      <c r="IF9" s="61">
        <v>63</v>
      </c>
      <c r="IG9" s="61">
        <v>53</v>
      </c>
      <c r="IH9" s="61">
        <v>50</v>
      </c>
      <c r="II9" s="62">
        <v>387</v>
      </c>
      <c r="IJ9" s="63">
        <v>545</v>
      </c>
      <c r="IK9" s="60">
        <v>145</v>
      </c>
      <c r="IL9" s="61">
        <v>134</v>
      </c>
      <c r="IM9" s="62">
        <v>279</v>
      </c>
      <c r="IN9" s="228"/>
      <c r="IO9" s="61">
        <v>248</v>
      </c>
      <c r="IP9" s="61">
        <v>156</v>
      </c>
      <c r="IQ9" s="61">
        <v>94</v>
      </c>
      <c r="IR9" s="61">
        <v>81</v>
      </c>
      <c r="IS9" s="61">
        <v>64</v>
      </c>
      <c r="IT9" s="62">
        <v>643</v>
      </c>
      <c r="IU9" s="63">
        <v>922</v>
      </c>
      <c r="IV9" s="60">
        <v>166</v>
      </c>
      <c r="IW9" s="61">
        <v>191</v>
      </c>
      <c r="IX9" s="62">
        <v>357</v>
      </c>
      <c r="IY9" s="228"/>
      <c r="IZ9" s="61">
        <v>312</v>
      </c>
      <c r="JA9" s="61">
        <v>226</v>
      </c>
      <c r="JB9" s="61">
        <v>156</v>
      </c>
      <c r="JC9" s="61">
        <v>133</v>
      </c>
      <c r="JD9" s="61">
        <v>81</v>
      </c>
      <c r="JE9" s="62">
        <v>908</v>
      </c>
      <c r="JF9" s="63">
        <v>1265</v>
      </c>
      <c r="JG9" s="60">
        <v>147</v>
      </c>
      <c r="JH9" s="61">
        <v>168</v>
      </c>
      <c r="JI9" s="62">
        <v>315</v>
      </c>
      <c r="JJ9" s="228"/>
      <c r="JK9" s="61">
        <v>319</v>
      </c>
      <c r="JL9" s="61">
        <v>269</v>
      </c>
      <c r="JM9" s="61">
        <v>190</v>
      </c>
      <c r="JN9" s="61">
        <v>198</v>
      </c>
      <c r="JO9" s="61">
        <v>119</v>
      </c>
      <c r="JP9" s="62">
        <v>1095</v>
      </c>
      <c r="JQ9" s="63">
        <v>1410</v>
      </c>
      <c r="JR9" s="60">
        <v>0</v>
      </c>
      <c r="JS9" s="61">
        <v>0</v>
      </c>
      <c r="JT9" s="62">
        <v>0</v>
      </c>
      <c r="JU9" s="228"/>
      <c r="JV9" s="61">
        <v>0</v>
      </c>
      <c r="JW9" s="61">
        <v>0</v>
      </c>
      <c r="JX9" s="61">
        <v>0</v>
      </c>
      <c r="JY9" s="61">
        <v>0</v>
      </c>
      <c r="JZ9" s="61">
        <v>0</v>
      </c>
      <c r="KA9" s="62">
        <v>0</v>
      </c>
      <c r="KB9" s="63">
        <v>0</v>
      </c>
      <c r="KC9" s="60">
        <v>604</v>
      </c>
      <c r="KD9" s="61">
        <v>645</v>
      </c>
      <c r="KE9" s="62">
        <v>1249</v>
      </c>
      <c r="KF9" s="228"/>
      <c r="KG9" s="61">
        <v>1102</v>
      </c>
      <c r="KH9" s="61">
        <v>832</v>
      </c>
      <c r="KI9" s="61">
        <v>556</v>
      </c>
      <c r="KJ9" s="61">
        <v>499</v>
      </c>
      <c r="KK9" s="61">
        <v>352</v>
      </c>
      <c r="KL9" s="62">
        <v>3341</v>
      </c>
      <c r="KM9" s="63">
        <v>4590</v>
      </c>
    </row>
    <row r="10" spans="2:299" ht="21" customHeight="1" x14ac:dyDescent="0.2">
      <c r="B10" s="472" t="s">
        <v>14</v>
      </c>
      <c r="C10" s="293">
        <v>186</v>
      </c>
      <c r="D10" s="72">
        <v>189</v>
      </c>
      <c r="E10" s="73">
        <v>375</v>
      </c>
      <c r="F10" s="228"/>
      <c r="G10" s="72">
        <v>226</v>
      </c>
      <c r="H10" s="72">
        <v>260</v>
      </c>
      <c r="I10" s="72">
        <v>158</v>
      </c>
      <c r="J10" s="72">
        <v>132</v>
      </c>
      <c r="K10" s="72">
        <v>86</v>
      </c>
      <c r="L10" s="74">
        <v>862</v>
      </c>
      <c r="M10" s="75">
        <v>1237</v>
      </c>
      <c r="N10" s="60">
        <v>1</v>
      </c>
      <c r="O10" s="61">
        <v>8</v>
      </c>
      <c r="P10" s="62">
        <v>9</v>
      </c>
      <c r="Q10" s="228"/>
      <c r="R10" s="61">
        <v>6</v>
      </c>
      <c r="S10" s="61">
        <v>10</v>
      </c>
      <c r="T10" s="61">
        <v>6</v>
      </c>
      <c r="U10" s="61">
        <v>5</v>
      </c>
      <c r="V10" s="61">
        <v>7</v>
      </c>
      <c r="W10" s="62">
        <v>34</v>
      </c>
      <c r="X10" s="63">
        <v>43</v>
      </c>
      <c r="Y10" s="60">
        <v>25</v>
      </c>
      <c r="Z10" s="61">
        <v>17</v>
      </c>
      <c r="AA10" s="62">
        <v>42</v>
      </c>
      <c r="AB10" s="228"/>
      <c r="AC10" s="61">
        <v>15</v>
      </c>
      <c r="AD10" s="61">
        <v>21</v>
      </c>
      <c r="AE10" s="61">
        <v>15</v>
      </c>
      <c r="AF10" s="61">
        <v>8</v>
      </c>
      <c r="AG10" s="61">
        <v>8</v>
      </c>
      <c r="AH10" s="62">
        <v>67</v>
      </c>
      <c r="AI10" s="63">
        <v>109</v>
      </c>
      <c r="AJ10" s="60">
        <v>18</v>
      </c>
      <c r="AK10" s="61">
        <v>33</v>
      </c>
      <c r="AL10" s="62">
        <v>51</v>
      </c>
      <c r="AM10" s="228"/>
      <c r="AN10" s="61">
        <v>24</v>
      </c>
      <c r="AO10" s="61">
        <v>37</v>
      </c>
      <c r="AP10" s="61">
        <v>12</v>
      </c>
      <c r="AQ10" s="61">
        <v>16</v>
      </c>
      <c r="AR10" s="61">
        <v>16</v>
      </c>
      <c r="AS10" s="62">
        <v>105</v>
      </c>
      <c r="AT10" s="63">
        <v>156</v>
      </c>
      <c r="AU10" s="60">
        <v>41</v>
      </c>
      <c r="AV10" s="61">
        <v>46</v>
      </c>
      <c r="AW10" s="62">
        <v>87</v>
      </c>
      <c r="AX10" s="228"/>
      <c r="AY10" s="61">
        <v>56</v>
      </c>
      <c r="AZ10" s="61">
        <v>51</v>
      </c>
      <c r="BA10" s="61">
        <v>28</v>
      </c>
      <c r="BB10" s="61">
        <v>25</v>
      </c>
      <c r="BC10" s="61">
        <v>15</v>
      </c>
      <c r="BD10" s="62">
        <v>175</v>
      </c>
      <c r="BE10" s="63">
        <v>262</v>
      </c>
      <c r="BF10" s="60">
        <v>64</v>
      </c>
      <c r="BG10" s="61">
        <v>44</v>
      </c>
      <c r="BH10" s="62">
        <v>108</v>
      </c>
      <c r="BI10" s="228"/>
      <c r="BJ10" s="61">
        <v>67</v>
      </c>
      <c r="BK10" s="61">
        <v>75</v>
      </c>
      <c r="BL10" s="61">
        <v>57</v>
      </c>
      <c r="BM10" s="61">
        <v>37</v>
      </c>
      <c r="BN10" s="61">
        <v>18</v>
      </c>
      <c r="BO10" s="62">
        <v>254</v>
      </c>
      <c r="BP10" s="63">
        <v>362</v>
      </c>
      <c r="BQ10" s="60">
        <v>37</v>
      </c>
      <c r="BR10" s="61">
        <v>41</v>
      </c>
      <c r="BS10" s="62">
        <v>78</v>
      </c>
      <c r="BT10" s="228"/>
      <c r="BU10" s="61">
        <v>58</v>
      </c>
      <c r="BV10" s="61">
        <v>66</v>
      </c>
      <c r="BW10" s="61">
        <v>40</v>
      </c>
      <c r="BX10" s="61">
        <v>41</v>
      </c>
      <c r="BY10" s="61">
        <v>22</v>
      </c>
      <c r="BZ10" s="62">
        <v>227</v>
      </c>
      <c r="CA10" s="63">
        <v>305</v>
      </c>
      <c r="CB10" s="60">
        <v>0</v>
      </c>
      <c r="CC10" s="61">
        <v>0</v>
      </c>
      <c r="CD10" s="62">
        <v>0</v>
      </c>
      <c r="CE10" s="228"/>
      <c r="CF10" s="61">
        <v>0</v>
      </c>
      <c r="CG10" s="61">
        <v>0</v>
      </c>
      <c r="CH10" s="61">
        <v>0</v>
      </c>
      <c r="CI10" s="61">
        <v>0</v>
      </c>
      <c r="CJ10" s="61">
        <v>0</v>
      </c>
      <c r="CK10" s="62">
        <v>0</v>
      </c>
      <c r="CL10" s="63">
        <v>0</v>
      </c>
      <c r="CM10" s="60">
        <v>186</v>
      </c>
      <c r="CN10" s="61">
        <v>189</v>
      </c>
      <c r="CO10" s="62">
        <v>375</v>
      </c>
      <c r="CP10" s="228"/>
      <c r="CQ10" s="61">
        <v>226</v>
      </c>
      <c r="CR10" s="61">
        <v>260</v>
      </c>
      <c r="CS10" s="61">
        <v>158</v>
      </c>
      <c r="CT10" s="61">
        <v>132</v>
      </c>
      <c r="CU10" s="61">
        <v>86</v>
      </c>
      <c r="CV10" s="62">
        <v>862</v>
      </c>
      <c r="CW10" s="63">
        <v>1237</v>
      </c>
      <c r="CX10" s="113">
        <v>59</v>
      </c>
      <c r="CY10" s="72">
        <v>78</v>
      </c>
      <c r="CZ10" s="73">
        <v>137</v>
      </c>
      <c r="DA10" s="228"/>
      <c r="DB10" s="72">
        <v>99</v>
      </c>
      <c r="DC10" s="72">
        <v>124</v>
      </c>
      <c r="DD10" s="72">
        <v>78</v>
      </c>
      <c r="DE10" s="72">
        <v>64</v>
      </c>
      <c r="DF10" s="72">
        <v>46</v>
      </c>
      <c r="DG10" s="74">
        <v>411</v>
      </c>
      <c r="DH10" s="75">
        <v>548</v>
      </c>
      <c r="DI10" s="60">
        <v>0</v>
      </c>
      <c r="DJ10" s="61">
        <v>3</v>
      </c>
      <c r="DK10" s="62">
        <v>3</v>
      </c>
      <c r="DL10" s="228"/>
      <c r="DM10" s="61">
        <v>1</v>
      </c>
      <c r="DN10" s="61">
        <v>3</v>
      </c>
      <c r="DO10" s="61">
        <v>1</v>
      </c>
      <c r="DP10" s="61">
        <v>0</v>
      </c>
      <c r="DQ10" s="61">
        <v>1</v>
      </c>
      <c r="DR10" s="62">
        <v>6</v>
      </c>
      <c r="DS10" s="63">
        <v>9</v>
      </c>
      <c r="DT10" s="60">
        <v>8</v>
      </c>
      <c r="DU10" s="61">
        <v>2</v>
      </c>
      <c r="DV10" s="62">
        <v>10</v>
      </c>
      <c r="DW10" s="228"/>
      <c r="DX10" s="61">
        <v>6</v>
      </c>
      <c r="DY10" s="61">
        <v>8</v>
      </c>
      <c r="DZ10" s="61">
        <v>4</v>
      </c>
      <c r="EA10" s="61">
        <v>0</v>
      </c>
      <c r="EB10" s="61">
        <v>0</v>
      </c>
      <c r="EC10" s="62">
        <v>18</v>
      </c>
      <c r="ED10" s="63">
        <v>28</v>
      </c>
      <c r="EE10" s="60">
        <v>11</v>
      </c>
      <c r="EF10" s="61">
        <v>14</v>
      </c>
      <c r="EG10" s="62">
        <v>25</v>
      </c>
      <c r="EH10" s="228"/>
      <c r="EI10" s="61">
        <v>9</v>
      </c>
      <c r="EJ10" s="61">
        <v>10</v>
      </c>
      <c r="EK10" s="61">
        <v>6</v>
      </c>
      <c r="EL10" s="61">
        <v>3</v>
      </c>
      <c r="EM10" s="61">
        <v>5</v>
      </c>
      <c r="EN10" s="62">
        <v>33</v>
      </c>
      <c r="EO10" s="63">
        <v>58</v>
      </c>
      <c r="EP10" s="60">
        <v>17</v>
      </c>
      <c r="EQ10" s="61">
        <v>18</v>
      </c>
      <c r="ER10" s="62">
        <v>35</v>
      </c>
      <c r="ES10" s="228"/>
      <c r="ET10" s="61">
        <v>18</v>
      </c>
      <c r="EU10" s="61">
        <v>27</v>
      </c>
      <c r="EV10" s="61">
        <v>11</v>
      </c>
      <c r="EW10" s="61">
        <v>10</v>
      </c>
      <c r="EX10" s="61">
        <v>9</v>
      </c>
      <c r="EY10" s="62">
        <v>75</v>
      </c>
      <c r="EZ10" s="63">
        <v>110</v>
      </c>
      <c r="FA10" s="60">
        <v>13</v>
      </c>
      <c r="FB10" s="61">
        <v>26</v>
      </c>
      <c r="FC10" s="62">
        <v>39</v>
      </c>
      <c r="FD10" s="228"/>
      <c r="FE10" s="61">
        <v>32</v>
      </c>
      <c r="FF10" s="61">
        <v>34</v>
      </c>
      <c r="FG10" s="61">
        <v>15</v>
      </c>
      <c r="FH10" s="61">
        <v>18</v>
      </c>
      <c r="FI10" s="61">
        <v>13</v>
      </c>
      <c r="FJ10" s="62">
        <v>112</v>
      </c>
      <c r="FK10" s="63">
        <v>151</v>
      </c>
      <c r="FL10" s="60">
        <v>10</v>
      </c>
      <c r="FM10" s="61">
        <v>15</v>
      </c>
      <c r="FN10" s="62">
        <v>25</v>
      </c>
      <c r="FO10" s="228"/>
      <c r="FP10" s="61">
        <v>33</v>
      </c>
      <c r="FQ10" s="61">
        <v>42</v>
      </c>
      <c r="FR10" s="61">
        <v>41</v>
      </c>
      <c r="FS10" s="61">
        <v>33</v>
      </c>
      <c r="FT10" s="61">
        <v>18</v>
      </c>
      <c r="FU10" s="62">
        <v>167</v>
      </c>
      <c r="FV10" s="63">
        <v>192</v>
      </c>
      <c r="FW10" s="60">
        <v>0</v>
      </c>
      <c r="FX10" s="61">
        <v>0</v>
      </c>
      <c r="FY10" s="62">
        <v>0</v>
      </c>
      <c r="FZ10" s="228"/>
      <c r="GA10" s="61">
        <v>0</v>
      </c>
      <c r="GB10" s="61">
        <v>0</v>
      </c>
      <c r="GC10" s="61">
        <v>0</v>
      </c>
      <c r="GD10" s="61">
        <v>0</v>
      </c>
      <c r="GE10" s="61">
        <v>0</v>
      </c>
      <c r="GF10" s="62">
        <v>0</v>
      </c>
      <c r="GG10" s="63">
        <v>0</v>
      </c>
      <c r="GH10" s="60">
        <v>59</v>
      </c>
      <c r="GI10" s="61">
        <v>78</v>
      </c>
      <c r="GJ10" s="62">
        <v>137</v>
      </c>
      <c r="GK10" s="228"/>
      <c r="GL10" s="61">
        <v>99</v>
      </c>
      <c r="GM10" s="61">
        <v>124</v>
      </c>
      <c r="GN10" s="61">
        <v>78</v>
      </c>
      <c r="GO10" s="61">
        <v>64</v>
      </c>
      <c r="GP10" s="61">
        <v>46</v>
      </c>
      <c r="GQ10" s="62">
        <v>411</v>
      </c>
      <c r="GR10" s="63">
        <v>548</v>
      </c>
      <c r="GS10" s="113">
        <v>245</v>
      </c>
      <c r="GT10" s="72">
        <v>267</v>
      </c>
      <c r="GU10" s="73">
        <v>512</v>
      </c>
      <c r="GV10" s="228"/>
      <c r="GW10" s="72">
        <v>325</v>
      </c>
      <c r="GX10" s="72">
        <v>384</v>
      </c>
      <c r="GY10" s="72">
        <v>236</v>
      </c>
      <c r="GZ10" s="72">
        <v>196</v>
      </c>
      <c r="HA10" s="72">
        <v>132</v>
      </c>
      <c r="HB10" s="74">
        <v>1273</v>
      </c>
      <c r="HC10" s="75">
        <v>1785</v>
      </c>
      <c r="HD10" s="60">
        <v>1</v>
      </c>
      <c r="HE10" s="61">
        <v>11</v>
      </c>
      <c r="HF10" s="62">
        <v>12</v>
      </c>
      <c r="HG10" s="228"/>
      <c r="HH10" s="61">
        <v>7</v>
      </c>
      <c r="HI10" s="61">
        <v>13</v>
      </c>
      <c r="HJ10" s="61">
        <v>7</v>
      </c>
      <c r="HK10" s="61">
        <v>5</v>
      </c>
      <c r="HL10" s="61">
        <v>8</v>
      </c>
      <c r="HM10" s="62">
        <v>40</v>
      </c>
      <c r="HN10" s="63">
        <v>52</v>
      </c>
      <c r="HO10" s="60">
        <v>33</v>
      </c>
      <c r="HP10" s="61">
        <v>19</v>
      </c>
      <c r="HQ10" s="62">
        <v>52</v>
      </c>
      <c r="HR10" s="228"/>
      <c r="HS10" s="61">
        <v>21</v>
      </c>
      <c r="HT10" s="61">
        <v>29</v>
      </c>
      <c r="HU10" s="61">
        <v>19</v>
      </c>
      <c r="HV10" s="61">
        <v>8</v>
      </c>
      <c r="HW10" s="61">
        <v>8</v>
      </c>
      <c r="HX10" s="62">
        <v>85</v>
      </c>
      <c r="HY10" s="63">
        <v>137</v>
      </c>
      <c r="HZ10" s="60">
        <v>29</v>
      </c>
      <c r="IA10" s="61">
        <v>47</v>
      </c>
      <c r="IB10" s="62">
        <v>76</v>
      </c>
      <c r="IC10" s="228"/>
      <c r="ID10" s="61">
        <v>33</v>
      </c>
      <c r="IE10" s="61">
        <v>47</v>
      </c>
      <c r="IF10" s="61">
        <v>18</v>
      </c>
      <c r="IG10" s="61">
        <v>19</v>
      </c>
      <c r="IH10" s="61">
        <v>21</v>
      </c>
      <c r="II10" s="62">
        <v>138</v>
      </c>
      <c r="IJ10" s="63">
        <v>214</v>
      </c>
      <c r="IK10" s="60">
        <v>58</v>
      </c>
      <c r="IL10" s="61">
        <v>64</v>
      </c>
      <c r="IM10" s="62">
        <v>122</v>
      </c>
      <c r="IN10" s="228"/>
      <c r="IO10" s="61">
        <v>74</v>
      </c>
      <c r="IP10" s="61">
        <v>78</v>
      </c>
      <c r="IQ10" s="61">
        <v>39</v>
      </c>
      <c r="IR10" s="61">
        <v>35</v>
      </c>
      <c r="IS10" s="61">
        <v>24</v>
      </c>
      <c r="IT10" s="62">
        <v>250</v>
      </c>
      <c r="IU10" s="63">
        <v>372</v>
      </c>
      <c r="IV10" s="60">
        <v>77</v>
      </c>
      <c r="IW10" s="61">
        <v>70</v>
      </c>
      <c r="IX10" s="62">
        <v>147</v>
      </c>
      <c r="IY10" s="228"/>
      <c r="IZ10" s="61">
        <v>99</v>
      </c>
      <c r="JA10" s="61">
        <v>109</v>
      </c>
      <c r="JB10" s="61">
        <v>72</v>
      </c>
      <c r="JC10" s="61">
        <v>55</v>
      </c>
      <c r="JD10" s="61">
        <v>31</v>
      </c>
      <c r="JE10" s="62">
        <v>366</v>
      </c>
      <c r="JF10" s="63">
        <v>513</v>
      </c>
      <c r="JG10" s="60">
        <v>47</v>
      </c>
      <c r="JH10" s="61">
        <v>56</v>
      </c>
      <c r="JI10" s="62">
        <v>103</v>
      </c>
      <c r="JJ10" s="228"/>
      <c r="JK10" s="61">
        <v>91</v>
      </c>
      <c r="JL10" s="61">
        <v>108</v>
      </c>
      <c r="JM10" s="61">
        <v>81</v>
      </c>
      <c r="JN10" s="61">
        <v>74</v>
      </c>
      <c r="JO10" s="61">
        <v>40</v>
      </c>
      <c r="JP10" s="62">
        <v>394</v>
      </c>
      <c r="JQ10" s="63">
        <v>497</v>
      </c>
      <c r="JR10" s="60">
        <v>0</v>
      </c>
      <c r="JS10" s="61">
        <v>0</v>
      </c>
      <c r="JT10" s="62">
        <v>0</v>
      </c>
      <c r="JU10" s="228"/>
      <c r="JV10" s="61">
        <v>0</v>
      </c>
      <c r="JW10" s="61">
        <v>0</v>
      </c>
      <c r="JX10" s="61">
        <v>0</v>
      </c>
      <c r="JY10" s="61">
        <v>0</v>
      </c>
      <c r="JZ10" s="61">
        <v>0</v>
      </c>
      <c r="KA10" s="62">
        <v>0</v>
      </c>
      <c r="KB10" s="63">
        <v>0</v>
      </c>
      <c r="KC10" s="60">
        <v>245</v>
      </c>
      <c r="KD10" s="61">
        <v>267</v>
      </c>
      <c r="KE10" s="62">
        <v>512</v>
      </c>
      <c r="KF10" s="228"/>
      <c r="KG10" s="61">
        <v>325</v>
      </c>
      <c r="KH10" s="61">
        <v>384</v>
      </c>
      <c r="KI10" s="61">
        <v>236</v>
      </c>
      <c r="KJ10" s="61">
        <v>196</v>
      </c>
      <c r="KK10" s="61">
        <v>132</v>
      </c>
      <c r="KL10" s="62">
        <v>1273</v>
      </c>
      <c r="KM10" s="63">
        <v>1785</v>
      </c>
    </row>
    <row r="11" spans="2:299" ht="21" customHeight="1" x14ac:dyDescent="0.2">
      <c r="B11" s="472" t="s">
        <v>7</v>
      </c>
      <c r="C11" s="293">
        <v>125</v>
      </c>
      <c r="D11" s="72">
        <v>79</v>
      </c>
      <c r="E11" s="73">
        <v>204</v>
      </c>
      <c r="F11" s="228"/>
      <c r="G11" s="72">
        <v>204</v>
      </c>
      <c r="H11" s="72">
        <v>133</v>
      </c>
      <c r="I11" s="72">
        <v>66</v>
      </c>
      <c r="J11" s="72">
        <v>70</v>
      </c>
      <c r="K11" s="72">
        <v>39</v>
      </c>
      <c r="L11" s="74">
        <v>512</v>
      </c>
      <c r="M11" s="75">
        <v>716</v>
      </c>
      <c r="N11" s="60">
        <v>4</v>
      </c>
      <c r="O11" s="61">
        <v>1</v>
      </c>
      <c r="P11" s="62">
        <v>5</v>
      </c>
      <c r="Q11" s="228"/>
      <c r="R11" s="61">
        <v>2</v>
      </c>
      <c r="S11" s="61">
        <v>6</v>
      </c>
      <c r="T11" s="61">
        <v>5</v>
      </c>
      <c r="U11" s="61">
        <v>5</v>
      </c>
      <c r="V11" s="61">
        <v>2</v>
      </c>
      <c r="W11" s="62">
        <v>20</v>
      </c>
      <c r="X11" s="63">
        <v>25</v>
      </c>
      <c r="Y11" s="60">
        <v>11</v>
      </c>
      <c r="Z11" s="61">
        <v>7</v>
      </c>
      <c r="AA11" s="62">
        <v>18</v>
      </c>
      <c r="AB11" s="228"/>
      <c r="AC11" s="61">
        <v>14</v>
      </c>
      <c r="AD11" s="61">
        <v>6</v>
      </c>
      <c r="AE11" s="61">
        <v>5</v>
      </c>
      <c r="AF11" s="61">
        <v>2</v>
      </c>
      <c r="AG11" s="61">
        <v>7</v>
      </c>
      <c r="AH11" s="62">
        <v>34</v>
      </c>
      <c r="AI11" s="63">
        <v>52</v>
      </c>
      <c r="AJ11" s="60">
        <v>11</v>
      </c>
      <c r="AK11" s="61">
        <v>12</v>
      </c>
      <c r="AL11" s="62">
        <v>23</v>
      </c>
      <c r="AM11" s="228"/>
      <c r="AN11" s="61">
        <v>18</v>
      </c>
      <c r="AO11" s="61">
        <v>13</v>
      </c>
      <c r="AP11" s="61">
        <v>7</v>
      </c>
      <c r="AQ11" s="61">
        <v>7</v>
      </c>
      <c r="AR11" s="61">
        <v>6</v>
      </c>
      <c r="AS11" s="62">
        <v>51</v>
      </c>
      <c r="AT11" s="63">
        <v>74</v>
      </c>
      <c r="AU11" s="60">
        <v>27</v>
      </c>
      <c r="AV11" s="61">
        <v>20</v>
      </c>
      <c r="AW11" s="62">
        <v>47</v>
      </c>
      <c r="AX11" s="228"/>
      <c r="AY11" s="61">
        <v>53</v>
      </c>
      <c r="AZ11" s="61">
        <v>22</v>
      </c>
      <c r="BA11" s="61">
        <v>13</v>
      </c>
      <c r="BB11" s="61">
        <v>9</v>
      </c>
      <c r="BC11" s="61">
        <v>7</v>
      </c>
      <c r="BD11" s="62">
        <v>104</v>
      </c>
      <c r="BE11" s="63">
        <v>151</v>
      </c>
      <c r="BF11" s="60">
        <v>42</v>
      </c>
      <c r="BG11" s="61">
        <v>20</v>
      </c>
      <c r="BH11" s="62">
        <v>62</v>
      </c>
      <c r="BI11" s="228"/>
      <c r="BJ11" s="61">
        <v>62</v>
      </c>
      <c r="BK11" s="61">
        <v>43</v>
      </c>
      <c r="BL11" s="61">
        <v>12</v>
      </c>
      <c r="BM11" s="61">
        <v>25</v>
      </c>
      <c r="BN11" s="61">
        <v>8</v>
      </c>
      <c r="BO11" s="62">
        <v>150</v>
      </c>
      <c r="BP11" s="63">
        <v>212</v>
      </c>
      <c r="BQ11" s="60">
        <v>30</v>
      </c>
      <c r="BR11" s="61">
        <v>19</v>
      </c>
      <c r="BS11" s="62">
        <v>49</v>
      </c>
      <c r="BT11" s="228"/>
      <c r="BU11" s="61">
        <v>55</v>
      </c>
      <c r="BV11" s="61">
        <v>43</v>
      </c>
      <c r="BW11" s="61">
        <v>24</v>
      </c>
      <c r="BX11" s="61">
        <v>22</v>
      </c>
      <c r="BY11" s="61">
        <v>9</v>
      </c>
      <c r="BZ11" s="62">
        <v>153</v>
      </c>
      <c r="CA11" s="63">
        <v>202</v>
      </c>
      <c r="CB11" s="60">
        <v>0</v>
      </c>
      <c r="CC11" s="61">
        <v>0</v>
      </c>
      <c r="CD11" s="62">
        <v>0</v>
      </c>
      <c r="CE11" s="228"/>
      <c r="CF11" s="61">
        <v>0</v>
      </c>
      <c r="CG11" s="61">
        <v>0</v>
      </c>
      <c r="CH11" s="61">
        <v>0</v>
      </c>
      <c r="CI11" s="61">
        <v>0</v>
      </c>
      <c r="CJ11" s="61">
        <v>0</v>
      </c>
      <c r="CK11" s="62">
        <v>0</v>
      </c>
      <c r="CL11" s="63">
        <v>0</v>
      </c>
      <c r="CM11" s="60">
        <v>125</v>
      </c>
      <c r="CN11" s="61">
        <v>79</v>
      </c>
      <c r="CO11" s="62">
        <v>204</v>
      </c>
      <c r="CP11" s="228"/>
      <c r="CQ11" s="61">
        <v>204</v>
      </c>
      <c r="CR11" s="61">
        <v>133</v>
      </c>
      <c r="CS11" s="61">
        <v>66</v>
      </c>
      <c r="CT11" s="61">
        <v>70</v>
      </c>
      <c r="CU11" s="61">
        <v>39</v>
      </c>
      <c r="CV11" s="62">
        <v>512</v>
      </c>
      <c r="CW11" s="63">
        <v>716</v>
      </c>
      <c r="CX11" s="113">
        <v>43</v>
      </c>
      <c r="CY11" s="72">
        <v>40</v>
      </c>
      <c r="CZ11" s="73">
        <v>83</v>
      </c>
      <c r="DA11" s="228"/>
      <c r="DB11" s="72">
        <v>69</v>
      </c>
      <c r="DC11" s="72">
        <v>37</v>
      </c>
      <c r="DD11" s="72">
        <v>30</v>
      </c>
      <c r="DE11" s="72">
        <v>30</v>
      </c>
      <c r="DF11" s="72">
        <v>17</v>
      </c>
      <c r="DG11" s="74">
        <v>183</v>
      </c>
      <c r="DH11" s="75">
        <v>266</v>
      </c>
      <c r="DI11" s="60">
        <v>0</v>
      </c>
      <c r="DJ11" s="61">
        <v>0</v>
      </c>
      <c r="DK11" s="62">
        <v>0</v>
      </c>
      <c r="DL11" s="228"/>
      <c r="DM11" s="61">
        <v>2</v>
      </c>
      <c r="DN11" s="61">
        <v>1</v>
      </c>
      <c r="DO11" s="61">
        <v>2</v>
      </c>
      <c r="DP11" s="61">
        <v>0</v>
      </c>
      <c r="DQ11" s="61">
        <v>0</v>
      </c>
      <c r="DR11" s="62">
        <v>5</v>
      </c>
      <c r="DS11" s="63">
        <v>5</v>
      </c>
      <c r="DT11" s="60">
        <v>1</v>
      </c>
      <c r="DU11" s="61">
        <v>2</v>
      </c>
      <c r="DV11" s="62">
        <v>3</v>
      </c>
      <c r="DW11" s="228"/>
      <c r="DX11" s="61">
        <v>3</v>
      </c>
      <c r="DY11" s="61">
        <v>2</v>
      </c>
      <c r="DZ11" s="61">
        <v>3</v>
      </c>
      <c r="EA11" s="61">
        <v>1</v>
      </c>
      <c r="EB11" s="61">
        <v>2</v>
      </c>
      <c r="EC11" s="62">
        <v>11</v>
      </c>
      <c r="ED11" s="63">
        <v>14</v>
      </c>
      <c r="EE11" s="60">
        <v>5</v>
      </c>
      <c r="EF11" s="61">
        <v>5</v>
      </c>
      <c r="EG11" s="62">
        <v>10</v>
      </c>
      <c r="EH11" s="228"/>
      <c r="EI11" s="61">
        <v>14</v>
      </c>
      <c r="EJ11" s="61">
        <v>3</v>
      </c>
      <c r="EK11" s="61">
        <v>2</v>
      </c>
      <c r="EL11" s="61">
        <v>3</v>
      </c>
      <c r="EM11" s="61">
        <v>2</v>
      </c>
      <c r="EN11" s="62">
        <v>24</v>
      </c>
      <c r="EO11" s="63">
        <v>34</v>
      </c>
      <c r="EP11" s="60">
        <v>17</v>
      </c>
      <c r="EQ11" s="61">
        <v>12</v>
      </c>
      <c r="ER11" s="62">
        <v>29</v>
      </c>
      <c r="ES11" s="228"/>
      <c r="ET11" s="61">
        <v>12</v>
      </c>
      <c r="EU11" s="61">
        <v>9</v>
      </c>
      <c r="EV11" s="61">
        <v>1</v>
      </c>
      <c r="EW11" s="61">
        <v>4</v>
      </c>
      <c r="EX11" s="61">
        <v>3</v>
      </c>
      <c r="EY11" s="62">
        <v>29</v>
      </c>
      <c r="EZ11" s="63">
        <v>58</v>
      </c>
      <c r="FA11" s="60">
        <v>10</v>
      </c>
      <c r="FB11" s="61">
        <v>10</v>
      </c>
      <c r="FC11" s="62">
        <v>20</v>
      </c>
      <c r="FD11" s="228"/>
      <c r="FE11" s="61">
        <v>27</v>
      </c>
      <c r="FF11" s="61">
        <v>6</v>
      </c>
      <c r="FG11" s="61">
        <v>10</v>
      </c>
      <c r="FH11" s="61">
        <v>10</v>
      </c>
      <c r="FI11" s="61">
        <v>6</v>
      </c>
      <c r="FJ11" s="62">
        <v>59</v>
      </c>
      <c r="FK11" s="63">
        <v>79</v>
      </c>
      <c r="FL11" s="60">
        <v>10</v>
      </c>
      <c r="FM11" s="61">
        <v>11</v>
      </c>
      <c r="FN11" s="62">
        <v>21</v>
      </c>
      <c r="FO11" s="228"/>
      <c r="FP11" s="61">
        <v>11</v>
      </c>
      <c r="FQ11" s="61">
        <v>16</v>
      </c>
      <c r="FR11" s="61">
        <v>12</v>
      </c>
      <c r="FS11" s="61">
        <v>12</v>
      </c>
      <c r="FT11" s="61">
        <v>4</v>
      </c>
      <c r="FU11" s="62">
        <v>55</v>
      </c>
      <c r="FV11" s="63">
        <v>76</v>
      </c>
      <c r="FW11" s="60">
        <v>0</v>
      </c>
      <c r="FX11" s="61">
        <v>0</v>
      </c>
      <c r="FY11" s="62">
        <v>0</v>
      </c>
      <c r="FZ11" s="228"/>
      <c r="GA11" s="61">
        <v>0</v>
      </c>
      <c r="GB11" s="61">
        <v>0</v>
      </c>
      <c r="GC11" s="61">
        <v>0</v>
      </c>
      <c r="GD11" s="61">
        <v>0</v>
      </c>
      <c r="GE11" s="61">
        <v>0</v>
      </c>
      <c r="GF11" s="62">
        <v>0</v>
      </c>
      <c r="GG11" s="63">
        <v>0</v>
      </c>
      <c r="GH11" s="60">
        <v>43</v>
      </c>
      <c r="GI11" s="61">
        <v>40</v>
      </c>
      <c r="GJ11" s="62">
        <v>83</v>
      </c>
      <c r="GK11" s="228"/>
      <c r="GL11" s="61">
        <v>69</v>
      </c>
      <c r="GM11" s="61">
        <v>37</v>
      </c>
      <c r="GN11" s="61">
        <v>30</v>
      </c>
      <c r="GO11" s="61">
        <v>30</v>
      </c>
      <c r="GP11" s="61">
        <v>17</v>
      </c>
      <c r="GQ11" s="62">
        <v>183</v>
      </c>
      <c r="GR11" s="63">
        <v>266</v>
      </c>
      <c r="GS11" s="113">
        <v>168</v>
      </c>
      <c r="GT11" s="72">
        <v>119</v>
      </c>
      <c r="GU11" s="73">
        <v>287</v>
      </c>
      <c r="GV11" s="228"/>
      <c r="GW11" s="72">
        <v>273</v>
      </c>
      <c r="GX11" s="72">
        <v>170</v>
      </c>
      <c r="GY11" s="72">
        <v>96</v>
      </c>
      <c r="GZ11" s="72">
        <v>100</v>
      </c>
      <c r="HA11" s="72">
        <v>56</v>
      </c>
      <c r="HB11" s="74">
        <v>695</v>
      </c>
      <c r="HC11" s="75">
        <v>982</v>
      </c>
      <c r="HD11" s="60">
        <v>4</v>
      </c>
      <c r="HE11" s="61">
        <v>1</v>
      </c>
      <c r="HF11" s="62">
        <v>5</v>
      </c>
      <c r="HG11" s="228"/>
      <c r="HH11" s="61">
        <v>4</v>
      </c>
      <c r="HI11" s="61">
        <v>7</v>
      </c>
      <c r="HJ11" s="61">
        <v>7</v>
      </c>
      <c r="HK11" s="61">
        <v>5</v>
      </c>
      <c r="HL11" s="61">
        <v>2</v>
      </c>
      <c r="HM11" s="62">
        <v>25</v>
      </c>
      <c r="HN11" s="63">
        <v>30</v>
      </c>
      <c r="HO11" s="60">
        <v>12</v>
      </c>
      <c r="HP11" s="61">
        <v>9</v>
      </c>
      <c r="HQ11" s="62">
        <v>21</v>
      </c>
      <c r="HR11" s="228"/>
      <c r="HS11" s="61">
        <v>17</v>
      </c>
      <c r="HT11" s="61">
        <v>8</v>
      </c>
      <c r="HU11" s="61">
        <v>8</v>
      </c>
      <c r="HV11" s="61">
        <v>3</v>
      </c>
      <c r="HW11" s="61">
        <v>9</v>
      </c>
      <c r="HX11" s="62">
        <v>45</v>
      </c>
      <c r="HY11" s="63">
        <v>66</v>
      </c>
      <c r="HZ11" s="60">
        <v>16</v>
      </c>
      <c r="IA11" s="61">
        <v>17</v>
      </c>
      <c r="IB11" s="62">
        <v>33</v>
      </c>
      <c r="IC11" s="228"/>
      <c r="ID11" s="61">
        <v>32</v>
      </c>
      <c r="IE11" s="61">
        <v>16</v>
      </c>
      <c r="IF11" s="61">
        <v>9</v>
      </c>
      <c r="IG11" s="61">
        <v>10</v>
      </c>
      <c r="IH11" s="61">
        <v>8</v>
      </c>
      <c r="II11" s="62">
        <v>75</v>
      </c>
      <c r="IJ11" s="63">
        <v>108</v>
      </c>
      <c r="IK11" s="60">
        <v>44</v>
      </c>
      <c r="IL11" s="61">
        <v>32</v>
      </c>
      <c r="IM11" s="62">
        <v>76</v>
      </c>
      <c r="IN11" s="228"/>
      <c r="IO11" s="61">
        <v>65</v>
      </c>
      <c r="IP11" s="61">
        <v>31</v>
      </c>
      <c r="IQ11" s="61">
        <v>14</v>
      </c>
      <c r="IR11" s="61">
        <v>13</v>
      </c>
      <c r="IS11" s="61">
        <v>10</v>
      </c>
      <c r="IT11" s="62">
        <v>133</v>
      </c>
      <c r="IU11" s="63">
        <v>209</v>
      </c>
      <c r="IV11" s="60">
        <v>52</v>
      </c>
      <c r="IW11" s="61">
        <v>30</v>
      </c>
      <c r="IX11" s="62">
        <v>82</v>
      </c>
      <c r="IY11" s="228"/>
      <c r="IZ11" s="61">
        <v>89</v>
      </c>
      <c r="JA11" s="61">
        <v>49</v>
      </c>
      <c r="JB11" s="61">
        <v>22</v>
      </c>
      <c r="JC11" s="61">
        <v>35</v>
      </c>
      <c r="JD11" s="61">
        <v>14</v>
      </c>
      <c r="JE11" s="62">
        <v>209</v>
      </c>
      <c r="JF11" s="63">
        <v>291</v>
      </c>
      <c r="JG11" s="60">
        <v>40</v>
      </c>
      <c r="JH11" s="61">
        <v>30</v>
      </c>
      <c r="JI11" s="62">
        <v>70</v>
      </c>
      <c r="JJ11" s="228"/>
      <c r="JK11" s="61">
        <v>66</v>
      </c>
      <c r="JL11" s="61">
        <v>59</v>
      </c>
      <c r="JM11" s="61">
        <v>36</v>
      </c>
      <c r="JN11" s="61">
        <v>34</v>
      </c>
      <c r="JO11" s="61">
        <v>13</v>
      </c>
      <c r="JP11" s="62">
        <v>208</v>
      </c>
      <c r="JQ11" s="63">
        <v>278</v>
      </c>
      <c r="JR11" s="60">
        <v>0</v>
      </c>
      <c r="JS11" s="61">
        <v>0</v>
      </c>
      <c r="JT11" s="62">
        <v>0</v>
      </c>
      <c r="JU11" s="228"/>
      <c r="JV11" s="61">
        <v>0</v>
      </c>
      <c r="JW11" s="61">
        <v>0</v>
      </c>
      <c r="JX11" s="61">
        <v>0</v>
      </c>
      <c r="JY11" s="61">
        <v>0</v>
      </c>
      <c r="JZ11" s="61">
        <v>0</v>
      </c>
      <c r="KA11" s="62">
        <v>0</v>
      </c>
      <c r="KB11" s="63">
        <v>0</v>
      </c>
      <c r="KC11" s="60">
        <v>168</v>
      </c>
      <c r="KD11" s="61">
        <v>119</v>
      </c>
      <c r="KE11" s="62">
        <v>287</v>
      </c>
      <c r="KF11" s="228"/>
      <c r="KG11" s="61">
        <v>273</v>
      </c>
      <c r="KH11" s="61">
        <v>170</v>
      </c>
      <c r="KI11" s="61">
        <v>96</v>
      </c>
      <c r="KJ11" s="61">
        <v>100</v>
      </c>
      <c r="KK11" s="61">
        <v>56</v>
      </c>
      <c r="KL11" s="62">
        <v>695</v>
      </c>
      <c r="KM11" s="63">
        <v>982</v>
      </c>
    </row>
    <row r="12" spans="2:299" ht="21" customHeight="1" x14ac:dyDescent="0.2">
      <c r="B12" s="472" t="s">
        <v>8</v>
      </c>
      <c r="C12" s="293">
        <v>46</v>
      </c>
      <c r="D12" s="72">
        <v>29</v>
      </c>
      <c r="E12" s="73">
        <v>75</v>
      </c>
      <c r="F12" s="228"/>
      <c r="G12" s="72">
        <v>117</v>
      </c>
      <c r="H12" s="72">
        <v>76</v>
      </c>
      <c r="I12" s="72">
        <v>49</v>
      </c>
      <c r="J12" s="72">
        <v>50</v>
      </c>
      <c r="K12" s="72">
        <v>20</v>
      </c>
      <c r="L12" s="74">
        <v>312</v>
      </c>
      <c r="M12" s="75">
        <v>387</v>
      </c>
      <c r="N12" s="60">
        <v>2</v>
      </c>
      <c r="O12" s="61">
        <v>4</v>
      </c>
      <c r="P12" s="62">
        <v>6</v>
      </c>
      <c r="Q12" s="228"/>
      <c r="R12" s="61">
        <v>3</v>
      </c>
      <c r="S12" s="61">
        <v>3</v>
      </c>
      <c r="T12" s="61">
        <v>2</v>
      </c>
      <c r="U12" s="61">
        <v>0</v>
      </c>
      <c r="V12" s="61">
        <v>2</v>
      </c>
      <c r="W12" s="62">
        <v>10</v>
      </c>
      <c r="X12" s="63">
        <v>16</v>
      </c>
      <c r="Y12" s="60">
        <v>4</v>
      </c>
      <c r="Z12" s="61">
        <v>4</v>
      </c>
      <c r="AA12" s="62">
        <v>8</v>
      </c>
      <c r="AB12" s="228"/>
      <c r="AC12" s="61">
        <v>8</v>
      </c>
      <c r="AD12" s="61">
        <v>8</v>
      </c>
      <c r="AE12" s="61">
        <v>5</v>
      </c>
      <c r="AF12" s="61">
        <v>3</v>
      </c>
      <c r="AG12" s="61">
        <v>2</v>
      </c>
      <c r="AH12" s="62">
        <v>26</v>
      </c>
      <c r="AI12" s="63">
        <v>34</v>
      </c>
      <c r="AJ12" s="60">
        <v>6</v>
      </c>
      <c r="AK12" s="61">
        <v>3</v>
      </c>
      <c r="AL12" s="62">
        <v>9</v>
      </c>
      <c r="AM12" s="228"/>
      <c r="AN12" s="61">
        <v>17</v>
      </c>
      <c r="AO12" s="61">
        <v>8</v>
      </c>
      <c r="AP12" s="61">
        <v>4</v>
      </c>
      <c r="AQ12" s="61">
        <v>4</v>
      </c>
      <c r="AR12" s="61">
        <v>2</v>
      </c>
      <c r="AS12" s="62">
        <v>35</v>
      </c>
      <c r="AT12" s="63">
        <v>44</v>
      </c>
      <c r="AU12" s="60">
        <v>10</v>
      </c>
      <c r="AV12" s="61">
        <v>5</v>
      </c>
      <c r="AW12" s="62">
        <v>15</v>
      </c>
      <c r="AX12" s="228"/>
      <c r="AY12" s="61">
        <v>24</v>
      </c>
      <c r="AZ12" s="61">
        <v>12</v>
      </c>
      <c r="BA12" s="61">
        <v>8</v>
      </c>
      <c r="BB12" s="61">
        <v>9</v>
      </c>
      <c r="BC12" s="61">
        <v>4</v>
      </c>
      <c r="BD12" s="62">
        <v>57</v>
      </c>
      <c r="BE12" s="63">
        <v>72</v>
      </c>
      <c r="BF12" s="60">
        <v>16</v>
      </c>
      <c r="BG12" s="61">
        <v>5</v>
      </c>
      <c r="BH12" s="62">
        <v>21</v>
      </c>
      <c r="BI12" s="228"/>
      <c r="BJ12" s="61">
        <v>34</v>
      </c>
      <c r="BK12" s="61">
        <v>23</v>
      </c>
      <c r="BL12" s="61">
        <v>13</v>
      </c>
      <c r="BM12" s="61">
        <v>15</v>
      </c>
      <c r="BN12" s="61">
        <v>4</v>
      </c>
      <c r="BO12" s="62">
        <v>89</v>
      </c>
      <c r="BP12" s="63">
        <v>110</v>
      </c>
      <c r="BQ12" s="60">
        <v>8</v>
      </c>
      <c r="BR12" s="61">
        <v>8</v>
      </c>
      <c r="BS12" s="62">
        <v>16</v>
      </c>
      <c r="BT12" s="228"/>
      <c r="BU12" s="61">
        <v>31</v>
      </c>
      <c r="BV12" s="61">
        <v>22</v>
      </c>
      <c r="BW12" s="61">
        <v>17</v>
      </c>
      <c r="BX12" s="61">
        <v>19</v>
      </c>
      <c r="BY12" s="61">
        <v>6</v>
      </c>
      <c r="BZ12" s="62">
        <v>95</v>
      </c>
      <c r="CA12" s="63">
        <v>111</v>
      </c>
      <c r="CB12" s="60">
        <v>0</v>
      </c>
      <c r="CC12" s="61">
        <v>0</v>
      </c>
      <c r="CD12" s="62">
        <v>0</v>
      </c>
      <c r="CE12" s="228"/>
      <c r="CF12" s="61">
        <v>0</v>
      </c>
      <c r="CG12" s="61">
        <v>0</v>
      </c>
      <c r="CH12" s="61">
        <v>0</v>
      </c>
      <c r="CI12" s="61">
        <v>0</v>
      </c>
      <c r="CJ12" s="61">
        <v>0</v>
      </c>
      <c r="CK12" s="62">
        <v>0</v>
      </c>
      <c r="CL12" s="63">
        <v>0</v>
      </c>
      <c r="CM12" s="60">
        <v>46</v>
      </c>
      <c r="CN12" s="61">
        <v>29</v>
      </c>
      <c r="CO12" s="62">
        <v>75</v>
      </c>
      <c r="CP12" s="228"/>
      <c r="CQ12" s="61">
        <v>117</v>
      </c>
      <c r="CR12" s="61">
        <v>76</v>
      </c>
      <c r="CS12" s="61">
        <v>49</v>
      </c>
      <c r="CT12" s="61">
        <v>50</v>
      </c>
      <c r="CU12" s="61">
        <v>20</v>
      </c>
      <c r="CV12" s="62">
        <v>312</v>
      </c>
      <c r="CW12" s="63">
        <v>387</v>
      </c>
      <c r="CX12" s="113">
        <v>27</v>
      </c>
      <c r="CY12" s="72">
        <v>24</v>
      </c>
      <c r="CZ12" s="73">
        <v>51</v>
      </c>
      <c r="DA12" s="228"/>
      <c r="DB12" s="72">
        <v>51</v>
      </c>
      <c r="DC12" s="72">
        <v>39</v>
      </c>
      <c r="DD12" s="72">
        <v>21</v>
      </c>
      <c r="DE12" s="72">
        <v>23</v>
      </c>
      <c r="DF12" s="72">
        <v>15</v>
      </c>
      <c r="DG12" s="74">
        <v>149</v>
      </c>
      <c r="DH12" s="75">
        <v>200</v>
      </c>
      <c r="DI12" s="60">
        <v>3</v>
      </c>
      <c r="DJ12" s="61">
        <v>0</v>
      </c>
      <c r="DK12" s="62">
        <v>3</v>
      </c>
      <c r="DL12" s="228"/>
      <c r="DM12" s="61">
        <v>0</v>
      </c>
      <c r="DN12" s="61">
        <v>0</v>
      </c>
      <c r="DO12" s="61">
        <v>0</v>
      </c>
      <c r="DP12" s="61">
        <v>1</v>
      </c>
      <c r="DQ12" s="61">
        <v>1</v>
      </c>
      <c r="DR12" s="62">
        <v>2</v>
      </c>
      <c r="DS12" s="63">
        <v>5</v>
      </c>
      <c r="DT12" s="60">
        <v>3</v>
      </c>
      <c r="DU12" s="61">
        <v>2</v>
      </c>
      <c r="DV12" s="62">
        <v>5</v>
      </c>
      <c r="DW12" s="228"/>
      <c r="DX12" s="61">
        <v>2</v>
      </c>
      <c r="DY12" s="61">
        <v>2</v>
      </c>
      <c r="DZ12" s="61">
        <v>1</v>
      </c>
      <c r="EA12" s="61">
        <v>1</v>
      </c>
      <c r="EB12" s="61">
        <v>1</v>
      </c>
      <c r="EC12" s="62">
        <v>7</v>
      </c>
      <c r="ED12" s="63">
        <v>12</v>
      </c>
      <c r="EE12" s="60">
        <v>5</v>
      </c>
      <c r="EF12" s="61">
        <v>2</v>
      </c>
      <c r="EG12" s="62">
        <v>7</v>
      </c>
      <c r="EH12" s="228"/>
      <c r="EI12" s="61">
        <v>5</v>
      </c>
      <c r="EJ12" s="61">
        <v>4</v>
      </c>
      <c r="EK12" s="61">
        <v>2</v>
      </c>
      <c r="EL12" s="61">
        <v>2</v>
      </c>
      <c r="EM12" s="61">
        <v>2</v>
      </c>
      <c r="EN12" s="62">
        <v>15</v>
      </c>
      <c r="EO12" s="63">
        <v>22</v>
      </c>
      <c r="EP12" s="60">
        <v>6</v>
      </c>
      <c r="EQ12" s="61">
        <v>6</v>
      </c>
      <c r="ER12" s="62">
        <v>12</v>
      </c>
      <c r="ES12" s="228"/>
      <c r="ET12" s="61">
        <v>12</v>
      </c>
      <c r="EU12" s="61">
        <v>5</v>
      </c>
      <c r="EV12" s="61">
        <v>2</v>
      </c>
      <c r="EW12" s="61">
        <v>5</v>
      </c>
      <c r="EX12" s="61">
        <v>2</v>
      </c>
      <c r="EY12" s="62">
        <v>26</v>
      </c>
      <c r="EZ12" s="63">
        <v>38</v>
      </c>
      <c r="FA12" s="60">
        <v>6</v>
      </c>
      <c r="FB12" s="61">
        <v>4</v>
      </c>
      <c r="FC12" s="62">
        <v>10</v>
      </c>
      <c r="FD12" s="228"/>
      <c r="FE12" s="61">
        <v>12</v>
      </c>
      <c r="FF12" s="61">
        <v>11</v>
      </c>
      <c r="FG12" s="61">
        <v>6</v>
      </c>
      <c r="FH12" s="61">
        <v>3</v>
      </c>
      <c r="FI12" s="61">
        <v>4</v>
      </c>
      <c r="FJ12" s="62">
        <v>36</v>
      </c>
      <c r="FK12" s="63">
        <v>46</v>
      </c>
      <c r="FL12" s="60">
        <v>4</v>
      </c>
      <c r="FM12" s="61">
        <v>10</v>
      </c>
      <c r="FN12" s="62">
        <v>14</v>
      </c>
      <c r="FO12" s="228"/>
      <c r="FP12" s="61">
        <v>20</v>
      </c>
      <c r="FQ12" s="61">
        <v>17</v>
      </c>
      <c r="FR12" s="61">
        <v>10</v>
      </c>
      <c r="FS12" s="61">
        <v>11</v>
      </c>
      <c r="FT12" s="61">
        <v>5</v>
      </c>
      <c r="FU12" s="62">
        <v>63</v>
      </c>
      <c r="FV12" s="63">
        <v>77</v>
      </c>
      <c r="FW12" s="60">
        <v>0</v>
      </c>
      <c r="FX12" s="61">
        <v>0</v>
      </c>
      <c r="FY12" s="62">
        <v>0</v>
      </c>
      <c r="FZ12" s="228"/>
      <c r="GA12" s="61">
        <v>0</v>
      </c>
      <c r="GB12" s="61">
        <v>0</v>
      </c>
      <c r="GC12" s="61">
        <v>0</v>
      </c>
      <c r="GD12" s="61">
        <v>0</v>
      </c>
      <c r="GE12" s="61">
        <v>0</v>
      </c>
      <c r="GF12" s="62">
        <v>0</v>
      </c>
      <c r="GG12" s="63">
        <v>0</v>
      </c>
      <c r="GH12" s="60">
        <v>27</v>
      </c>
      <c r="GI12" s="61">
        <v>24</v>
      </c>
      <c r="GJ12" s="62">
        <v>51</v>
      </c>
      <c r="GK12" s="228"/>
      <c r="GL12" s="61">
        <v>51</v>
      </c>
      <c r="GM12" s="61">
        <v>39</v>
      </c>
      <c r="GN12" s="61">
        <v>21</v>
      </c>
      <c r="GO12" s="61">
        <v>23</v>
      </c>
      <c r="GP12" s="61">
        <v>15</v>
      </c>
      <c r="GQ12" s="62">
        <v>149</v>
      </c>
      <c r="GR12" s="63">
        <v>200</v>
      </c>
      <c r="GS12" s="113">
        <v>73</v>
      </c>
      <c r="GT12" s="72">
        <v>53</v>
      </c>
      <c r="GU12" s="73">
        <v>126</v>
      </c>
      <c r="GV12" s="228"/>
      <c r="GW12" s="72">
        <v>168</v>
      </c>
      <c r="GX12" s="72">
        <v>115</v>
      </c>
      <c r="GY12" s="72">
        <v>70</v>
      </c>
      <c r="GZ12" s="72">
        <v>73</v>
      </c>
      <c r="HA12" s="72">
        <v>35</v>
      </c>
      <c r="HB12" s="74">
        <v>461</v>
      </c>
      <c r="HC12" s="75">
        <v>587</v>
      </c>
      <c r="HD12" s="60">
        <v>5</v>
      </c>
      <c r="HE12" s="61">
        <v>4</v>
      </c>
      <c r="HF12" s="62">
        <v>9</v>
      </c>
      <c r="HG12" s="228"/>
      <c r="HH12" s="61">
        <v>3</v>
      </c>
      <c r="HI12" s="61">
        <v>3</v>
      </c>
      <c r="HJ12" s="61">
        <v>2</v>
      </c>
      <c r="HK12" s="61">
        <v>1</v>
      </c>
      <c r="HL12" s="61">
        <v>3</v>
      </c>
      <c r="HM12" s="62">
        <v>12</v>
      </c>
      <c r="HN12" s="63">
        <v>21</v>
      </c>
      <c r="HO12" s="60">
        <v>7</v>
      </c>
      <c r="HP12" s="61">
        <v>6</v>
      </c>
      <c r="HQ12" s="62">
        <v>13</v>
      </c>
      <c r="HR12" s="228"/>
      <c r="HS12" s="61">
        <v>10</v>
      </c>
      <c r="HT12" s="61">
        <v>10</v>
      </c>
      <c r="HU12" s="61">
        <v>6</v>
      </c>
      <c r="HV12" s="61">
        <v>4</v>
      </c>
      <c r="HW12" s="61">
        <v>3</v>
      </c>
      <c r="HX12" s="62">
        <v>33</v>
      </c>
      <c r="HY12" s="63">
        <v>46</v>
      </c>
      <c r="HZ12" s="60">
        <v>11</v>
      </c>
      <c r="IA12" s="61">
        <v>5</v>
      </c>
      <c r="IB12" s="62">
        <v>16</v>
      </c>
      <c r="IC12" s="228"/>
      <c r="ID12" s="61">
        <v>22</v>
      </c>
      <c r="IE12" s="61">
        <v>12</v>
      </c>
      <c r="IF12" s="61">
        <v>6</v>
      </c>
      <c r="IG12" s="61">
        <v>6</v>
      </c>
      <c r="IH12" s="61">
        <v>4</v>
      </c>
      <c r="II12" s="62">
        <v>50</v>
      </c>
      <c r="IJ12" s="63">
        <v>66</v>
      </c>
      <c r="IK12" s="60">
        <v>16</v>
      </c>
      <c r="IL12" s="61">
        <v>11</v>
      </c>
      <c r="IM12" s="62">
        <v>27</v>
      </c>
      <c r="IN12" s="228"/>
      <c r="IO12" s="61">
        <v>36</v>
      </c>
      <c r="IP12" s="61">
        <v>17</v>
      </c>
      <c r="IQ12" s="61">
        <v>10</v>
      </c>
      <c r="IR12" s="61">
        <v>14</v>
      </c>
      <c r="IS12" s="61">
        <v>6</v>
      </c>
      <c r="IT12" s="62">
        <v>83</v>
      </c>
      <c r="IU12" s="63">
        <v>110</v>
      </c>
      <c r="IV12" s="60">
        <v>22</v>
      </c>
      <c r="IW12" s="61">
        <v>9</v>
      </c>
      <c r="IX12" s="62">
        <v>31</v>
      </c>
      <c r="IY12" s="228"/>
      <c r="IZ12" s="61">
        <v>46</v>
      </c>
      <c r="JA12" s="61">
        <v>34</v>
      </c>
      <c r="JB12" s="61">
        <v>19</v>
      </c>
      <c r="JC12" s="61">
        <v>18</v>
      </c>
      <c r="JD12" s="61">
        <v>8</v>
      </c>
      <c r="JE12" s="62">
        <v>125</v>
      </c>
      <c r="JF12" s="63">
        <v>156</v>
      </c>
      <c r="JG12" s="60">
        <v>12</v>
      </c>
      <c r="JH12" s="61">
        <v>18</v>
      </c>
      <c r="JI12" s="62">
        <v>30</v>
      </c>
      <c r="JJ12" s="228"/>
      <c r="JK12" s="61">
        <v>51</v>
      </c>
      <c r="JL12" s="61">
        <v>39</v>
      </c>
      <c r="JM12" s="61">
        <v>27</v>
      </c>
      <c r="JN12" s="61">
        <v>30</v>
      </c>
      <c r="JO12" s="61">
        <v>11</v>
      </c>
      <c r="JP12" s="62">
        <v>158</v>
      </c>
      <c r="JQ12" s="63">
        <v>188</v>
      </c>
      <c r="JR12" s="60">
        <v>0</v>
      </c>
      <c r="JS12" s="61">
        <v>0</v>
      </c>
      <c r="JT12" s="62">
        <v>0</v>
      </c>
      <c r="JU12" s="228"/>
      <c r="JV12" s="61">
        <v>0</v>
      </c>
      <c r="JW12" s="61">
        <v>0</v>
      </c>
      <c r="JX12" s="61">
        <v>0</v>
      </c>
      <c r="JY12" s="61">
        <v>0</v>
      </c>
      <c r="JZ12" s="61">
        <v>0</v>
      </c>
      <c r="KA12" s="62">
        <v>0</v>
      </c>
      <c r="KB12" s="63">
        <v>0</v>
      </c>
      <c r="KC12" s="60">
        <v>73</v>
      </c>
      <c r="KD12" s="61">
        <v>53</v>
      </c>
      <c r="KE12" s="62">
        <v>126</v>
      </c>
      <c r="KF12" s="228"/>
      <c r="KG12" s="61">
        <v>168</v>
      </c>
      <c r="KH12" s="61">
        <v>115</v>
      </c>
      <c r="KI12" s="61">
        <v>70</v>
      </c>
      <c r="KJ12" s="61">
        <v>73</v>
      </c>
      <c r="KK12" s="61">
        <v>35</v>
      </c>
      <c r="KL12" s="62">
        <v>461</v>
      </c>
      <c r="KM12" s="63">
        <v>587</v>
      </c>
    </row>
    <row r="13" spans="2:299" ht="21" customHeight="1" x14ac:dyDescent="0.2">
      <c r="B13" s="472" t="s">
        <v>9</v>
      </c>
      <c r="C13" s="293">
        <v>178</v>
      </c>
      <c r="D13" s="72">
        <v>112</v>
      </c>
      <c r="E13" s="73">
        <v>290</v>
      </c>
      <c r="F13" s="228"/>
      <c r="G13" s="72">
        <v>220</v>
      </c>
      <c r="H13" s="72">
        <v>144</v>
      </c>
      <c r="I13" s="72">
        <v>97</v>
      </c>
      <c r="J13" s="72">
        <v>80</v>
      </c>
      <c r="K13" s="72">
        <v>59</v>
      </c>
      <c r="L13" s="74">
        <v>600</v>
      </c>
      <c r="M13" s="75">
        <v>890</v>
      </c>
      <c r="N13" s="60">
        <v>4</v>
      </c>
      <c r="O13" s="61">
        <v>1</v>
      </c>
      <c r="P13" s="62">
        <v>5</v>
      </c>
      <c r="Q13" s="228"/>
      <c r="R13" s="61">
        <v>3</v>
      </c>
      <c r="S13" s="61">
        <v>2</v>
      </c>
      <c r="T13" s="61">
        <v>3</v>
      </c>
      <c r="U13" s="61">
        <v>1</v>
      </c>
      <c r="V13" s="61">
        <v>6</v>
      </c>
      <c r="W13" s="62">
        <v>15</v>
      </c>
      <c r="X13" s="63">
        <v>20</v>
      </c>
      <c r="Y13" s="60">
        <v>3</v>
      </c>
      <c r="Z13" s="61">
        <v>8</v>
      </c>
      <c r="AA13" s="62">
        <v>11</v>
      </c>
      <c r="AB13" s="228"/>
      <c r="AC13" s="61">
        <v>6</v>
      </c>
      <c r="AD13" s="61">
        <v>6</v>
      </c>
      <c r="AE13" s="61">
        <v>0</v>
      </c>
      <c r="AF13" s="61">
        <v>2</v>
      </c>
      <c r="AG13" s="61">
        <v>3</v>
      </c>
      <c r="AH13" s="62">
        <v>17</v>
      </c>
      <c r="AI13" s="63">
        <v>28</v>
      </c>
      <c r="AJ13" s="60">
        <v>20</v>
      </c>
      <c r="AK13" s="61">
        <v>12</v>
      </c>
      <c r="AL13" s="62">
        <v>32</v>
      </c>
      <c r="AM13" s="228"/>
      <c r="AN13" s="61">
        <v>19</v>
      </c>
      <c r="AO13" s="61">
        <v>15</v>
      </c>
      <c r="AP13" s="61">
        <v>10</v>
      </c>
      <c r="AQ13" s="61">
        <v>7</v>
      </c>
      <c r="AR13" s="61">
        <v>7</v>
      </c>
      <c r="AS13" s="62">
        <v>58</v>
      </c>
      <c r="AT13" s="63">
        <v>90</v>
      </c>
      <c r="AU13" s="60">
        <v>41</v>
      </c>
      <c r="AV13" s="61">
        <v>16</v>
      </c>
      <c r="AW13" s="62">
        <v>57</v>
      </c>
      <c r="AX13" s="228"/>
      <c r="AY13" s="61">
        <v>54</v>
      </c>
      <c r="AZ13" s="61">
        <v>20</v>
      </c>
      <c r="BA13" s="61">
        <v>18</v>
      </c>
      <c r="BB13" s="61">
        <v>10</v>
      </c>
      <c r="BC13" s="61">
        <v>9</v>
      </c>
      <c r="BD13" s="62">
        <v>111</v>
      </c>
      <c r="BE13" s="63">
        <v>168</v>
      </c>
      <c r="BF13" s="60">
        <v>57</v>
      </c>
      <c r="BG13" s="61">
        <v>44</v>
      </c>
      <c r="BH13" s="62">
        <v>101</v>
      </c>
      <c r="BI13" s="228"/>
      <c r="BJ13" s="61">
        <v>66</v>
      </c>
      <c r="BK13" s="61">
        <v>49</v>
      </c>
      <c r="BL13" s="61">
        <v>24</v>
      </c>
      <c r="BM13" s="61">
        <v>27</v>
      </c>
      <c r="BN13" s="61">
        <v>16</v>
      </c>
      <c r="BO13" s="62">
        <v>182</v>
      </c>
      <c r="BP13" s="63">
        <v>283</v>
      </c>
      <c r="BQ13" s="60">
        <v>53</v>
      </c>
      <c r="BR13" s="61">
        <v>31</v>
      </c>
      <c r="BS13" s="62">
        <v>84</v>
      </c>
      <c r="BT13" s="228"/>
      <c r="BU13" s="61">
        <v>72</v>
      </c>
      <c r="BV13" s="61">
        <v>52</v>
      </c>
      <c r="BW13" s="61">
        <v>42</v>
      </c>
      <c r="BX13" s="61">
        <v>33</v>
      </c>
      <c r="BY13" s="61">
        <v>18</v>
      </c>
      <c r="BZ13" s="62">
        <v>217</v>
      </c>
      <c r="CA13" s="63">
        <v>301</v>
      </c>
      <c r="CB13" s="60">
        <v>0</v>
      </c>
      <c r="CC13" s="61">
        <v>0</v>
      </c>
      <c r="CD13" s="62">
        <v>0</v>
      </c>
      <c r="CE13" s="228"/>
      <c r="CF13" s="61">
        <v>0</v>
      </c>
      <c r="CG13" s="61">
        <v>0</v>
      </c>
      <c r="CH13" s="61">
        <v>0</v>
      </c>
      <c r="CI13" s="61">
        <v>0</v>
      </c>
      <c r="CJ13" s="61">
        <v>0</v>
      </c>
      <c r="CK13" s="62">
        <v>0</v>
      </c>
      <c r="CL13" s="63">
        <v>0</v>
      </c>
      <c r="CM13" s="60">
        <v>178</v>
      </c>
      <c r="CN13" s="61">
        <v>112</v>
      </c>
      <c r="CO13" s="62">
        <v>290</v>
      </c>
      <c r="CP13" s="228"/>
      <c r="CQ13" s="61">
        <v>220</v>
      </c>
      <c r="CR13" s="61">
        <v>144</v>
      </c>
      <c r="CS13" s="61">
        <v>97</v>
      </c>
      <c r="CT13" s="61">
        <v>80</v>
      </c>
      <c r="CU13" s="61">
        <v>59</v>
      </c>
      <c r="CV13" s="62">
        <v>600</v>
      </c>
      <c r="CW13" s="63">
        <v>890</v>
      </c>
      <c r="CX13" s="113">
        <v>76</v>
      </c>
      <c r="CY13" s="72">
        <v>45</v>
      </c>
      <c r="CZ13" s="73">
        <v>121</v>
      </c>
      <c r="DA13" s="228"/>
      <c r="DB13" s="72">
        <v>74</v>
      </c>
      <c r="DC13" s="72">
        <v>50</v>
      </c>
      <c r="DD13" s="72">
        <v>37</v>
      </c>
      <c r="DE13" s="72">
        <v>43</v>
      </c>
      <c r="DF13" s="72">
        <v>24</v>
      </c>
      <c r="DG13" s="74">
        <v>228</v>
      </c>
      <c r="DH13" s="75">
        <v>349</v>
      </c>
      <c r="DI13" s="60">
        <v>2</v>
      </c>
      <c r="DJ13" s="61">
        <v>0</v>
      </c>
      <c r="DK13" s="62">
        <v>2</v>
      </c>
      <c r="DL13" s="228"/>
      <c r="DM13" s="61">
        <v>0</v>
      </c>
      <c r="DN13" s="61">
        <v>1</v>
      </c>
      <c r="DO13" s="61">
        <v>1</v>
      </c>
      <c r="DP13" s="61">
        <v>1</v>
      </c>
      <c r="DQ13" s="61">
        <v>0</v>
      </c>
      <c r="DR13" s="62">
        <v>3</v>
      </c>
      <c r="DS13" s="63">
        <v>5</v>
      </c>
      <c r="DT13" s="60">
        <v>8</v>
      </c>
      <c r="DU13" s="61">
        <v>5</v>
      </c>
      <c r="DV13" s="62">
        <v>13</v>
      </c>
      <c r="DW13" s="228"/>
      <c r="DX13" s="61">
        <v>6</v>
      </c>
      <c r="DY13" s="61">
        <v>1</v>
      </c>
      <c r="DZ13" s="61">
        <v>0</v>
      </c>
      <c r="EA13" s="61">
        <v>2</v>
      </c>
      <c r="EB13" s="61">
        <v>0</v>
      </c>
      <c r="EC13" s="62">
        <v>9</v>
      </c>
      <c r="ED13" s="63">
        <v>22</v>
      </c>
      <c r="EE13" s="60">
        <v>8</v>
      </c>
      <c r="EF13" s="61">
        <v>6</v>
      </c>
      <c r="EG13" s="62">
        <v>14</v>
      </c>
      <c r="EH13" s="228"/>
      <c r="EI13" s="61">
        <v>9</v>
      </c>
      <c r="EJ13" s="61">
        <v>3</v>
      </c>
      <c r="EK13" s="61">
        <v>4</v>
      </c>
      <c r="EL13" s="61">
        <v>3</v>
      </c>
      <c r="EM13" s="61">
        <v>2</v>
      </c>
      <c r="EN13" s="62">
        <v>21</v>
      </c>
      <c r="EO13" s="63">
        <v>35</v>
      </c>
      <c r="EP13" s="60">
        <v>20</v>
      </c>
      <c r="EQ13" s="61">
        <v>9</v>
      </c>
      <c r="ER13" s="62">
        <v>29</v>
      </c>
      <c r="ES13" s="228"/>
      <c r="ET13" s="61">
        <v>13</v>
      </c>
      <c r="EU13" s="61">
        <v>9</v>
      </c>
      <c r="EV13" s="61">
        <v>8</v>
      </c>
      <c r="EW13" s="61">
        <v>5</v>
      </c>
      <c r="EX13" s="61">
        <v>2</v>
      </c>
      <c r="EY13" s="62">
        <v>37</v>
      </c>
      <c r="EZ13" s="63">
        <v>66</v>
      </c>
      <c r="FA13" s="60">
        <v>26</v>
      </c>
      <c r="FB13" s="61">
        <v>13</v>
      </c>
      <c r="FC13" s="62">
        <v>39</v>
      </c>
      <c r="FD13" s="228"/>
      <c r="FE13" s="61">
        <v>21</v>
      </c>
      <c r="FF13" s="61">
        <v>14</v>
      </c>
      <c r="FG13" s="61">
        <v>7</v>
      </c>
      <c r="FH13" s="61">
        <v>7</v>
      </c>
      <c r="FI13" s="61">
        <v>8</v>
      </c>
      <c r="FJ13" s="62">
        <v>57</v>
      </c>
      <c r="FK13" s="63">
        <v>96</v>
      </c>
      <c r="FL13" s="60">
        <v>12</v>
      </c>
      <c r="FM13" s="61">
        <v>12</v>
      </c>
      <c r="FN13" s="62">
        <v>24</v>
      </c>
      <c r="FO13" s="228"/>
      <c r="FP13" s="61">
        <v>25</v>
      </c>
      <c r="FQ13" s="61">
        <v>22</v>
      </c>
      <c r="FR13" s="61">
        <v>17</v>
      </c>
      <c r="FS13" s="61">
        <v>25</v>
      </c>
      <c r="FT13" s="61">
        <v>12</v>
      </c>
      <c r="FU13" s="62">
        <v>101</v>
      </c>
      <c r="FV13" s="63">
        <v>125</v>
      </c>
      <c r="FW13" s="60">
        <v>0</v>
      </c>
      <c r="FX13" s="61">
        <v>0</v>
      </c>
      <c r="FY13" s="62">
        <v>0</v>
      </c>
      <c r="FZ13" s="228"/>
      <c r="GA13" s="61">
        <v>0</v>
      </c>
      <c r="GB13" s="61">
        <v>0</v>
      </c>
      <c r="GC13" s="61">
        <v>0</v>
      </c>
      <c r="GD13" s="61">
        <v>0</v>
      </c>
      <c r="GE13" s="61">
        <v>0</v>
      </c>
      <c r="GF13" s="62">
        <v>0</v>
      </c>
      <c r="GG13" s="63">
        <v>0</v>
      </c>
      <c r="GH13" s="60">
        <v>76</v>
      </c>
      <c r="GI13" s="61">
        <v>45</v>
      </c>
      <c r="GJ13" s="62">
        <v>121</v>
      </c>
      <c r="GK13" s="228"/>
      <c r="GL13" s="61">
        <v>74</v>
      </c>
      <c r="GM13" s="61">
        <v>50</v>
      </c>
      <c r="GN13" s="61">
        <v>37</v>
      </c>
      <c r="GO13" s="61">
        <v>43</v>
      </c>
      <c r="GP13" s="61">
        <v>24</v>
      </c>
      <c r="GQ13" s="62">
        <v>228</v>
      </c>
      <c r="GR13" s="63">
        <v>349</v>
      </c>
      <c r="GS13" s="113">
        <v>254</v>
      </c>
      <c r="GT13" s="72">
        <v>157</v>
      </c>
      <c r="GU13" s="73">
        <v>411</v>
      </c>
      <c r="GV13" s="228"/>
      <c r="GW13" s="72">
        <v>294</v>
      </c>
      <c r="GX13" s="72">
        <v>194</v>
      </c>
      <c r="GY13" s="72">
        <v>134</v>
      </c>
      <c r="GZ13" s="72">
        <v>123</v>
      </c>
      <c r="HA13" s="72">
        <v>83</v>
      </c>
      <c r="HB13" s="74">
        <v>828</v>
      </c>
      <c r="HC13" s="75">
        <v>1239</v>
      </c>
      <c r="HD13" s="60">
        <v>6</v>
      </c>
      <c r="HE13" s="61">
        <v>1</v>
      </c>
      <c r="HF13" s="62">
        <v>7</v>
      </c>
      <c r="HG13" s="228"/>
      <c r="HH13" s="61">
        <v>3</v>
      </c>
      <c r="HI13" s="61">
        <v>3</v>
      </c>
      <c r="HJ13" s="61">
        <v>4</v>
      </c>
      <c r="HK13" s="61">
        <v>2</v>
      </c>
      <c r="HL13" s="61">
        <v>6</v>
      </c>
      <c r="HM13" s="62">
        <v>18</v>
      </c>
      <c r="HN13" s="63">
        <v>25</v>
      </c>
      <c r="HO13" s="60">
        <v>11</v>
      </c>
      <c r="HP13" s="61">
        <v>13</v>
      </c>
      <c r="HQ13" s="62">
        <v>24</v>
      </c>
      <c r="HR13" s="228"/>
      <c r="HS13" s="61">
        <v>12</v>
      </c>
      <c r="HT13" s="61">
        <v>7</v>
      </c>
      <c r="HU13" s="61">
        <v>0</v>
      </c>
      <c r="HV13" s="61">
        <v>4</v>
      </c>
      <c r="HW13" s="61">
        <v>3</v>
      </c>
      <c r="HX13" s="62">
        <v>26</v>
      </c>
      <c r="HY13" s="63">
        <v>50</v>
      </c>
      <c r="HZ13" s="60">
        <v>28</v>
      </c>
      <c r="IA13" s="61">
        <v>18</v>
      </c>
      <c r="IB13" s="62">
        <v>46</v>
      </c>
      <c r="IC13" s="228"/>
      <c r="ID13" s="61">
        <v>28</v>
      </c>
      <c r="IE13" s="61">
        <v>18</v>
      </c>
      <c r="IF13" s="61">
        <v>14</v>
      </c>
      <c r="IG13" s="61">
        <v>10</v>
      </c>
      <c r="IH13" s="61">
        <v>9</v>
      </c>
      <c r="II13" s="62">
        <v>79</v>
      </c>
      <c r="IJ13" s="63">
        <v>125</v>
      </c>
      <c r="IK13" s="60">
        <v>61</v>
      </c>
      <c r="IL13" s="61">
        <v>25</v>
      </c>
      <c r="IM13" s="62">
        <v>86</v>
      </c>
      <c r="IN13" s="228"/>
      <c r="IO13" s="61">
        <v>67</v>
      </c>
      <c r="IP13" s="61">
        <v>29</v>
      </c>
      <c r="IQ13" s="61">
        <v>26</v>
      </c>
      <c r="IR13" s="61">
        <v>15</v>
      </c>
      <c r="IS13" s="61">
        <v>11</v>
      </c>
      <c r="IT13" s="62">
        <v>148</v>
      </c>
      <c r="IU13" s="63">
        <v>234</v>
      </c>
      <c r="IV13" s="60">
        <v>83</v>
      </c>
      <c r="IW13" s="61">
        <v>57</v>
      </c>
      <c r="IX13" s="62">
        <v>140</v>
      </c>
      <c r="IY13" s="228"/>
      <c r="IZ13" s="61">
        <v>87</v>
      </c>
      <c r="JA13" s="61">
        <v>63</v>
      </c>
      <c r="JB13" s="61">
        <v>31</v>
      </c>
      <c r="JC13" s="61">
        <v>34</v>
      </c>
      <c r="JD13" s="61">
        <v>24</v>
      </c>
      <c r="JE13" s="62">
        <v>239</v>
      </c>
      <c r="JF13" s="63">
        <v>379</v>
      </c>
      <c r="JG13" s="60">
        <v>65</v>
      </c>
      <c r="JH13" s="61">
        <v>43</v>
      </c>
      <c r="JI13" s="62">
        <v>108</v>
      </c>
      <c r="JJ13" s="228"/>
      <c r="JK13" s="61">
        <v>97</v>
      </c>
      <c r="JL13" s="61">
        <v>74</v>
      </c>
      <c r="JM13" s="61">
        <v>59</v>
      </c>
      <c r="JN13" s="61">
        <v>58</v>
      </c>
      <c r="JO13" s="61">
        <v>30</v>
      </c>
      <c r="JP13" s="62">
        <v>318</v>
      </c>
      <c r="JQ13" s="63">
        <v>426</v>
      </c>
      <c r="JR13" s="60">
        <v>0</v>
      </c>
      <c r="JS13" s="61">
        <v>0</v>
      </c>
      <c r="JT13" s="62">
        <v>0</v>
      </c>
      <c r="JU13" s="228"/>
      <c r="JV13" s="61">
        <v>0</v>
      </c>
      <c r="JW13" s="61">
        <v>0</v>
      </c>
      <c r="JX13" s="61">
        <v>0</v>
      </c>
      <c r="JY13" s="61">
        <v>0</v>
      </c>
      <c r="JZ13" s="61">
        <v>0</v>
      </c>
      <c r="KA13" s="62">
        <v>0</v>
      </c>
      <c r="KB13" s="63">
        <v>0</v>
      </c>
      <c r="KC13" s="60">
        <v>254</v>
      </c>
      <c r="KD13" s="61">
        <v>157</v>
      </c>
      <c r="KE13" s="62">
        <v>411</v>
      </c>
      <c r="KF13" s="228"/>
      <c r="KG13" s="61">
        <v>294</v>
      </c>
      <c r="KH13" s="61">
        <v>194</v>
      </c>
      <c r="KI13" s="61">
        <v>134</v>
      </c>
      <c r="KJ13" s="61">
        <v>123</v>
      </c>
      <c r="KK13" s="61">
        <v>83</v>
      </c>
      <c r="KL13" s="62">
        <v>828</v>
      </c>
      <c r="KM13" s="63">
        <v>1239</v>
      </c>
    </row>
    <row r="14" spans="2:299" ht="21" customHeight="1" x14ac:dyDescent="0.2">
      <c r="B14" s="472" t="s">
        <v>10</v>
      </c>
      <c r="C14" s="293">
        <v>269</v>
      </c>
      <c r="D14" s="72">
        <v>190</v>
      </c>
      <c r="E14" s="73">
        <v>459</v>
      </c>
      <c r="F14" s="228"/>
      <c r="G14" s="72">
        <v>268</v>
      </c>
      <c r="H14" s="72">
        <v>156</v>
      </c>
      <c r="I14" s="72">
        <v>94</v>
      </c>
      <c r="J14" s="72">
        <v>83</v>
      </c>
      <c r="K14" s="72">
        <v>71</v>
      </c>
      <c r="L14" s="74">
        <v>672</v>
      </c>
      <c r="M14" s="75">
        <v>1131</v>
      </c>
      <c r="N14" s="60">
        <v>4</v>
      </c>
      <c r="O14" s="61">
        <v>9</v>
      </c>
      <c r="P14" s="62">
        <v>13</v>
      </c>
      <c r="Q14" s="228"/>
      <c r="R14" s="61">
        <v>6</v>
      </c>
      <c r="S14" s="61">
        <v>8</v>
      </c>
      <c r="T14" s="61">
        <v>0</v>
      </c>
      <c r="U14" s="61">
        <v>6</v>
      </c>
      <c r="V14" s="61">
        <v>1</v>
      </c>
      <c r="W14" s="62">
        <v>21</v>
      </c>
      <c r="X14" s="63">
        <v>34</v>
      </c>
      <c r="Y14" s="60">
        <v>26</v>
      </c>
      <c r="Z14" s="61">
        <v>15</v>
      </c>
      <c r="AA14" s="62">
        <v>41</v>
      </c>
      <c r="AB14" s="228"/>
      <c r="AC14" s="61">
        <v>26</v>
      </c>
      <c r="AD14" s="61">
        <v>17</v>
      </c>
      <c r="AE14" s="61">
        <v>9</v>
      </c>
      <c r="AF14" s="61">
        <v>5</v>
      </c>
      <c r="AG14" s="61">
        <v>10</v>
      </c>
      <c r="AH14" s="62">
        <v>67</v>
      </c>
      <c r="AI14" s="63">
        <v>108</v>
      </c>
      <c r="AJ14" s="60">
        <v>20</v>
      </c>
      <c r="AK14" s="61">
        <v>32</v>
      </c>
      <c r="AL14" s="62">
        <v>52</v>
      </c>
      <c r="AM14" s="228"/>
      <c r="AN14" s="61">
        <v>34</v>
      </c>
      <c r="AO14" s="61">
        <v>18</v>
      </c>
      <c r="AP14" s="61">
        <v>9</v>
      </c>
      <c r="AQ14" s="61">
        <v>9</v>
      </c>
      <c r="AR14" s="61">
        <v>12</v>
      </c>
      <c r="AS14" s="62">
        <v>82</v>
      </c>
      <c r="AT14" s="63">
        <v>134</v>
      </c>
      <c r="AU14" s="60">
        <v>61</v>
      </c>
      <c r="AV14" s="61">
        <v>42</v>
      </c>
      <c r="AW14" s="62">
        <v>103</v>
      </c>
      <c r="AX14" s="228"/>
      <c r="AY14" s="61">
        <v>60</v>
      </c>
      <c r="AZ14" s="61">
        <v>27</v>
      </c>
      <c r="BA14" s="61">
        <v>12</v>
      </c>
      <c r="BB14" s="61">
        <v>13</v>
      </c>
      <c r="BC14" s="61">
        <v>16</v>
      </c>
      <c r="BD14" s="62">
        <v>128</v>
      </c>
      <c r="BE14" s="63">
        <v>231</v>
      </c>
      <c r="BF14" s="60">
        <v>85</v>
      </c>
      <c r="BG14" s="61">
        <v>46</v>
      </c>
      <c r="BH14" s="62">
        <v>131</v>
      </c>
      <c r="BI14" s="228"/>
      <c r="BJ14" s="61">
        <v>71</v>
      </c>
      <c r="BK14" s="61">
        <v>38</v>
      </c>
      <c r="BL14" s="61">
        <v>28</v>
      </c>
      <c r="BM14" s="61">
        <v>17</v>
      </c>
      <c r="BN14" s="61">
        <v>17</v>
      </c>
      <c r="BO14" s="62">
        <v>171</v>
      </c>
      <c r="BP14" s="63">
        <v>302</v>
      </c>
      <c r="BQ14" s="60">
        <v>73</v>
      </c>
      <c r="BR14" s="61">
        <v>46</v>
      </c>
      <c r="BS14" s="62">
        <v>119</v>
      </c>
      <c r="BT14" s="228"/>
      <c r="BU14" s="61">
        <v>71</v>
      </c>
      <c r="BV14" s="61">
        <v>48</v>
      </c>
      <c r="BW14" s="61">
        <v>36</v>
      </c>
      <c r="BX14" s="61">
        <v>33</v>
      </c>
      <c r="BY14" s="61">
        <v>15</v>
      </c>
      <c r="BZ14" s="62">
        <v>203</v>
      </c>
      <c r="CA14" s="63">
        <v>322</v>
      </c>
      <c r="CB14" s="60">
        <v>0</v>
      </c>
      <c r="CC14" s="61">
        <v>0</v>
      </c>
      <c r="CD14" s="62">
        <v>0</v>
      </c>
      <c r="CE14" s="228"/>
      <c r="CF14" s="61">
        <v>0</v>
      </c>
      <c r="CG14" s="61">
        <v>0</v>
      </c>
      <c r="CH14" s="61">
        <v>0</v>
      </c>
      <c r="CI14" s="61">
        <v>0</v>
      </c>
      <c r="CJ14" s="61">
        <v>0</v>
      </c>
      <c r="CK14" s="62">
        <v>0</v>
      </c>
      <c r="CL14" s="63">
        <v>0</v>
      </c>
      <c r="CM14" s="60">
        <v>269</v>
      </c>
      <c r="CN14" s="61">
        <v>190</v>
      </c>
      <c r="CO14" s="62">
        <v>459</v>
      </c>
      <c r="CP14" s="228"/>
      <c r="CQ14" s="61">
        <v>268</v>
      </c>
      <c r="CR14" s="61">
        <v>156</v>
      </c>
      <c r="CS14" s="61">
        <v>94</v>
      </c>
      <c r="CT14" s="61">
        <v>83</v>
      </c>
      <c r="CU14" s="61">
        <v>71</v>
      </c>
      <c r="CV14" s="62">
        <v>672</v>
      </c>
      <c r="CW14" s="63">
        <v>1131</v>
      </c>
      <c r="CX14" s="113">
        <v>102</v>
      </c>
      <c r="CY14" s="72">
        <v>75</v>
      </c>
      <c r="CZ14" s="73">
        <v>177</v>
      </c>
      <c r="DA14" s="228"/>
      <c r="DB14" s="72">
        <v>112</v>
      </c>
      <c r="DC14" s="72">
        <v>56</v>
      </c>
      <c r="DD14" s="72">
        <v>47</v>
      </c>
      <c r="DE14" s="72">
        <v>45</v>
      </c>
      <c r="DF14" s="72">
        <v>41</v>
      </c>
      <c r="DG14" s="74">
        <v>301</v>
      </c>
      <c r="DH14" s="75">
        <v>478</v>
      </c>
      <c r="DI14" s="60">
        <v>2</v>
      </c>
      <c r="DJ14" s="61">
        <v>5</v>
      </c>
      <c r="DK14" s="62">
        <v>7</v>
      </c>
      <c r="DL14" s="228"/>
      <c r="DM14" s="61">
        <v>1</v>
      </c>
      <c r="DN14" s="61">
        <v>0</v>
      </c>
      <c r="DO14" s="61">
        <v>0</v>
      </c>
      <c r="DP14" s="61">
        <v>0</v>
      </c>
      <c r="DQ14" s="61">
        <v>0</v>
      </c>
      <c r="DR14" s="62">
        <v>1</v>
      </c>
      <c r="DS14" s="63">
        <v>8</v>
      </c>
      <c r="DT14" s="60">
        <v>7</v>
      </c>
      <c r="DU14" s="61">
        <v>3</v>
      </c>
      <c r="DV14" s="62">
        <v>10</v>
      </c>
      <c r="DW14" s="228"/>
      <c r="DX14" s="61">
        <v>6</v>
      </c>
      <c r="DY14" s="61">
        <v>0</v>
      </c>
      <c r="DZ14" s="61">
        <v>1</v>
      </c>
      <c r="EA14" s="61">
        <v>1</v>
      </c>
      <c r="EB14" s="61">
        <v>2</v>
      </c>
      <c r="EC14" s="62">
        <v>10</v>
      </c>
      <c r="ED14" s="63">
        <v>20</v>
      </c>
      <c r="EE14" s="60">
        <v>16</v>
      </c>
      <c r="EF14" s="61">
        <v>10</v>
      </c>
      <c r="EG14" s="62">
        <v>26</v>
      </c>
      <c r="EH14" s="228"/>
      <c r="EI14" s="61">
        <v>5</v>
      </c>
      <c r="EJ14" s="61">
        <v>8</v>
      </c>
      <c r="EK14" s="61">
        <v>5</v>
      </c>
      <c r="EL14" s="61">
        <v>2</v>
      </c>
      <c r="EM14" s="61">
        <v>1</v>
      </c>
      <c r="EN14" s="62">
        <v>21</v>
      </c>
      <c r="EO14" s="63">
        <v>47</v>
      </c>
      <c r="EP14" s="60">
        <v>26</v>
      </c>
      <c r="EQ14" s="61">
        <v>17</v>
      </c>
      <c r="ER14" s="62">
        <v>43</v>
      </c>
      <c r="ES14" s="228"/>
      <c r="ET14" s="61">
        <v>22</v>
      </c>
      <c r="EU14" s="61">
        <v>9</v>
      </c>
      <c r="EV14" s="61">
        <v>4</v>
      </c>
      <c r="EW14" s="61">
        <v>3</v>
      </c>
      <c r="EX14" s="61">
        <v>5</v>
      </c>
      <c r="EY14" s="62">
        <v>43</v>
      </c>
      <c r="EZ14" s="63">
        <v>86</v>
      </c>
      <c r="FA14" s="60">
        <v>28</v>
      </c>
      <c r="FB14" s="61">
        <v>25</v>
      </c>
      <c r="FC14" s="62">
        <v>53</v>
      </c>
      <c r="FD14" s="228"/>
      <c r="FE14" s="61">
        <v>33</v>
      </c>
      <c r="FF14" s="61">
        <v>18</v>
      </c>
      <c r="FG14" s="61">
        <v>15</v>
      </c>
      <c r="FH14" s="61">
        <v>12</v>
      </c>
      <c r="FI14" s="61">
        <v>7</v>
      </c>
      <c r="FJ14" s="62">
        <v>85</v>
      </c>
      <c r="FK14" s="63">
        <v>138</v>
      </c>
      <c r="FL14" s="60">
        <v>23</v>
      </c>
      <c r="FM14" s="61">
        <v>15</v>
      </c>
      <c r="FN14" s="62">
        <v>38</v>
      </c>
      <c r="FO14" s="228"/>
      <c r="FP14" s="61">
        <v>45</v>
      </c>
      <c r="FQ14" s="61">
        <v>21</v>
      </c>
      <c r="FR14" s="61">
        <v>22</v>
      </c>
      <c r="FS14" s="61">
        <v>27</v>
      </c>
      <c r="FT14" s="61">
        <v>26</v>
      </c>
      <c r="FU14" s="62">
        <v>141</v>
      </c>
      <c r="FV14" s="63">
        <v>179</v>
      </c>
      <c r="FW14" s="60">
        <v>0</v>
      </c>
      <c r="FX14" s="61">
        <v>0</v>
      </c>
      <c r="FY14" s="62">
        <v>0</v>
      </c>
      <c r="FZ14" s="228"/>
      <c r="GA14" s="61">
        <v>0</v>
      </c>
      <c r="GB14" s="61">
        <v>0</v>
      </c>
      <c r="GC14" s="61">
        <v>0</v>
      </c>
      <c r="GD14" s="61">
        <v>0</v>
      </c>
      <c r="GE14" s="61">
        <v>0</v>
      </c>
      <c r="GF14" s="62">
        <v>0</v>
      </c>
      <c r="GG14" s="63">
        <v>0</v>
      </c>
      <c r="GH14" s="60">
        <v>102</v>
      </c>
      <c r="GI14" s="61">
        <v>75</v>
      </c>
      <c r="GJ14" s="62">
        <v>177</v>
      </c>
      <c r="GK14" s="228"/>
      <c r="GL14" s="61">
        <v>112</v>
      </c>
      <c r="GM14" s="61">
        <v>56</v>
      </c>
      <c r="GN14" s="61">
        <v>47</v>
      </c>
      <c r="GO14" s="61">
        <v>45</v>
      </c>
      <c r="GP14" s="61">
        <v>41</v>
      </c>
      <c r="GQ14" s="62">
        <v>301</v>
      </c>
      <c r="GR14" s="63">
        <v>478</v>
      </c>
      <c r="GS14" s="113">
        <v>371</v>
      </c>
      <c r="GT14" s="72">
        <v>265</v>
      </c>
      <c r="GU14" s="73">
        <v>636</v>
      </c>
      <c r="GV14" s="228"/>
      <c r="GW14" s="72">
        <v>380</v>
      </c>
      <c r="GX14" s="72">
        <v>212</v>
      </c>
      <c r="GY14" s="72">
        <v>141</v>
      </c>
      <c r="GZ14" s="72">
        <v>128</v>
      </c>
      <c r="HA14" s="72">
        <v>112</v>
      </c>
      <c r="HB14" s="74">
        <v>973</v>
      </c>
      <c r="HC14" s="75">
        <v>1609</v>
      </c>
      <c r="HD14" s="60">
        <v>6</v>
      </c>
      <c r="HE14" s="61">
        <v>14</v>
      </c>
      <c r="HF14" s="62">
        <v>20</v>
      </c>
      <c r="HG14" s="228"/>
      <c r="HH14" s="61">
        <v>7</v>
      </c>
      <c r="HI14" s="61">
        <v>8</v>
      </c>
      <c r="HJ14" s="61">
        <v>0</v>
      </c>
      <c r="HK14" s="61">
        <v>6</v>
      </c>
      <c r="HL14" s="61">
        <v>1</v>
      </c>
      <c r="HM14" s="62">
        <v>22</v>
      </c>
      <c r="HN14" s="63">
        <v>42</v>
      </c>
      <c r="HO14" s="60">
        <v>33</v>
      </c>
      <c r="HP14" s="61">
        <v>18</v>
      </c>
      <c r="HQ14" s="62">
        <v>51</v>
      </c>
      <c r="HR14" s="228"/>
      <c r="HS14" s="61">
        <v>32</v>
      </c>
      <c r="HT14" s="61">
        <v>17</v>
      </c>
      <c r="HU14" s="61">
        <v>10</v>
      </c>
      <c r="HV14" s="61">
        <v>6</v>
      </c>
      <c r="HW14" s="61">
        <v>12</v>
      </c>
      <c r="HX14" s="62">
        <v>77</v>
      </c>
      <c r="HY14" s="63">
        <v>128</v>
      </c>
      <c r="HZ14" s="60">
        <v>36</v>
      </c>
      <c r="IA14" s="61">
        <v>42</v>
      </c>
      <c r="IB14" s="62">
        <v>78</v>
      </c>
      <c r="IC14" s="228"/>
      <c r="ID14" s="61">
        <v>39</v>
      </c>
      <c r="IE14" s="61">
        <v>26</v>
      </c>
      <c r="IF14" s="61">
        <v>14</v>
      </c>
      <c r="IG14" s="61">
        <v>11</v>
      </c>
      <c r="IH14" s="61">
        <v>13</v>
      </c>
      <c r="II14" s="62">
        <v>103</v>
      </c>
      <c r="IJ14" s="63">
        <v>181</v>
      </c>
      <c r="IK14" s="60">
        <v>87</v>
      </c>
      <c r="IL14" s="61">
        <v>59</v>
      </c>
      <c r="IM14" s="62">
        <v>146</v>
      </c>
      <c r="IN14" s="228"/>
      <c r="IO14" s="61">
        <v>82</v>
      </c>
      <c r="IP14" s="61">
        <v>36</v>
      </c>
      <c r="IQ14" s="61">
        <v>16</v>
      </c>
      <c r="IR14" s="61">
        <v>16</v>
      </c>
      <c r="IS14" s="61">
        <v>21</v>
      </c>
      <c r="IT14" s="62">
        <v>171</v>
      </c>
      <c r="IU14" s="63">
        <v>317</v>
      </c>
      <c r="IV14" s="60">
        <v>113</v>
      </c>
      <c r="IW14" s="61">
        <v>71</v>
      </c>
      <c r="IX14" s="62">
        <v>184</v>
      </c>
      <c r="IY14" s="228"/>
      <c r="IZ14" s="61">
        <v>104</v>
      </c>
      <c r="JA14" s="61">
        <v>56</v>
      </c>
      <c r="JB14" s="61">
        <v>43</v>
      </c>
      <c r="JC14" s="61">
        <v>29</v>
      </c>
      <c r="JD14" s="61">
        <v>24</v>
      </c>
      <c r="JE14" s="62">
        <v>256</v>
      </c>
      <c r="JF14" s="63">
        <v>440</v>
      </c>
      <c r="JG14" s="60">
        <v>96</v>
      </c>
      <c r="JH14" s="61">
        <v>61</v>
      </c>
      <c r="JI14" s="62">
        <v>157</v>
      </c>
      <c r="JJ14" s="228"/>
      <c r="JK14" s="61">
        <v>116</v>
      </c>
      <c r="JL14" s="61">
        <v>69</v>
      </c>
      <c r="JM14" s="61">
        <v>58</v>
      </c>
      <c r="JN14" s="61">
        <v>60</v>
      </c>
      <c r="JO14" s="61">
        <v>41</v>
      </c>
      <c r="JP14" s="62">
        <v>344</v>
      </c>
      <c r="JQ14" s="63">
        <v>501</v>
      </c>
      <c r="JR14" s="60">
        <v>0</v>
      </c>
      <c r="JS14" s="61">
        <v>0</v>
      </c>
      <c r="JT14" s="62">
        <v>0</v>
      </c>
      <c r="JU14" s="228"/>
      <c r="JV14" s="61">
        <v>0</v>
      </c>
      <c r="JW14" s="61">
        <v>0</v>
      </c>
      <c r="JX14" s="61">
        <v>0</v>
      </c>
      <c r="JY14" s="61">
        <v>0</v>
      </c>
      <c r="JZ14" s="61">
        <v>0</v>
      </c>
      <c r="KA14" s="62">
        <v>0</v>
      </c>
      <c r="KB14" s="63">
        <v>0</v>
      </c>
      <c r="KC14" s="60">
        <v>371</v>
      </c>
      <c r="KD14" s="61">
        <v>265</v>
      </c>
      <c r="KE14" s="62">
        <v>636</v>
      </c>
      <c r="KF14" s="228"/>
      <c r="KG14" s="61">
        <v>380</v>
      </c>
      <c r="KH14" s="61">
        <v>212</v>
      </c>
      <c r="KI14" s="61">
        <v>141</v>
      </c>
      <c r="KJ14" s="61">
        <v>128</v>
      </c>
      <c r="KK14" s="61">
        <v>112</v>
      </c>
      <c r="KL14" s="62">
        <v>973</v>
      </c>
      <c r="KM14" s="63">
        <v>1609</v>
      </c>
    </row>
    <row r="15" spans="2:299" ht="21" customHeight="1" x14ac:dyDescent="0.2">
      <c r="B15" s="472" t="s">
        <v>11</v>
      </c>
      <c r="C15" s="293">
        <v>50</v>
      </c>
      <c r="D15" s="72">
        <v>42</v>
      </c>
      <c r="E15" s="73">
        <v>92</v>
      </c>
      <c r="F15" s="228"/>
      <c r="G15" s="72">
        <v>97</v>
      </c>
      <c r="H15" s="72">
        <v>42</v>
      </c>
      <c r="I15" s="72">
        <v>38</v>
      </c>
      <c r="J15" s="72">
        <v>33</v>
      </c>
      <c r="K15" s="72">
        <v>13</v>
      </c>
      <c r="L15" s="74">
        <v>223</v>
      </c>
      <c r="M15" s="75">
        <v>315</v>
      </c>
      <c r="N15" s="60">
        <v>1</v>
      </c>
      <c r="O15" s="61">
        <v>1</v>
      </c>
      <c r="P15" s="62">
        <v>2</v>
      </c>
      <c r="Q15" s="228"/>
      <c r="R15" s="61">
        <v>5</v>
      </c>
      <c r="S15" s="61">
        <v>0</v>
      </c>
      <c r="T15" s="61">
        <v>0</v>
      </c>
      <c r="U15" s="61">
        <v>2</v>
      </c>
      <c r="V15" s="61">
        <v>0</v>
      </c>
      <c r="W15" s="62">
        <v>7</v>
      </c>
      <c r="X15" s="63">
        <v>9</v>
      </c>
      <c r="Y15" s="60">
        <v>7</v>
      </c>
      <c r="Z15" s="61">
        <v>1</v>
      </c>
      <c r="AA15" s="62">
        <v>8</v>
      </c>
      <c r="AB15" s="228"/>
      <c r="AC15" s="61">
        <v>7</v>
      </c>
      <c r="AD15" s="61">
        <v>1</v>
      </c>
      <c r="AE15" s="61">
        <v>4</v>
      </c>
      <c r="AF15" s="61">
        <v>1</v>
      </c>
      <c r="AG15" s="61">
        <v>1</v>
      </c>
      <c r="AH15" s="62">
        <v>14</v>
      </c>
      <c r="AI15" s="63">
        <v>22</v>
      </c>
      <c r="AJ15" s="60">
        <v>5</v>
      </c>
      <c r="AK15" s="61">
        <v>9</v>
      </c>
      <c r="AL15" s="62">
        <v>14</v>
      </c>
      <c r="AM15" s="228"/>
      <c r="AN15" s="61">
        <v>22</v>
      </c>
      <c r="AO15" s="61">
        <v>6</v>
      </c>
      <c r="AP15" s="61">
        <v>8</v>
      </c>
      <c r="AQ15" s="61">
        <v>3</v>
      </c>
      <c r="AR15" s="61">
        <v>1</v>
      </c>
      <c r="AS15" s="62">
        <v>40</v>
      </c>
      <c r="AT15" s="63">
        <v>54</v>
      </c>
      <c r="AU15" s="60">
        <v>7</v>
      </c>
      <c r="AV15" s="61">
        <v>7</v>
      </c>
      <c r="AW15" s="62">
        <v>14</v>
      </c>
      <c r="AX15" s="228"/>
      <c r="AY15" s="61">
        <v>21</v>
      </c>
      <c r="AZ15" s="61">
        <v>14</v>
      </c>
      <c r="BA15" s="61">
        <v>6</v>
      </c>
      <c r="BB15" s="61">
        <v>12</v>
      </c>
      <c r="BC15" s="61">
        <v>3</v>
      </c>
      <c r="BD15" s="62">
        <v>56</v>
      </c>
      <c r="BE15" s="63">
        <v>70</v>
      </c>
      <c r="BF15" s="60">
        <v>22</v>
      </c>
      <c r="BG15" s="61">
        <v>15</v>
      </c>
      <c r="BH15" s="62">
        <v>37</v>
      </c>
      <c r="BI15" s="228"/>
      <c r="BJ15" s="61">
        <v>24</v>
      </c>
      <c r="BK15" s="61">
        <v>11</v>
      </c>
      <c r="BL15" s="61">
        <v>7</v>
      </c>
      <c r="BM15" s="61">
        <v>7</v>
      </c>
      <c r="BN15" s="61">
        <v>6</v>
      </c>
      <c r="BO15" s="62">
        <v>55</v>
      </c>
      <c r="BP15" s="63">
        <v>92</v>
      </c>
      <c r="BQ15" s="60">
        <v>8</v>
      </c>
      <c r="BR15" s="61">
        <v>9</v>
      </c>
      <c r="BS15" s="62">
        <v>17</v>
      </c>
      <c r="BT15" s="228"/>
      <c r="BU15" s="61">
        <v>18</v>
      </c>
      <c r="BV15" s="61">
        <v>10</v>
      </c>
      <c r="BW15" s="61">
        <v>13</v>
      </c>
      <c r="BX15" s="61">
        <v>8</v>
      </c>
      <c r="BY15" s="61">
        <v>2</v>
      </c>
      <c r="BZ15" s="62">
        <v>51</v>
      </c>
      <c r="CA15" s="63">
        <v>68</v>
      </c>
      <c r="CB15" s="60">
        <v>0</v>
      </c>
      <c r="CC15" s="61">
        <v>0</v>
      </c>
      <c r="CD15" s="62">
        <v>0</v>
      </c>
      <c r="CE15" s="228"/>
      <c r="CF15" s="61">
        <v>0</v>
      </c>
      <c r="CG15" s="61">
        <v>0</v>
      </c>
      <c r="CH15" s="61">
        <v>0</v>
      </c>
      <c r="CI15" s="61">
        <v>0</v>
      </c>
      <c r="CJ15" s="61">
        <v>0</v>
      </c>
      <c r="CK15" s="62">
        <v>0</v>
      </c>
      <c r="CL15" s="63">
        <v>0</v>
      </c>
      <c r="CM15" s="60">
        <v>50</v>
      </c>
      <c r="CN15" s="61">
        <v>42</v>
      </c>
      <c r="CO15" s="62">
        <v>92</v>
      </c>
      <c r="CP15" s="228"/>
      <c r="CQ15" s="61">
        <v>97</v>
      </c>
      <c r="CR15" s="61">
        <v>42</v>
      </c>
      <c r="CS15" s="61">
        <v>38</v>
      </c>
      <c r="CT15" s="61">
        <v>33</v>
      </c>
      <c r="CU15" s="61">
        <v>13</v>
      </c>
      <c r="CV15" s="62">
        <v>223</v>
      </c>
      <c r="CW15" s="63">
        <v>315</v>
      </c>
      <c r="CX15" s="113">
        <v>20</v>
      </c>
      <c r="CY15" s="72">
        <v>20</v>
      </c>
      <c r="CZ15" s="73">
        <v>40</v>
      </c>
      <c r="DA15" s="228"/>
      <c r="DB15" s="72">
        <v>47</v>
      </c>
      <c r="DC15" s="72">
        <v>19</v>
      </c>
      <c r="DD15" s="72">
        <v>29</v>
      </c>
      <c r="DE15" s="72">
        <v>33</v>
      </c>
      <c r="DF15" s="72">
        <v>11</v>
      </c>
      <c r="DG15" s="74">
        <v>139</v>
      </c>
      <c r="DH15" s="75">
        <v>179</v>
      </c>
      <c r="DI15" s="60">
        <v>0</v>
      </c>
      <c r="DJ15" s="61">
        <v>1</v>
      </c>
      <c r="DK15" s="62">
        <v>1</v>
      </c>
      <c r="DL15" s="228"/>
      <c r="DM15" s="61">
        <v>3</v>
      </c>
      <c r="DN15" s="61">
        <v>0</v>
      </c>
      <c r="DO15" s="61">
        <v>0</v>
      </c>
      <c r="DP15" s="61">
        <v>0</v>
      </c>
      <c r="DQ15" s="61">
        <v>0</v>
      </c>
      <c r="DR15" s="62">
        <v>3</v>
      </c>
      <c r="DS15" s="63">
        <v>4</v>
      </c>
      <c r="DT15" s="60">
        <v>0</v>
      </c>
      <c r="DU15" s="61">
        <v>2</v>
      </c>
      <c r="DV15" s="62">
        <v>2</v>
      </c>
      <c r="DW15" s="228"/>
      <c r="DX15" s="61">
        <v>3</v>
      </c>
      <c r="DY15" s="61">
        <v>1</v>
      </c>
      <c r="DZ15" s="61">
        <v>0</v>
      </c>
      <c r="EA15" s="61">
        <v>2</v>
      </c>
      <c r="EB15" s="61">
        <v>1</v>
      </c>
      <c r="EC15" s="62">
        <v>7</v>
      </c>
      <c r="ED15" s="63">
        <v>9</v>
      </c>
      <c r="EE15" s="60">
        <v>3</v>
      </c>
      <c r="EF15" s="61">
        <v>3</v>
      </c>
      <c r="EG15" s="62">
        <v>6</v>
      </c>
      <c r="EH15" s="228"/>
      <c r="EI15" s="61">
        <v>5</v>
      </c>
      <c r="EJ15" s="61">
        <v>2</v>
      </c>
      <c r="EK15" s="61">
        <v>2</v>
      </c>
      <c r="EL15" s="61">
        <v>1</v>
      </c>
      <c r="EM15" s="61">
        <v>1</v>
      </c>
      <c r="EN15" s="62">
        <v>11</v>
      </c>
      <c r="EO15" s="63">
        <v>17</v>
      </c>
      <c r="EP15" s="60">
        <v>1</v>
      </c>
      <c r="EQ15" s="61">
        <v>4</v>
      </c>
      <c r="ER15" s="62">
        <v>5</v>
      </c>
      <c r="ES15" s="228"/>
      <c r="ET15" s="61">
        <v>8</v>
      </c>
      <c r="EU15" s="61">
        <v>3</v>
      </c>
      <c r="EV15" s="61">
        <v>3</v>
      </c>
      <c r="EW15" s="61">
        <v>2</v>
      </c>
      <c r="EX15" s="61">
        <v>1</v>
      </c>
      <c r="EY15" s="62">
        <v>17</v>
      </c>
      <c r="EZ15" s="63">
        <v>22</v>
      </c>
      <c r="FA15" s="60">
        <v>14</v>
      </c>
      <c r="FB15" s="61">
        <v>5</v>
      </c>
      <c r="FC15" s="62">
        <v>19</v>
      </c>
      <c r="FD15" s="228"/>
      <c r="FE15" s="61">
        <v>17</v>
      </c>
      <c r="FF15" s="61">
        <v>9</v>
      </c>
      <c r="FG15" s="61">
        <v>11</v>
      </c>
      <c r="FH15" s="61">
        <v>7</v>
      </c>
      <c r="FI15" s="61">
        <v>3</v>
      </c>
      <c r="FJ15" s="62">
        <v>47</v>
      </c>
      <c r="FK15" s="63">
        <v>66</v>
      </c>
      <c r="FL15" s="60">
        <v>2</v>
      </c>
      <c r="FM15" s="61">
        <v>5</v>
      </c>
      <c r="FN15" s="62">
        <v>7</v>
      </c>
      <c r="FO15" s="228"/>
      <c r="FP15" s="61">
        <v>11</v>
      </c>
      <c r="FQ15" s="61">
        <v>4</v>
      </c>
      <c r="FR15" s="61">
        <v>13</v>
      </c>
      <c r="FS15" s="61">
        <v>21</v>
      </c>
      <c r="FT15" s="61">
        <v>5</v>
      </c>
      <c r="FU15" s="62">
        <v>54</v>
      </c>
      <c r="FV15" s="63">
        <v>61</v>
      </c>
      <c r="FW15" s="60">
        <v>0</v>
      </c>
      <c r="FX15" s="61">
        <v>0</v>
      </c>
      <c r="FY15" s="62">
        <v>0</v>
      </c>
      <c r="FZ15" s="228"/>
      <c r="GA15" s="61">
        <v>0</v>
      </c>
      <c r="GB15" s="61">
        <v>0</v>
      </c>
      <c r="GC15" s="61">
        <v>0</v>
      </c>
      <c r="GD15" s="61">
        <v>0</v>
      </c>
      <c r="GE15" s="61">
        <v>0</v>
      </c>
      <c r="GF15" s="62">
        <v>0</v>
      </c>
      <c r="GG15" s="63">
        <v>0</v>
      </c>
      <c r="GH15" s="60">
        <v>20</v>
      </c>
      <c r="GI15" s="61">
        <v>20</v>
      </c>
      <c r="GJ15" s="62">
        <v>40</v>
      </c>
      <c r="GK15" s="228"/>
      <c r="GL15" s="61">
        <v>47</v>
      </c>
      <c r="GM15" s="61">
        <v>19</v>
      </c>
      <c r="GN15" s="61">
        <v>29</v>
      </c>
      <c r="GO15" s="61">
        <v>33</v>
      </c>
      <c r="GP15" s="61">
        <v>11</v>
      </c>
      <c r="GQ15" s="62">
        <v>139</v>
      </c>
      <c r="GR15" s="63">
        <v>179</v>
      </c>
      <c r="GS15" s="113">
        <v>70</v>
      </c>
      <c r="GT15" s="72">
        <v>62</v>
      </c>
      <c r="GU15" s="73">
        <v>132</v>
      </c>
      <c r="GV15" s="228"/>
      <c r="GW15" s="72">
        <v>144</v>
      </c>
      <c r="GX15" s="72">
        <v>61</v>
      </c>
      <c r="GY15" s="72">
        <v>67</v>
      </c>
      <c r="GZ15" s="72">
        <v>66</v>
      </c>
      <c r="HA15" s="72">
        <v>24</v>
      </c>
      <c r="HB15" s="74">
        <v>362</v>
      </c>
      <c r="HC15" s="75">
        <v>494</v>
      </c>
      <c r="HD15" s="60">
        <v>1</v>
      </c>
      <c r="HE15" s="61">
        <v>2</v>
      </c>
      <c r="HF15" s="62">
        <v>3</v>
      </c>
      <c r="HG15" s="228"/>
      <c r="HH15" s="61">
        <v>8</v>
      </c>
      <c r="HI15" s="61">
        <v>0</v>
      </c>
      <c r="HJ15" s="61">
        <v>0</v>
      </c>
      <c r="HK15" s="61">
        <v>2</v>
      </c>
      <c r="HL15" s="61">
        <v>0</v>
      </c>
      <c r="HM15" s="62">
        <v>10</v>
      </c>
      <c r="HN15" s="63">
        <v>13</v>
      </c>
      <c r="HO15" s="60">
        <v>7</v>
      </c>
      <c r="HP15" s="61">
        <v>3</v>
      </c>
      <c r="HQ15" s="62">
        <v>10</v>
      </c>
      <c r="HR15" s="228"/>
      <c r="HS15" s="61">
        <v>10</v>
      </c>
      <c r="HT15" s="61">
        <v>2</v>
      </c>
      <c r="HU15" s="61">
        <v>4</v>
      </c>
      <c r="HV15" s="61">
        <v>3</v>
      </c>
      <c r="HW15" s="61">
        <v>2</v>
      </c>
      <c r="HX15" s="62">
        <v>21</v>
      </c>
      <c r="HY15" s="63">
        <v>31</v>
      </c>
      <c r="HZ15" s="60">
        <v>8</v>
      </c>
      <c r="IA15" s="61">
        <v>12</v>
      </c>
      <c r="IB15" s="62">
        <v>20</v>
      </c>
      <c r="IC15" s="228"/>
      <c r="ID15" s="61">
        <v>27</v>
      </c>
      <c r="IE15" s="61">
        <v>8</v>
      </c>
      <c r="IF15" s="61">
        <v>10</v>
      </c>
      <c r="IG15" s="61">
        <v>4</v>
      </c>
      <c r="IH15" s="61">
        <v>2</v>
      </c>
      <c r="II15" s="62">
        <v>51</v>
      </c>
      <c r="IJ15" s="63">
        <v>71</v>
      </c>
      <c r="IK15" s="60">
        <v>8</v>
      </c>
      <c r="IL15" s="61">
        <v>11</v>
      </c>
      <c r="IM15" s="62">
        <v>19</v>
      </c>
      <c r="IN15" s="228"/>
      <c r="IO15" s="61">
        <v>29</v>
      </c>
      <c r="IP15" s="61">
        <v>17</v>
      </c>
      <c r="IQ15" s="61">
        <v>9</v>
      </c>
      <c r="IR15" s="61">
        <v>14</v>
      </c>
      <c r="IS15" s="61">
        <v>4</v>
      </c>
      <c r="IT15" s="62">
        <v>73</v>
      </c>
      <c r="IU15" s="63">
        <v>92</v>
      </c>
      <c r="IV15" s="60">
        <v>36</v>
      </c>
      <c r="IW15" s="61">
        <v>20</v>
      </c>
      <c r="IX15" s="62">
        <v>56</v>
      </c>
      <c r="IY15" s="228"/>
      <c r="IZ15" s="61">
        <v>41</v>
      </c>
      <c r="JA15" s="61">
        <v>20</v>
      </c>
      <c r="JB15" s="61">
        <v>18</v>
      </c>
      <c r="JC15" s="61">
        <v>14</v>
      </c>
      <c r="JD15" s="61">
        <v>9</v>
      </c>
      <c r="JE15" s="62">
        <v>102</v>
      </c>
      <c r="JF15" s="63">
        <v>158</v>
      </c>
      <c r="JG15" s="60">
        <v>10</v>
      </c>
      <c r="JH15" s="61">
        <v>14</v>
      </c>
      <c r="JI15" s="62">
        <v>24</v>
      </c>
      <c r="JJ15" s="228"/>
      <c r="JK15" s="61">
        <v>29</v>
      </c>
      <c r="JL15" s="61">
        <v>14</v>
      </c>
      <c r="JM15" s="61">
        <v>26</v>
      </c>
      <c r="JN15" s="61">
        <v>29</v>
      </c>
      <c r="JO15" s="61">
        <v>7</v>
      </c>
      <c r="JP15" s="62">
        <v>105</v>
      </c>
      <c r="JQ15" s="63">
        <v>129</v>
      </c>
      <c r="JR15" s="60">
        <v>0</v>
      </c>
      <c r="JS15" s="61">
        <v>0</v>
      </c>
      <c r="JT15" s="62">
        <v>0</v>
      </c>
      <c r="JU15" s="228"/>
      <c r="JV15" s="61">
        <v>0</v>
      </c>
      <c r="JW15" s="61">
        <v>0</v>
      </c>
      <c r="JX15" s="61">
        <v>0</v>
      </c>
      <c r="JY15" s="61">
        <v>0</v>
      </c>
      <c r="JZ15" s="61">
        <v>0</v>
      </c>
      <c r="KA15" s="62">
        <v>0</v>
      </c>
      <c r="KB15" s="63">
        <v>0</v>
      </c>
      <c r="KC15" s="60">
        <v>70</v>
      </c>
      <c r="KD15" s="61">
        <v>62</v>
      </c>
      <c r="KE15" s="62">
        <v>132</v>
      </c>
      <c r="KF15" s="228"/>
      <c r="KG15" s="61">
        <v>144</v>
      </c>
      <c r="KH15" s="61">
        <v>61</v>
      </c>
      <c r="KI15" s="61">
        <v>67</v>
      </c>
      <c r="KJ15" s="61">
        <v>66</v>
      </c>
      <c r="KK15" s="61">
        <v>24</v>
      </c>
      <c r="KL15" s="62">
        <v>362</v>
      </c>
      <c r="KM15" s="63">
        <v>494</v>
      </c>
    </row>
    <row r="16" spans="2:299" ht="21" customHeight="1" x14ac:dyDescent="0.2">
      <c r="B16" s="472" t="s">
        <v>12</v>
      </c>
      <c r="C16" s="293">
        <v>125</v>
      </c>
      <c r="D16" s="72">
        <v>105</v>
      </c>
      <c r="E16" s="73">
        <v>230</v>
      </c>
      <c r="F16" s="228"/>
      <c r="G16" s="72">
        <v>116</v>
      </c>
      <c r="H16" s="72">
        <v>83</v>
      </c>
      <c r="I16" s="72">
        <v>48</v>
      </c>
      <c r="J16" s="72">
        <v>61</v>
      </c>
      <c r="K16" s="72">
        <v>34</v>
      </c>
      <c r="L16" s="74">
        <v>342</v>
      </c>
      <c r="M16" s="75">
        <v>572</v>
      </c>
      <c r="N16" s="76">
        <v>3</v>
      </c>
      <c r="O16" s="61">
        <v>5</v>
      </c>
      <c r="P16" s="62">
        <v>8</v>
      </c>
      <c r="Q16" s="228"/>
      <c r="R16" s="61">
        <v>2</v>
      </c>
      <c r="S16" s="61">
        <v>2</v>
      </c>
      <c r="T16" s="61">
        <v>1</v>
      </c>
      <c r="U16" s="61">
        <v>3</v>
      </c>
      <c r="V16" s="61">
        <v>1</v>
      </c>
      <c r="W16" s="62">
        <v>9</v>
      </c>
      <c r="X16" s="63">
        <v>17</v>
      </c>
      <c r="Y16" s="60">
        <v>9</v>
      </c>
      <c r="Z16" s="61">
        <v>10</v>
      </c>
      <c r="AA16" s="62">
        <v>19</v>
      </c>
      <c r="AB16" s="228"/>
      <c r="AC16" s="61">
        <v>6</v>
      </c>
      <c r="AD16" s="61">
        <v>6</v>
      </c>
      <c r="AE16" s="61">
        <v>3</v>
      </c>
      <c r="AF16" s="61">
        <v>2</v>
      </c>
      <c r="AG16" s="61">
        <v>4</v>
      </c>
      <c r="AH16" s="62">
        <v>21</v>
      </c>
      <c r="AI16" s="63">
        <v>40</v>
      </c>
      <c r="AJ16" s="76">
        <v>16</v>
      </c>
      <c r="AK16" s="61">
        <v>10</v>
      </c>
      <c r="AL16" s="62">
        <v>26</v>
      </c>
      <c r="AM16" s="228"/>
      <c r="AN16" s="61">
        <v>8</v>
      </c>
      <c r="AO16" s="61">
        <v>12</v>
      </c>
      <c r="AP16" s="61">
        <v>3</v>
      </c>
      <c r="AQ16" s="61">
        <v>8</v>
      </c>
      <c r="AR16" s="61">
        <v>1</v>
      </c>
      <c r="AS16" s="62">
        <v>32</v>
      </c>
      <c r="AT16" s="63">
        <v>58</v>
      </c>
      <c r="AU16" s="60">
        <v>27</v>
      </c>
      <c r="AV16" s="61">
        <v>30</v>
      </c>
      <c r="AW16" s="62">
        <v>57</v>
      </c>
      <c r="AX16" s="228"/>
      <c r="AY16" s="61">
        <v>29</v>
      </c>
      <c r="AZ16" s="61">
        <v>19</v>
      </c>
      <c r="BA16" s="61">
        <v>14</v>
      </c>
      <c r="BB16" s="61">
        <v>12</v>
      </c>
      <c r="BC16" s="61">
        <v>11</v>
      </c>
      <c r="BD16" s="62">
        <v>85</v>
      </c>
      <c r="BE16" s="63">
        <v>142</v>
      </c>
      <c r="BF16" s="76">
        <v>40</v>
      </c>
      <c r="BG16" s="61">
        <v>24</v>
      </c>
      <c r="BH16" s="62">
        <v>64</v>
      </c>
      <c r="BI16" s="228"/>
      <c r="BJ16" s="61">
        <v>38</v>
      </c>
      <c r="BK16" s="61">
        <v>21</v>
      </c>
      <c r="BL16" s="61">
        <v>14</v>
      </c>
      <c r="BM16" s="61">
        <v>22</v>
      </c>
      <c r="BN16" s="61">
        <v>7</v>
      </c>
      <c r="BO16" s="62">
        <v>102</v>
      </c>
      <c r="BP16" s="63">
        <v>166</v>
      </c>
      <c r="BQ16" s="60">
        <v>30</v>
      </c>
      <c r="BR16" s="61">
        <v>26</v>
      </c>
      <c r="BS16" s="62">
        <v>56</v>
      </c>
      <c r="BT16" s="228"/>
      <c r="BU16" s="61">
        <v>33</v>
      </c>
      <c r="BV16" s="61">
        <v>23</v>
      </c>
      <c r="BW16" s="61">
        <v>13</v>
      </c>
      <c r="BX16" s="61">
        <v>14</v>
      </c>
      <c r="BY16" s="61">
        <v>10</v>
      </c>
      <c r="BZ16" s="62">
        <v>93</v>
      </c>
      <c r="CA16" s="63">
        <v>149</v>
      </c>
      <c r="CB16" s="60">
        <v>0</v>
      </c>
      <c r="CC16" s="61">
        <v>0</v>
      </c>
      <c r="CD16" s="62">
        <v>0</v>
      </c>
      <c r="CE16" s="228"/>
      <c r="CF16" s="61">
        <v>0</v>
      </c>
      <c r="CG16" s="61">
        <v>0</v>
      </c>
      <c r="CH16" s="61">
        <v>0</v>
      </c>
      <c r="CI16" s="61">
        <v>0</v>
      </c>
      <c r="CJ16" s="61">
        <v>0</v>
      </c>
      <c r="CK16" s="62">
        <v>0</v>
      </c>
      <c r="CL16" s="63">
        <v>0</v>
      </c>
      <c r="CM16" s="60">
        <v>125</v>
      </c>
      <c r="CN16" s="61">
        <v>105</v>
      </c>
      <c r="CO16" s="62">
        <v>230</v>
      </c>
      <c r="CP16" s="228"/>
      <c r="CQ16" s="61">
        <v>116</v>
      </c>
      <c r="CR16" s="61">
        <v>83</v>
      </c>
      <c r="CS16" s="61">
        <v>48</v>
      </c>
      <c r="CT16" s="61">
        <v>61</v>
      </c>
      <c r="CU16" s="61">
        <v>34</v>
      </c>
      <c r="CV16" s="62">
        <v>342</v>
      </c>
      <c r="CW16" s="63">
        <v>572</v>
      </c>
      <c r="CX16" s="113">
        <v>39</v>
      </c>
      <c r="CY16" s="72">
        <v>35</v>
      </c>
      <c r="CZ16" s="73">
        <v>74</v>
      </c>
      <c r="DA16" s="228"/>
      <c r="DB16" s="72">
        <v>44</v>
      </c>
      <c r="DC16" s="72">
        <v>29</v>
      </c>
      <c r="DD16" s="72">
        <v>23</v>
      </c>
      <c r="DE16" s="72">
        <v>33</v>
      </c>
      <c r="DF16" s="72">
        <v>10</v>
      </c>
      <c r="DG16" s="74">
        <v>139</v>
      </c>
      <c r="DH16" s="75">
        <v>213</v>
      </c>
      <c r="DI16" s="76">
        <v>1</v>
      </c>
      <c r="DJ16" s="61">
        <v>0</v>
      </c>
      <c r="DK16" s="62">
        <v>1</v>
      </c>
      <c r="DL16" s="228"/>
      <c r="DM16" s="61">
        <v>1</v>
      </c>
      <c r="DN16" s="61">
        <v>0</v>
      </c>
      <c r="DO16" s="61">
        <v>1</v>
      </c>
      <c r="DP16" s="61">
        <v>0</v>
      </c>
      <c r="DQ16" s="61">
        <v>0</v>
      </c>
      <c r="DR16" s="62">
        <v>2</v>
      </c>
      <c r="DS16" s="63">
        <v>3</v>
      </c>
      <c r="DT16" s="60">
        <v>3</v>
      </c>
      <c r="DU16" s="61">
        <v>2</v>
      </c>
      <c r="DV16" s="62">
        <v>5</v>
      </c>
      <c r="DW16" s="228"/>
      <c r="DX16" s="61">
        <v>1</v>
      </c>
      <c r="DY16" s="61">
        <v>1</v>
      </c>
      <c r="DZ16" s="61">
        <v>0</v>
      </c>
      <c r="EA16" s="61">
        <v>1</v>
      </c>
      <c r="EB16" s="61">
        <v>1</v>
      </c>
      <c r="EC16" s="62">
        <v>4</v>
      </c>
      <c r="ED16" s="63">
        <v>9</v>
      </c>
      <c r="EE16" s="76">
        <v>7</v>
      </c>
      <c r="EF16" s="61">
        <v>2</v>
      </c>
      <c r="EG16" s="62">
        <v>9</v>
      </c>
      <c r="EH16" s="228"/>
      <c r="EI16" s="61">
        <v>3</v>
      </c>
      <c r="EJ16" s="61">
        <v>3</v>
      </c>
      <c r="EK16" s="61">
        <v>0</v>
      </c>
      <c r="EL16" s="61">
        <v>1</v>
      </c>
      <c r="EM16" s="61">
        <v>2</v>
      </c>
      <c r="EN16" s="62">
        <v>9</v>
      </c>
      <c r="EO16" s="63">
        <v>18</v>
      </c>
      <c r="EP16" s="60">
        <v>11</v>
      </c>
      <c r="EQ16" s="61">
        <v>12</v>
      </c>
      <c r="ER16" s="62">
        <v>23</v>
      </c>
      <c r="ES16" s="228"/>
      <c r="ET16" s="61">
        <v>10</v>
      </c>
      <c r="EU16" s="61">
        <v>5</v>
      </c>
      <c r="EV16" s="61">
        <v>5</v>
      </c>
      <c r="EW16" s="61">
        <v>7</v>
      </c>
      <c r="EX16" s="61">
        <v>2</v>
      </c>
      <c r="EY16" s="62">
        <v>29</v>
      </c>
      <c r="EZ16" s="63">
        <v>52</v>
      </c>
      <c r="FA16" s="76">
        <v>9</v>
      </c>
      <c r="FB16" s="61">
        <v>12</v>
      </c>
      <c r="FC16" s="62">
        <v>21</v>
      </c>
      <c r="FD16" s="228"/>
      <c r="FE16" s="61">
        <v>11</v>
      </c>
      <c r="FF16" s="61">
        <v>12</v>
      </c>
      <c r="FG16" s="61">
        <v>9</v>
      </c>
      <c r="FH16" s="61">
        <v>5</v>
      </c>
      <c r="FI16" s="61">
        <v>1</v>
      </c>
      <c r="FJ16" s="62">
        <v>38</v>
      </c>
      <c r="FK16" s="63">
        <v>59</v>
      </c>
      <c r="FL16" s="60">
        <v>8</v>
      </c>
      <c r="FM16" s="61">
        <v>7</v>
      </c>
      <c r="FN16" s="62">
        <v>15</v>
      </c>
      <c r="FO16" s="228"/>
      <c r="FP16" s="61">
        <v>18</v>
      </c>
      <c r="FQ16" s="61">
        <v>8</v>
      </c>
      <c r="FR16" s="61">
        <v>8</v>
      </c>
      <c r="FS16" s="61">
        <v>19</v>
      </c>
      <c r="FT16" s="61">
        <v>4</v>
      </c>
      <c r="FU16" s="62">
        <v>57</v>
      </c>
      <c r="FV16" s="63">
        <v>72</v>
      </c>
      <c r="FW16" s="60">
        <v>0</v>
      </c>
      <c r="FX16" s="61">
        <v>0</v>
      </c>
      <c r="FY16" s="62">
        <v>0</v>
      </c>
      <c r="FZ16" s="228"/>
      <c r="GA16" s="61">
        <v>0</v>
      </c>
      <c r="GB16" s="61">
        <v>0</v>
      </c>
      <c r="GC16" s="61">
        <v>0</v>
      </c>
      <c r="GD16" s="61">
        <v>0</v>
      </c>
      <c r="GE16" s="61">
        <v>0</v>
      </c>
      <c r="GF16" s="62">
        <v>0</v>
      </c>
      <c r="GG16" s="63">
        <v>0</v>
      </c>
      <c r="GH16" s="60">
        <v>39</v>
      </c>
      <c r="GI16" s="61">
        <v>35</v>
      </c>
      <c r="GJ16" s="62">
        <v>74</v>
      </c>
      <c r="GK16" s="228"/>
      <c r="GL16" s="61">
        <v>44</v>
      </c>
      <c r="GM16" s="61">
        <v>29</v>
      </c>
      <c r="GN16" s="61">
        <v>23</v>
      </c>
      <c r="GO16" s="61">
        <v>33</v>
      </c>
      <c r="GP16" s="61">
        <v>10</v>
      </c>
      <c r="GQ16" s="62">
        <v>139</v>
      </c>
      <c r="GR16" s="63">
        <v>213</v>
      </c>
      <c r="GS16" s="113">
        <v>164</v>
      </c>
      <c r="GT16" s="72">
        <v>140</v>
      </c>
      <c r="GU16" s="73">
        <v>304</v>
      </c>
      <c r="GV16" s="228"/>
      <c r="GW16" s="72">
        <v>160</v>
      </c>
      <c r="GX16" s="72">
        <v>112</v>
      </c>
      <c r="GY16" s="72">
        <v>71</v>
      </c>
      <c r="GZ16" s="72">
        <v>94</v>
      </c>
      <c r="HA16" s="72">
        <v>44</v>
      </c>
      <c r="HB16" s="74">
        <v>481</v>
      </c>
      <c r="HC16" s="75">
        <v>785</v>
      </c>
      <c r="HD16" s="76">
        <v>4</v>
      </c>
      <c r="HE16" s="61">
        <v>5</v>
      </c>
      <c r="HF16" s="62">
        <v>9</v>
      </c>
      <c r="HG16" s="228"/>
      <c r="HH16" s="61">
        <v>3</v>
      </c>
      <c r="HI16" s="61">
        <v>2</v>
      </c>
      <c r="HJ16" s="61">
        <v>2</v>
      </c>
      <c r="HK16" s="61">
        <v>3</v>
      </c>
      <c r="HL16" s="61">
        <v>1</v>
      </c>
      <c r="HM16" s="62">
        <v>11</v>
      </c>
      <c r="HN16" s="63">
        <v>20</v>
      </c>
      <c r="HO16" s="60">
        <v>12</v>
      </c>
      <c r="HP16" s="61">
        <v>12</v>
      </c>
      <c r="HQ16" s="62">
        <v>24</v>
      </c>
      <c r="HR16" s="228"/>
      <c r="HS16" s="61">
        <v>7</v>
      </c>
      <c r="HT16" s="61">
        <v>7</v>
      </c>
      <c r="HU16" s="61">
        <v>3</v>
      </c>
      <c r="HV16" s="61">
        <v>3</v>
      </c>
      <c r="HW16" s="61">
        <v>5</v>
      </c>
      <c r="HX16" s="62">
        <v>25</v>
      </c>
      <c r="HY16" s="63">
        <v>49</v>
      </c>
      <c r="HZ16" s="76">
        <v>23</v>
      </c>
      <c r="IA16" s="61">
        <v>12</v>
      </c>
      <c r="IB16" s="62">
        <v>35</v>
      </c>
      <c r="IC16" s="228"/>
      <c r="ID16" s="61">
        <v>11</v>
      </c>
      <c r="IE16" s="61">
        <v>15</v>
      </c>
      <c r="IF16" s="61">
        <v>3</v>
      </c>
      <c r="IG16" s="61">
        <v>9</v>
      </c>
      <c r="IH16" s="61">
        <v>3</v>
      </c>
      <c r="II16" s="62">
        <v>41</v>
      </c>
      <c r="IJ16" s="63">
        <v>76</v>
      </c>
      <c r="IK16" s="60">
        <v>38</v>
      </c>
      <c r="IL16" s="61">
        <v>42</v>
      </c>
      <c r="IM16" s="62">
        <v>80</v>
      </c>
      <c r="IN16" s="228"/>
      <c r="IO16" s="61">
        <v>39</v>
      </c>
      <c r="IP16" s="61">
        <v>24</v>
      </c>
      <c r="IQ16" s="61">
        <v>19</v>
      </c>
      <c r="IR16" s="61">
        <v>19</v>
      </c>
      <c r="IS16" s="61">
        <v>13</v>
      </c>
      <c r="IT16" s="62">
        <v>114</v>
      </c>
      <c r="IU16" s="63">
        <v>194</v>
      </c>
      <c r="IV16" s="76">
        <v>49</v>
      </c>
      <c r="IW16" s="61">
        <v>36</v>
      </c>
      <c r="IX16" s="62">
        <v>85</v>
      </c>
      <c r="IY16" s="228"/>
      <c r="IZ16" s="61">
        <v>49</v>
      </c>
      <c r="JA16" s="61">
        <v>33</v>
      </c>
      <c r="JB16" s="61">
        <v>23</v>
      </c>
      <c r="JC16" s="61">
        <v>27</v>
      </c>
      <c r="JD16" s="61">
        <v>8</v>
      </c>
      <c r="JE16" s="62">
        <v>140</v>
      </c>
      <c r="JF16" s="63">
        <v>225</v>
      </c>
      <c r="JG16" s="60">
        <v>38</v>
      </c>
      <c r="JH16" s="61">
        <v>33</v>
      </c>
      <c r="JI16" s="62">
        <v>71</v>
      </c>
      <c r="JJ16" s="228"/>
      <c r="JK16" s="61">
        <v>51</v>
      </c>
      <c r="JL16" s="61">
        <v>31</v>
      </c>
      <c r="JM16" s="61">
        <v>21</v>
      </c>
      <c r="JN16" s="61">
        <v>33</v>
      </c>
      <c r="JO16" s="61">
        <v>14</v>
      </c>
      <c r="JP16" s="62">
        <v>150</v>
      </c>
      <c r="JQ16" s="63">
        <v>221</v>
      </c>
      <c r="JR16" s="60">
        <v>0</v>
      </c>
      <c r="JS16" s="61">
        <v>0</v>
      </c>
      <c r="JT16" s="62">
        <v>0</v>
      </c>
      <c r="JU16" s="228"/>
      <c r="JV16" s="61">
        <v>0</v>
      </c>
      <c r="JW16" s="61">
        <v>0</v>
      </c>
      <c r="JX16" s="61">
        <v>0</v>
      </c>
      <c r="JY16" s="61">
        <v>0</v>
      </c>
      <c r="JZ16" s="61">
        <v>0</v>
      </c>
      <c r="KA16" s="62">
        <v>0</v>
      </c>
      <c r="KB16" s="63">
        <v>0</v>
      </c>
      <c r="KC16" s="60">
        <v>164</v>
      </c>
      <c r="KD16" s="61">
        <v>140</v>
      </c>
      <c r="KE16" s="62">
        <v>304</v>
      </c>
      <c r="KF16" s="228"/>
      <c r="KG16" s="61">
        <v>160</v>
      </c>
      <c r="KH16" s="61">
        <v>112</v>
      </c>
      <c r="KI16" s="61">
        <v>71</v>
      </c>
      <c r="KJ16" s="61">
        <v>94</v>
      </c>
      <c r="KK16" s="61">
        <v>44</v>
      </c>
      <c r="KL16" s="62">
        <v>481</v>
      </c>
      <c r="KM16" s="63">
        <v>785</v>
      </c>
    </row>
    <row r="17" spans="2:299" ht="21" customHeight="1" x14ac:dyDescent="0.2">
      <c r="B17" s="472" t="s">
        <v>13</v>
      </c>
      <c r="C17" s="293">
        <v>51</v>
      </c>
      <c r="D17" s="72">
        <v>42</v>
      </c>
      <c r="E17" s="73">
        <v>93</v>
      </c>
      <c r="F17" s="228"/>
      <c r="G17" s="72">
        <v>62</v>
      </c>
      <c r="H17" s="72">
        <v>56</v>
      </c>
      <c r="I17" s="72">
        <v>31</v>
      </c>
      <c r="J17" s="72">
        <v>23</v>
      </c>
      <c r="K17" s="72">
        <v>20</v>
      </c>
      <c r="L17" s="74">
        <v>192</v>
      </c>
      <c r="M17" s="75">
        <v>285</v>
      </c>
      <c r="N17" s="60">
        <v>1</v>
      </c>
      <c r="O17" s="61">
        <v>2</v>
      </c>
      <c r="P17" s="62">
        <v>3</v>
      </c>
      <c r="Q17" s="228"/>
      <c r="R17" s="61">
        <v>0</v>
      </c>
      <c r="S17" s="61">
        <v>1</v>
      </c>
      <c r="T17" s="61">
        <v>1</v>
      </c>
      <c r="U17" s="61">
        <v>1</v>
      </c>
      <c r="V17" s="61">
        <v>0</v>
      </c>
      <c r="W17" s="62">
        <v>3</v>
      </c>
      <c r="X17" s="63">
        <v>6</v>
      </c>
      <c r="Y17" s="60">
        <v>3</v>
      </c>
      <c r="Z17" s="61">
        <v>1</v>
      </c>
      <c r="AA17" s="62">
        <v>4</v>
      </c>
      <c r="AB17" s="228"/>
      <c r="AC17" s="61">
        <v>5</v>
      </c>
      <c r="AD17" s="61">
        <v>2</v>
      </c>
      <c r="AE17" s="61">
        <v>0</v>
      </c>
      <c r="AF17" s="61">
        <v>1</v>
      </c>
      <c r="AG17" s="61">
        <v>0</v>
      </c>
      <c r="AH17" s="62">
        <v>8</v>
      </c>
      <c r="AI17" s="63">
        <v>12</v>
      </c>
      <c r="AJ17" s="60">
        <v>8</v>
      </c>
      <c r="AK17" s="61">
        <v>2</v>
      </c>
      <c r="AL17" s="62">
        <v>10</v>
      </c>
      <c r="AM17" s="228"/>
      <c r="AN17" s="61">
        <v>7</v>
      </c>
      <c r="AO17" s="61">
        <v>3</v>
      </c>
      <c r="AP17" s="61">
        <v>2</v>
      </c>
      <c r="AQ17" s="61">
        <v>1</v>
      </c>
      <c r="AR17" s="61">
        <v>1</v>
      </c>
      <c r="AS17" s="62">
        <v>14</v>
      </c>
      <c r="AT17" s="63">
        <v>24</v>
      </c>
      <c r="AU17" s="60">
        <v>10</v>
      </c>
      <c r="AV17" s="61">
        <v>10</v>
      </c>
      <c r="AW17" s="62">
        <v>20</v>
      </c>
      <c r="AX17" s="228"/>
      <c r="AY17" s="61">
        <v>17</v>
      </c>
      <c r="AZ17" s="61">
        <v>8</v>
      </c>
      <c r="BA17" s="61">
        <v>8</v>
      </c>
      <c r="BB17" s="61">
        <v>7</v>
      </c>
      <c r="BC17" s="61">
        <v>7</v>
      </c>
      <c r="BD17" s="62">
        <v>47</v>
      </c>
      <c r="BE17" s="63">
        <v>67</v>
      </c>
      <c r="BF17" s="60">
        <v>14</v>
      </c>
      <c r="BG17" s="61">
        <v>15</v>
      </c>
      <c r="BH17" s="62">
        <v>29</v>
      </c>
      <c r="BI17" s="228"/>
      <c r="BJ17" s="61">
        <v>17</v>
      </c>
      <c r="BK17" s="61">
        <v>20</v>
      </c>
      <c r="BL17" s="61">
        <v>9</v>
      </c>
      <c r="BM17" s="61">
        <v>6</v>
      </c>
      <c r="BN17" s="61">
        <v>7</v>
      </c>
      <c r="BO17" s="62">
        <v>59</v>
      </c>
      <c r="BP17" s="63">
        <v>88</v>
      </c>
      <c r="BQ17" s="60">
        <v>15</v>
      </c>
      <c r="BR17" s="61">
        <v>12</v>
      </c>
      <c r="BS17" s="62">
        <v>27</v>
      </c>
      <c r="BT17" s="228"/>
      <c r="BU17" s="61">
        <v>16</v>
      </c>
      <c r="BV17" s="61">
        <v>22</v>
      </c>
      <c r="BW17" s="61">
        <v>11</v>
      </c>
      <c r="BX17" s="61">
        <v>7</v>
      </c>
      <c r="BY17" s="61">
        <v>5</v>
      </c>
      <c r="BZ17" s="62">
        <v>61</v>
      </c>
      <c r="CA17" s="63">
        <v>88</v>
      </c>
      <c r="CB17" s="60">
        <v>0</v>
      </c>
      <c r="CC17" s="61">
        <v>0</v>
      </c>
      <c r="CD17" s="62">
        <v>0</v>
      </c>
      <c r="CE17" s="228"/>
      <c r="CF17" s="61">
        <v>0</v>
      </c>
      <c r="CG17" s="61">
        <v>0</v>
      </c>
      <c r="CH17" s="61">
        <v>0</v>
      </c>
      <c r="CI17" s="61">
        <v>0</v>
      </c>
      <c r="CJ17" s="61">
        <v>0</v>
      </c>
      <c r="CK17" s="62">
        <v>0</v>
      </c>
      <c r="CL17" s="63">
        <v>0</v>
      </c>
      <c r="CM17" s="60">
        <v>51</v>
      </c>
      <c r="CN17" s="61">
        <v>42</v>
      </c>
      <c r="CO17" s="62">
        <v>93</v>
      </c>
      <c r="CP17" s="228"/>
      <c r="CQ17" s="61">
        <v>62</v>
      </c>
      <c r="CR17" s="61">
        <v>56</v>
      </c>
      <c r="CS17" s="61">
        <v>31</v>
      </c>
      <c r="CT17" s="61">
        <v>23</v>
      </c>
      <c r="CU17" s="61">
        <v>20</v>
      </c>
      <c r="CV17" s="62">
        <v>192</v>
      </c>
      <c r="CW17" s="63">
        <v>285</v>
      </c>
      <c r="CX17" s="113">
        <v>15</v>
      </c>
      <c r="CY17" s="72">
        <v>19</v>
      </c>
      <c r="CZ17" s="73">
        <v>34</v>
      </c>
      <c r="DA17" s="228"/>
      <c r="DB17" s="72">
        <v>32</v>
      </c>
      <c r="DC17" s="72">
        <v>16</v>
      </c>
      <c r="DD17" s="72">
        <v>8</v>
      </c>
      <c r="DE17" s="72">
        <v>12</v>
      </c>
      <c r="DF17" s="72">
        <v>16</v>
      </c>
      <c r="DG17" s="74">
        <v>84</v>
      </c>
      <c r="DH17" s="75">
        <v>118</v>
      </c>
      <c r="DI17" s="60">
        <v>1</v>
      </c>
      <c r="DJ17" s="61">
        <v>2</v>
      </c>
      <c r="DK17" s="62">
        <v>3</v>
      </c>
      <c r="DL17" s="228"/>
      <c r="DM17" s="61">
        <v>0</v>
      </c>
      <c r="DN17" s="61">
        <v>0</v>
      </c>
      <c r="DO17" s="61">
        <v>0</v>
      </c>
      <c r="DP17" s="61">
        <v>1</v>
      </c>
      <c r="DQ17" s="61">
        <v>0</v>
      </c>
      <c r="DR17" s="62">
        <v>1</v>
      </c>
      <c r="DS17" s="63">
        <v>4</v>
      </c>
      <c r="DT17" s="60">
        <v>1</v>
      </c>
      <c r="DU17" s="61">
        <v>0</v>
      </c>
      <c r="DV17" s="62">
        <v>1</v>
      </c>
      <c r="DW17" s="228"/>
      <c r="DX17" s="61">
        <v>4</v>
      </c>
      <c r="DY17" s="61">
        <v>0</v>
      </c>
      <c r="DZ17" s="61">
        <v>1</v>
      </c>
      <c r="EA17" s="61">
        <v>0</v>
      </c>
      <c r="EB17" s="61">
        <v>1</v>
      </c>
      <c r="EC17" s="62">
        <v>6</v>
      </c>
      <c r="ED17" s="63">
        <v>7</v>
      </c>
      <c r="EE17" s="60">
        <v>1</v>
      </c>
      <c r="EF17" s="61">
        <v>0</v>
      </c>
      <c r="EG17" s="62">
        <v>1</v>
      </c>
      <c r="EH17" s="228"/>
      <c r="EI17" s="61">
        <v>7</v>
      </c>
      <c r="EJ17" s="61">
        <v>1</v>
      </c>
      <c r="EK17" s="61">
        <v>0</v>
      </c>
      <c r="EL17" s="61">
        <v>0</v>
      </c>
      <c r="EM17" s="61">
        <v>1</v>
      </c>
      <c r="EN17" s="62">
        <v>9</v>
      </c>
      <c r="EO17" s="63">
        <v>10</v>
      </c>
      <c r="EP17" s="60">
        <v>5</v>
      </c>
      <c r="EQ17" s="61">
        <v>6</v>
      </c>
      <c r="ER17" s="62">
        <v>11</v>
      </c>
      <c r="ES17" s="228"/>
      <c r="ET17" s="61">
        <v>3</v>
      </c>
      <c r="EU17" s="61">
        <v>3</v>
      </c>
      <c r="EV17" s="61">
        <v>1</v>
      </c>
      <c r="EW17" s="61">
        <v>1</v>
      </c>
      <c r="EX17" s="61">
        <v>2</v>
      </c>
      <c r="EY17" s="62">
        <v>10</v>
      </c>
      <c r="EZ17" s="63">
        <v>21</v>
      </c>
      <c r="FA17" s="60">
        <v>4</v>
      </c>
      <c r="FB17" s="61">
        <v>5</v>
      </c>
      <c r="FC17" s="62">
        <v>9</v>
      </c>
      <c r="FD17" s="228"/>
      <c r="FE17" s="61">
        <v>10</v>
      </c>
      <c r="FF17" s="61">
        <v>6</v>
      </c>
      <c r="FG17" s="61">
        <v>1</v>
      </c>
      <c r="FH17" s="61">
        <v>2</v>
      </c>
      <c r="FI17" s="61">
        <v>4</v>
      </c>
      <c r="FJ17" s="62">
        <v>23</v>
      </c>
      <c r="FK17" s="63">
        <v>32</v>
      </c>
      <c r="FL17" s="60">
        <v>3</v>
      </c>
      <c r="FM17" s="61">
        <v>6</v>
      </c>
      <c r="FN17" s="62">
        <v>9</v>
      </c>
      <c r="FO17" s="228"/>
      <c r="FP17" s="61">
        <v>8</v>
      </c>
      <c r="FQ17" s="61">
        <v>6</v>
      </c>
      <c r="FR17" s="61">
        <v>5</v>
      </c>
      <c r="FS17" s="61">
        <v>8</v>
      </c>
      <c r="FT17" s="61">
        <v>8</v>
      </c>
      <c r="FU17" s="62">
        <v>35</v>
      </c>
      <c r="FV17" s="63">
        <v>44</v>
      </c>
      <c r="FW17" s="60">
        <v>0</v>
      </c>
      <c r="FX17" s="61">
        <v>0</v>
      </c>
      <c r="FY17" s="62">
        <v>0</v>
      </c>
      <c r="FZ17" s="228"/>
      <c r="GA17" s="61">
        <v>0</v>
      </c>
      <c r="GB17" s="61">
        <v>0</v>
      </c>
      <c r="GC17" s="61">
        <v>0</v>
      </c>
      <c r="GD17" s="61">
        <v>0</v>
      </c>
      <c r="GE17" s="61">
        <v>0</v>
      </c>
      <c r="GF17" s="62">
        <v>0</v>
      </c>
      <c r="GG17" s="63">
        <v>0</v>
      </c>
      <c r="GH17" s="60">
        <v>15</v>
      </c>
      <c r="GI17" s="61">
        <v>19</v>
      </c>
      <c r="GJ17" s="62">
        <v>34</v>
      </c>
      <c r="GK17" s="228"/>
      <c r="GL17" s="61">
        <v>32</v>
      </c>
      <c r="GM17" s="61">
        <v>16</v>
      </c>
      <c r="GN17" s="61">
        <v>8</v>
      </c>
      <c r="GO17" s="61">
        <v>12</v>
      </c>
      <c r="GP17" s="61">
        <v>16</v>
      </c>
      <c r="GQ17" s="62">
        <v>84</v>
      </c>
      <c r="GR17" s="63">
        <v>118</v>
      </c>
      <c r="GS17" s="113">
        <v>66</v>
      </c>
      <c r="GT17" s="72">
        <v>61</v>
      </c>
      <c r="GU17" s="73">
        <v>127</v>
      </c>
      <c r="GV17" s="228"/>
      <c r="GW17" s="72">
        <v>94</v>
      </c>
      <c r="GX17" s="72">
        <v>72</v>
      </c>
      <c r="GY17" s="72">
        <v>39</v>
      </c>
      <c r="GZ17" s="72">
        <v>35</v>
      </c>
      <c r="HA17" s="72">
        <v>36</v>
      </c>
      <c r="HB17" s="74">
        <v>276</v>
      </c>
      <c r="HC17" s="75">
        <v>403</v>
      </c>
      <c r="HD17" s="60">
        <v>2</v>
      </c>
      <c r="HE17" s="61">
        <v>4</v>
      </c>
      <c r="HF17" s="62">
        <v>6</v>
      </c>
      <c r="HG17" s="228"/>
      <c r="HH17" s="61">
        <v>0</v>
      </c>
      <c r="HI17" s="61">
        <v>1</v>
      </c>
      <c r="HJ17" s="61">
        <v>1</v>
      </c>
      <c r="HK17" s="61">
        <v>2</v>
      </c>
      <c r="HL17" s="61">
        <v>0</v>
      </c>
      <c r="HM17" s="62">
        <v>4</v>
      </c>
      <c r="HN17" s="63">
        <v>10</v>
      </c>
      <c r="HO17" s="60">
        <v>4</v>
      </c>
      <c r="HP17" s="61">
        <v>1</v>
      </c>
      <c r="HQ17" s="62">
        <v>5</v>
      </c>
      <c r="HR17" s="228"/>
      <c r="HS17" s="61">
        <v>9</v>
      </c>
      <c r="HT17" s="61">
        <v>2</v>
      </c>
      <c r="HU17" s="61">
        <v>1</v>
      </c>
      <c r="HV17" s="61">
        <v>1</v>
      </c>
      <c r="HW17" s="61">
        <v>1</v>
      </c>
      <c r="HX17" s="62">
        <v>14</v>
      </c>
      <c r="HY17" s="63">
        <v>19</v>
      </c>
      <c r="HZ17" s="60">
        <v>9</v>
      </c>
      <c r="IA17" s="61">
        <v>2</v>
      </c>
      <c r="IB17" s="62">
        <v>11</v>
      </c>
      <c r="IC17" s="228"/>
      <c r="ID17" s="61">
        <v>14</v>
      </c>
      <c r="IE17" s="61">
        <v>4</v>
      </c>
      <c r="IF17" s="61">
        <v>2</v>
      </c>
      <c r="IG17" s="61">
        <v>1</v>
      </c>
      <c r="IH17" s="61">
        <v>2</v>
      </c>
      <c r="II17" s="62">
        <v>23</v>
      </c>
      <c r="IJ17" s="63">
        <v>34</v>
      </c>
      <c r="IK17" s="60">
        <v>15</v>
      </c>
      <c r="IL17" s="61">
        <v>16</v>
      </c>
      <c r="IM17" s="62">
        <v>31</v>
      </c>
      <c r="IN17" s="228"/>
      <c r="IO17" s="61">
        <v>20</v>
      </c>
      <c r="IP17" s="61">
        <v>11</v>
      </c>
      <c r="IQ17" s="61">
        <v>9</v>
      </c>
      <c r="IR17" s="61">
        <v>8</v>
      </c>
      <c r="IS17" s="61">
        <v>9</v>
      </c>
      <c r="IT17" s="62">
        <v>57</v>
      </c>
      <c r="IU17" s="63">
        <v>88</v>
      </c>
      <c r="IV17" s="60">
        <v>18</v>
      </c>
      <c r="IW17" s="61">
        <v>20</v>
      </c>
      <c r="IX17" s="62">
        <v>38</v>
      </c>
      <c r="IY17" s="228"/>
      <c r="IZ17" s="61">
        <v>27</v>
      </c>
      <c r="JA17" s="61">
        <v>26</v>
      </c>
      <c r="JB17" s="61">
        <v>10</v>
      </c>
      <c r="JC17" s="61">
        <v>8</v>
      </c>
      <c r="JD17" s="61">
        <v>11</v>
      </c>
      <c r="JE17" s="62">
        <v>82</v>
      </c>
      <c r="JF17" s="63">
        <v>120</v>
      </c>
      <c r="JG17" s="60">
        <v>18</v>
      </c>
      <c r="JH17" s="61">
        <v>18</v>
      </c>
      <c r="JI17" s="62">
        <v>36</v>
      </c>
      <c r="JJ17" s="228"/>
      <c r="JK17" s="61">
        <v>24</v>
      </c>
      <c r="JL17" s="61">
        <v>28</v>
      </c>
      <c r="JM17" s="61">
        <v>16</v>
      </c>
      <c r="JN17" s="61">
        <v>15</v>
      </c>
      <c r="JO17" s="61">
        <v>13</v>
      </c>
      <c r="JP17" s="62">
        <v>96</v>
      </c>
      <c r="JQ17" s="63">
        <v>132</v>
      </c>
      <c r="JR17" s="60">
        <v>0</v>
      </c>
      <c r="JS17" s="61">
        <v>0</v>
      </c>
      <c r="JT17" s="62">
        <v>0</v>
      </c>
      <c r="JU17" s="228"/>
      <c r="JV17" s="61">
        <v>0</v>
      </c>
      <c r="JW17" s="61">
        <v>0</v>
      </c>
      <c r="JX17" s="61">
        <v>0</v>
      </c>
      <c r="JY17" s="61">
        <v>0</v>
      </c>
      <c r="JZ17" s="61">
        <v>0</v>
      </c>
      <c r="KA17" s="62">
        <v>0</v>
      </c>
      <c r="KB17" s="63">
        <v>0</v>
      </c>
      <c r="KC17" s="60">
        <v>66</v>
      </c>
      <c r="KD17" s="61">
        <v>61</v>
      </c>
      <c r="KE17" s="62">
        <v>127</v>
      </c>
      <c r="KF17" s="228"/>
      <c r="KG17" s="61">
        <v>94</v>
      </c>
      <c r="KH17" s="61">
        <v>72</v>
      </c>
      <c r="KI17" s="61">
        <v>39</v>
      </c>
      <c r="KJ17" s="61">
        <v>35</v>
      </c>
      <c r="KK17" s="61">
        <v>36</v>
      </c>
      <c r="KL17" s="62">
        <v>276</v>
      </c>
      <c r="KM17" s="63">
        <v>403</v>
      </c>
    </row>
    <row r="18" spans="2:299" ht="21" customHeight="1" x14ac:dyDescent="0.2">
      <c r="B18" s="472" t="s">
        <v>15</v>
      </c>
      <c r="C18" s="293">
        <v>10</v>
      </c>
      <c r="D18" s="72">
        <v>8</v>
      </c>
      <c r="E18" s="73">
        <v>18</v>
      </c>
      <c r="F18" s="228"/>
      <c r="G18" s="72">
        <v>15</v>
      </c>
      <c r="H18" s="72">
        <v>15</v>
      </c>
      <c r="I18" s="72">
        <v>7</v>
      </c>
      <c r="J18" s="72">
        <v>7</v>
      </c>
      <c r="K18" s="72">
        <v>5</v>
      </c>
      <c r="L18" s="74">
        <v>49</v>
      </c>
      <c r="M18" s="75">
        <v>67</v>
      </c>
      <c r="N18" s="60">
        <v>2</v>
      </c>
      <c r="O18" s="61">
        <v>1</v>
      </c>
      <c r="P18" s="62">
        <v>3</v>
      </c>
      <c r="Q18" s="228"/>
      <c r="R18" s="61">
        <v>0</v>
      </c>
      <c r="S18" s="61">
        <v>0</v>
      </c>
      <c r="T18" s="61">
        <v>0</v>
      </c>
      <c r="U18" s="61">
        <v>1</v>
      </c>
      <c r="V18" s="61">
        <v>1</v>
      </c>
      <c r="W18" s="62">
        <v>2</v>
      </c>
      <c r="X18" s="63">
        <v>5</v>
      </c>
      <c r="Y18" s="60">
        <v>2</v>
      </c>
      <c r="Z18" s="61">
        <v>0</v>
      </c>
      <c r="AA18" s="62">
        <v>2</v>
      </c>
      <c r="AB18" s="228"/>
      <c r="AC18" s="61">
        <v>2</v>
      </c>
      <c r="AD18" s="61">
        <v>1</v>
      </c>
      <c r="AE18" s="61">
        <v>0</v>
      </c>
      <c r="AF18" s="61">
        <v>1</v>
      </c>
      <c r="AG18" s="61">
        <v>1</v>
      </c>
      <c r="AH18" s="62">
        <v>5</v>
      </c>
      <c r="AI18" s="63">
        <v>7</v>
      </c>
      <c r="AJ18" s="60">
        <v>0</v>
      </c>
      <c r="AK18" s="61">
        <v>0</v>
      </c>
      <c r="AL18" s="62">
        <v>0</v>
      </c>
      <c r="AM18" s="228"/>
      <c r="AN18" s="61">
        <v>2</v>
      </c>
      <c r="AO18" s="61">
        <v>5</v>
      </c>
      <c r="AP18" s="61">
        <v>1</v>
      </c>
      <c r="AQ18" s="61">
        <v>1</v>
      </c>
      <c r="AR18" s="61">
        <v>1</v>
      </c>
      <c r="AS18" s="62">
        <v>10</v>
      </c>
      <c r="AT18" s="63">
        <v>10</v>
      </c>
      <c r="AU18" s="60">
        <v>0</v>
      </c>
      <c r="AV18" s="61">
        <v>4</v>
      </c>
      <c r="AW18" s="62">
        <v>4</v>
      </c>
      <c r="AX18" s="228"/>
      <c r="AY18" s="61">
        <v>6</v>
      </c>
      <c r="AZ18" s="61">
        <v>1</v>
      </c>
      <c r="BA18" s="61">
        <v>1</v>
      </c>
      <c r="BB18" s="61">
        <v>0</v>
      </c>
      <c r="BC18" s="61">
        <v>1</v>
      </c>
      <c r="BD18" s="62">
        <v>9</v>
      </c>
      <c r="BE18" s="63">
        <v>13</v>
      </c>
      <c r="BF18" s="60">
        <v>2</v>
      </c>
      <c r="BG18" s="61">
        <v>3</v>
      </c>
      <c r="BH18" s="62">
        <v>5</v>
      </c>
      <c r="BI18" s="228"/>
      <c r="BJ18" s="61">
        <v>3</v>
      </c>
      <c r="BK18" s="61">
        <v>4</v>
      </c>
      <c r="BL18" s="61">
        <v>3</v>
      </c>
      <c r="BM18" s="61">
        <v>4</v>
      </c>
      <c r="BN18" s="61">
        <v>0</v>
      </c>
      <c r="BO18" s="62">
        <v>14</v>
      </c>
      <c r="BP18" s="63">
        <v>19</v>
      </c>
      <c r="BQ18" s="60">
        <v>4</v>
      </c>
      <c r="BR18" s="61">
        <v>0</v>
      </c>
      <c r="BS18" s="62">
        <v>4</v>
      </c>
      <c r="BT18" s="228"/>
      <c r="BU18" s="61">
        <v>2</v>
      </c>
      <c r="BV18" s="61">
        <v>4</v>
      </c>
      <c r="BW18" s="61">
        <v>2</v>
      </c>
      <c r="BX18" s="61">
        <v>0</v>
      </c>
      <c r="BY18" s="61">
        <v>1</v>
      </c>
      <c r="BZ18" s="62">
        <v>9</v>
      </c>
      <c r="CA18" s="63">
        <v>13</v>
      </c>
      <c r="CB18" s="60">
        <v>0</v>
      </c>
      <c r="CC18" s="61">
        <v>0</v>
      </c>
      <c r="CD18" s="62">
        <v>0</v>
      </c>
      <c r="CE18" s="228"/>
      <c r="CF18" s="61">
        <v>0</v>
      </c>
      <c r="CG18" s="61">
        <v>0</v>
      </c>
      <c r="CH18" s="61">
        <v>0</v>
      </c>
      <c r="CI18" s="61">
        <v>0</v>
      </c>
      <c r="CJ18" s="61">
        <v>0</v>
      </c>
      <c r="CK18" s="62">
        <v>0</v>
      </c>
      <c r="CL18" s="63">
        <v>0</v>
      </c>
      <c r="CM18" s="60">
        <v>10</v>
      </c>
      <c r="CN18" s="61">
        <v>8</v>
      </c>
      <c r="CO18" s="62">
        <v>18</v>
      </c>
      <c r="CP18" s="228"/>
      <c r="CQ18" s="61">
        <v>15</v>
      </c>
      <c r="CR18" s="61">
        <v>15</v>
      </c>
      <c r="CS18" s="61">
        <v>7</v>
      </c>
      <c r="CT18" s="61">
        <v>7</v>
      </c>
      <c r="CU18" s="61">
        <v>5</v>
      </c>
      <c r="CV18" s="62">
        <v>49</v>
      </c>
      <c r="CW18" s="63">
        <v>67</v>
      </c>
      <c r="CX18" s="113">
        <v>5</v>
      </c>
      <c r="CY18" s="72">
        <v>7</v>
      </c>
      <c r="CZ18" s="73">
        <v>12</v>
      </c>
      <c r="DA18" s="228"/>
      <c r="DB18" s="72">
        <v>6</v>
      </c>
      <c r="DC18" s="72">
        <v>10</v>
      </c>
      <c r="DD18" s="72">
        <v>5</v>
      </c>
      <c r="DE18" s="72">
        <v>4</v>
      </c>
      <c r="DF18" s="72">
        <v>1</v>
      </c>
      <c r="DG18" s="74">
        <v>26</v>
      </c>
      <c r="DH18" s="75">
        <v>38</v>
      </c>
      <c r="DI18" s="60">
        <v>1</v>
      </c>
      <c r="DJ18" s="61">
        <v>0</v>
      </c>
      <c r="DK18" s="62">
        <v>1</v>
      </c>
      <c r="DL18" s="228"/>
      <c r="DM18" s="61">
        <v>0</v>
      </c>
      <c r="DN18" s="61">
        <v>0</v>
      </c>
      <c r="DO18" s="61">
        <v>0</v>
      </c>
      <c r="DP18" s="61">
        <v>0</v>
      </c>
      <c r="DQ18" s="61">
        <v>0</v>
      </c>
      <c r="DR18" s="62">
        <v>0</v>
      </c>
      <c r="DS18" s="63">
        <v>1</v>
      </c>
      <c r="DT18" s="60">
        <v>1</v>
      </c>
      <c r="DU18" s="61">
        <v>0</v>
      </c>
      <c r="DV18" s="62">
        <v>1</v>
      </c>
      <c r="DW18" s="228"/>
      <c r="DX18" s="61">
        <v>0</v>
      </c>
      <c r="DY18" s="61">
        <v>0</v>
      </c>
      <c r="DZ18" s="61">
        <v>0</v>
      </c>
      <c r="EA18" s="61">
        <v>0</v>
      </c>
      <c r="EB18" s="61">
        <v>0</v>
      </c>
      <c r="EC18" s="62">
        <v>0</v>
      </c>
      <c r="ED18" s="63">
        <v>1</v>
      </c>
      <c r="EE18" s="60">
        <v>1</v>
      </c>
      <c r="EF18" s="61">
        <v>2</v>
      </c>
      <c r="EG18" s="62">
        <v>3</v>
      </c>
      <c r="EH18" s="228"/>
      <c r="EI18" s="61">
        <v>1</v>
      </c>
      <c r="EJ18" s="61">
        <v>0</v>
      </c>
      <c r="EK18" s="61">
        <v>0</v>
      </c>
      <c r="EL18" s="61">
        <v>0</v>
      </c>
      <c r="EM18" s="61">
        <v>1</v>
      </c>
      <c r="EN18" s="62">
        <v>2</v>
      </c>
      <c r="EO18" s="63">
        <v>5</v>
      </c>
      <c r="EP18" s="60">
        <v>0</v>
      </c>
      <c r="EQ18" s="61">
        <v>3</v>
      </c>
      <c r="ER18" s="62">
        <v>3</v>
      </c>
      <c r="ES18" s="228"/>
      <c r="ET18" s="61">
        <v>1</v>
      </c>
      <c r="EU18" s="61">
        <v>0</v>
      </c>
      <c r="EV18" s="61">
        <v>0</v>
      </c>
      <c r="EW18" s="61">
        <v>0</v>
      </c>
      <c r="EX18" s="61">
        <v>0</v>
      </c>
      <c r="EY18" s="62">
        <v>1</v>
      </c>
      <c r="EZ18" s="63">
        <v>4</v>
      </c>
      <c r="FA18" s="60">
        <v>0</v>
      </c>
      <c r="FB18" s="61">
        <v>1</v>
      </c>
      <c r="FC18" s="62">
        <v>1</v>
      </c>
      <c r="FD18" s="228"/>
      <c r="FE18" s="61">
        <v>3</v>
      </c>
      <c r="FF18" s="61">
        <v>3</v>
      </c>
      <c r="FG18" s="61">
        <v>2</v>
      </c>
      <c r="FH18" s="61">
        <v>1</v>
      </c>
      <c r="FI18" s="61">
        <v>0</v>
      </c>
      <c r="FJ18" s="62">
        <v>9</v>
      </c>
      <c r="FK18" s="63">
        <v>10</v>
      </c>
      <c r="FL18" s="60">
        <v>2</v>
      </c>
      <c r="FM18" s="61">
        <v>1</v>
      </c>
      <c r="FN18" s="62">
        <v>3</v>
      </c>
      <c r="FO18" s="228"/>
      <c r="FP18" s="61">
        <v>1</v>
      </c>
      <c r="FQ18" s="61">
        <v>7</v>
      </c>
      <c r="FR18" s="61">
        <v>3</v>
      </c>
      <c r="FS18" s="61">
        <v>3</v>
      </c>
      <c r="FT18" s="61">
        <v>0</v>
      </c>
      <c r="FU18" s="62">
        <v>14</v>
      </c>
      <c r="FV18" s="63">
        <v>17</v>
      </c>
      <c r="FW18" s="60">
        <v>0</v>
      </c>
      <c r="FX18" s="61">
        <v>0</v>
      </c>
      <c r="FY18" s="62">
        <v>0</v>
      </c>
      <c r="FZ18" s="228"/>
      <c r="GA18" s="61">
        <v>0</v>
      </c>
      <c r="GB18" s="61">
        <v>0</v>
      </c>
      <c r="GC18" s="61">
        <v>0</v>
      </c>
      <c r="GD18" s="61">
        <v>0</v>
      </c>
      <c r="GE18" s="61">
        <v>0</v>
      </c>
      <c r="GF18" s="62">
        <v>0</v>
      </c>
      <c r="GG18" s="63">
        <v>0</v>
      </c>
      <c r="GH18" s="60">
        <v>5</v>
      </c>
      <c r="GI18" s="61">
        <v>7</v>
      </c>
      <c r="GJ18" s="62">
        <v>12</v>
      </c>
      <c r="GK18" s="228"/>
      <c r="GL18" s="61">
        <v>6</v>
      </c>
      <c r="GM18" s="61">
        <v>10</v>
      </c>
      <c r="GN18" s="61">
        <v>5</v>
      </c>
      <c r="GO18" s="61">
        <v>4</v>
      </c>
      <c r="GP18" s="61">
        <v>1</v>
      </c>
      <c r="GQ18" s="62">
        <v>26</v>
      </c>
      <c r="GR18" s="63">
        <v>38</v>
      </c>
      <c r="GS18" s="113">
        <v>15</v>
      </c>
      <c r="GT18" s="72">
        <v>15</v>
      </c>
      <c r="GU18" s="73">
        <v>30</v>
      </c>
      <c r="GV18" s="228"/>
      <c r="GW18" s="72">
        <v>21</v>
      </c>
      <c r="GX18" s="72">
        <v>25</v>
      </c>
      <c r="GY18" s="72">
        <v>12</v>
      </c>
      <c r="GZ18" s="72">
        <v>11</v>
      </c>
      <c r="HA18" s="72">
        <v>6</v>
      </c>
      <c r="HB18" s="74">
        <v>75</v>
      </c>
      <c r="HC18" s="75">
        <v>105</v>
      </c>
      <c r="HD18" s="60">
        <v>3</v>
      </c>
      <c r="HE18" s="61">
        <v>1</v>
      </c>
      <c r="HF18" s="62">
        <v>4</v>
      </c>
      <c r="HG18" s="228"/>
      <c r="HH18" s="61">
        <v>0</v>
      </c>
      <c r="HI18" s="61">
        <v>0</v>
      </c>
      <c r="HJ18" s="61">
        <v>0</v>
      </c>
      <c r="HK18" s="61">
        <v>1</v>
      </c>
      <c r="HL18" s="61">
        <v>1</v>
      </c>
      <c r="HM18" s="62">
        <v>2</v>
      </c>
      <c r="HN18" s="63">
        <v>6</v>
      </c>
      <c r="HO18" s="60">
        <v>3</v>
      </c>
      <c r="HP18" s="61">
        <v>0</v>
      </c>
      <c r="HQ18" s="62">
        <v>3</v>
      </c>
      <c r="HR18" s="228"/>
      <c r="HS18" s="61">
        <v>2</v>
      </c>
      <c r="HT18" s="61">
        <v>1</v>
      </c>
      <c r="HU18" s="61">
        <v>0</v>
      </c>
      <c r="HV18" s="61">
        <v>1</v>
      </c>
      <c r="HW18" s="61">
        <v>1</v>
      </c>
      <c r="HX18" s="62">
        <v>5</v>
      </c>
      <c r="HY18" s="63">
        <v>8</v>
      </c>
      <c r="HZ18" s="60">
        <v>1</v>
      </c>
      <c r="IA18" s="61">
        <v>2</v>
      </c>
      <c r="IB18" s="62">
        <v>3</v>
      </c>
      <c r="IC18" s="228"/>
      <c r="ID18" s="61">
        <v>3</v>
      </c>
      <c r="IE18" s="61">
        <v>5</v>
      </c>
      <c r="IF18" s="61">
        <v>1</v>
      </c>
      <c r="IG18" s="61">
        <v>1</v>
      </c>
      <c r="IH18" s="61">
        <v>2</v>
      </c>
      <c r="II18" s="62">
        <v>12</v>
      </c>
      <c r="IJ18" s="63">
        <v>15</v>
      </c>
      <c r="IK18" s="60">
        <v>0</v>
      </c>
      <c r="IL18" s="61">
        <v>7</v>
      </c>
      <c r="IM18" s="62">
        <v>7</v>
      </c>
      <c r="IN18" s="228"/>
      <c r="IO18" s="61">
        <v>7</v>
      </c>
      <c r="IP18" s="61">
        <v>1</v>
      </c>
      <c r="IQ18" s="61">
        <v>1</v>
      </c>
      <c r="IR18" s="61">
        <v>0</v>
      </c>
      <c r="IS18" s="61">
        <v>1</v>
      </c>
      <c r="IT18" s="62">
        <v>10</v>
      </c>
      <c r="IU18" s="63">
        <v>17</v>
      </c>
      <c r="IV18" s="60">
        <v>2</v>
      </c>
      <c r="IW18" s="61">
        <v>4</v>
      </c>
      <c r="IX18" s="62">
        <v>6</v>
      </c>
      <c r="IY18" s="228"/>
      <c r="IZ18" s="61">
        <v>6</v>
      </c>
      <c r="JA18" s="61">
        <v>7</v>
      </c>
      <c r="JB18" s="61">
        <v>5</v>
      </c>
      <c r="JC18" s="61">
        <v>5</v>
      </c>
      <c r="JD18" s="61">
        <v>0</v>
      </c>
      <c r="JE18" s="62">
        <v>23</v>
      </c>
      <c r="JF18" s="63">
        <v>29</v>
      </c>
      <c r="JG18" s="60">
        <v>6</v>
      </c>
      <c r="JH18" s="61">
        <v>1</v>
      </c>
      <c r="JI18" s="62">
        <v>7</v>
      </c>
      <c r="JJ18" s="228"/>
      <c r="JK18" s="61">
        <v>3</v>
      </c>
      <c r="JL18" s="61">
        <v>11</v>
      </c>
      <c r="JM18" s="61">
        <v>5</v>
      </c>
      <c r="JN18" s="61">
        <v>3</v>
      </c>
      <c r="JO18" s="61">
        <v>1</v>
      </c>
      <c r="JP18" s="62">
        <v>23</v>
      </c>
      <c r="JQ18" s="63">
        <v>30</v>
      </c>
      <c r="JR18" s="60">
        <v>0</v>
      </c>
      <c r="JS18" s="61">
        <v>0</v>
      </c>
      <c r="JT18" s="62">
        <v>0</v>
      </c>
      <c r="JU18" s="228"/>
      <c r="JV18" s="61">
        <v>0</v>
      </c>
      <c r="JW18" s="61">
        <v>0</v>
      </c>
      <c r="JX18" s="61">
        <v>0</v>
      </c>
      <c r="JY18" s="61">
        <v>0</v>
      </c>
      <c r="JZ18" s="61">
        <v>0</v>
      </c>
      <c r="KA18" s="62">
        <v>0</v>
      </c>
      <c r="KB18" s="63">
        <v>0</v>
      </c>
      <c r="KC18" s="60">
        <v>15</v>
      </c>
      <c r="KD18" s="61">
        <v>15</v>
      </c>
      <c r="KE18" s="62">
        <v>30</v>
      </c>
      <c r="KF18" s="228"/>
      <c r="KG18" s="61">
        <v>21</v>
      </c>
      <c r="KH18" s="61">
        <v>25</v>
      </c>
      <c r="KI18" s="61">
        <v>12</v>
      </c>
      <c r="KJ18" s="61">
        <v>11</v>
      </c>
      <c r="KK18" s="61">
        <v>6</v>
      </c>
      <c r="KL18" s="62">
        <v>75</v>
      </c>
      <c r="KM18" s="63">
        <v>105</v>
      </c>
    </row>
    <row r="19" spans="2:299" ht="21" customHeight="1" x14ac:dyDescent="0.2">
      <c r="B19" s="472" t="s">
        <v>16</v>
      </c>
      <c r="C19" s="293">
        <v>23</v>
      </c>
      <c r="D19" s="72">
        <v>28</v>
      </c>
      <c r="E19" s="73">
        <v>51</v>
      </c>
      <c r="F19" s="228"/>
      <c r="G19" s="72">
        <v>60</v>
      </c>
      <c r="H19" s="72">
        <v>61</v>
      </c>
      <c r="I19" s="72">
        <v>43</v>
      </c>
      <c r="J19" s="72">
        <v>22</v>
      </c>
      <c r="K19" s="72">
        <v>21</v>
      </c>
      <c r="L19" s="74">
        <v>207</v>
      </c>
      <c r="M19" s="75">
        <v>258</v>
      </c>
      <c r="N19" s="60">
        <v>0</v>
      </c>
      <c r="O19" s="61">
        <v>1</v>
      </c>
      <c r="P19" s="62">
        <v>1</v>
      </c>
      <c r="Q19" s="228"/>
      <c r="R19" s="61">
        <v>0</v>
      </c>
      <c r="S19" s="61">
        <v>2</v>
      </c>
      <c r="T19" s="61">
        <v>1</v>
      </c>
      <c r="U19" s="61">
        <v>0</v>
      </c>
      <c r="V19" s="61">
        <v>3</v>
      </c>
      <c r="W19" s="62">
        <v>6</v>
      </c>
      <c r="X19" s="63">
        <v>7</v>
      </c>
      <c r="Y19" s="60">
        <v>0</v>
      </c>
      <c r="Z19" s="61">
        <v>5</v>
      </c>
      <c r="AA19" s="62">
        <v>5</v>
      </c>
      <c r="AB19" s="228"/>
      <c r="AC19" s="61">
        <v>4</v>
      </c>
      <c r="AD19" s="61">
        <v>7</v>
      </c>
      <c r="AE19" s="61">
        <v>4</v>
      </c>
      <c r="AF19" s="61">
        <v>1</v>
      </c>
      <c r="AG19" s="61">
        <v>2</v>
      </c>
      <c r="AH19" s="62">
        <v>18</v>
      </c>
      <c r="AI19" s="63">
        <v>23</v>
      </c>
      <c r="AJ19" s="60">
        <v>4</v>
      </c>
      <c r="AK19" s="61">
        <v>3</v>
      </c>
      <c r="AL19" s="62">
        <v>7</v>
      </c>
      <c r="AM19" s="228"/>
      <c r="AN19" s="61">
        <v>7</v>
      </c>
      <c r="AO19" s="61">
        <v>9</v>
      </c>
      <c r="AP19" s="61">
        <v>9</v>
      </c>
      <c r="AQ19" s="61">
        <v>4</v>
      </c>
      <c r="AR19" s="61">
        <v>4</v>
      </c>
      <c r="AS19" s="62">
        <v>33</v>
      </c>
      <c r="AT19" s="63">
        <v>40</v>
      </c>
      <c r="AU19" s="60">
        <v>8</v>
      </c>
      <c r="AV19" s="61">
        <v>6</v>
      </c>
      <c r="AW19" s="62">
        <v>14</v>
      </c>
      <c r="AX19" s="228"/>
      <c r="AY19" s="61">
        <v>20</v>
      </c>
      <c r="AZ19" s="61">
        <v>18</v>
      </c>
      <c r="BA19" s="61">
        <v>9</v>
      </c>
      <c r="BB19" s="61">
        <v>1</v>
      </c>
      <c r="BC19" s="61">
        <v>5</v>
      </c>
      <c r="BD19" s="62">
        <v>53</v>
      </c>
      <c r="BE19" s="63">
        <v>67</v>
      </c>
      <c r="BF19" s="60">
        <v>8</v>
      </c>
      <c r="BG19" s="61">
        <v>8</v>
      </c>
      <c r="BH19" s="62">
        <v>16</v>
      </c>
      <c r="BI19" s="228"/>
      <c r="BJ19" s="61">
        <v>18</v>
      </c>
      <c r="BK19" s="61">
        <v>13</v>
      </c>
      <c r="BL19" s="61">
        <v>11</v>
      </c>
      <c r="BM19" s="61">
        <v>8</v>
      </c>
      <c r="BN19" s="61">
        <v>6</v>
      </c>
      <c r="BO19" s="62">
        <v>56</v>
      </c>
      <c r="BP19" s="63">
        <v>72</v>
      </c>
      <c r="BQ19" s="60">
        <v>3</v>
      </c>
      <c r="BR19" s="61">
        <v>5</v>
      </c>
      <c r="BS19" s="62">
        <v>8</v>
      </c>
      <c r="BT19" s="228"/>
      <c r="BU19" s="61">
        <v>11</v>
      </c>
      <c r="BV19" s="61">
        <v>12</v>
      </c>
      <c r="BW19" s="61">
        <v>9</v>
      </c>
      <c r="BX19" s="61">
        <v>8</v>
      </c>
      <c r="BY19" s="61">
        <v>1</v>
      </c>
      <c r="BZ19" s="62">
        <v>41</v>
      </c>
      <c r="CA19" s="63">
        <v>49</v>
      </c>
      <c r="CB19" s="60">
        <v>0</v>
      </c>
      <c r="CC19" s="61">
        <v>0</v>
      </c>
      <c r="CD19" s="62">
        <v>0</v>
      </c>
      <c r="CE19" s="228"/>
      <c r="CF19" s="61">
        <v>0</v>
      </c>
      <c r="CG19" s="61">
        <v>0</v>
      </c>
      <c r="CH19" s="61">
        <v>0</v>
      </c>
      <c r="CI19" s="61">
        <v>0</v>
      </c>
      <c r="CJ19" s="61">
        <v>0</v>
      </c>
      <c r="CK19" s="62">
        <v>0</v>
      </c>
      <c r="CL19" s="63">
        <v>0</v>
      </c>
      <c r="CM19" s="60">
        <v>23</v>
      </c>
      <c r="CN19" s="61">
        <v>28</v>
      </c>
      <c r="CO19" s="62">
        <v>51</v>
      </c>
      <c r="CP19" s="228"/>
      <c r="CQ19" s="61">
        <v>60</v>
      </c>
      <c r="CR19" s="61">
        <v>61</v>
      </c>
      <c r="CS19" s="61">
        <v>43</v>
      </c>
      <c r="CT19" s="61">
        <v>22</v>
      </c>
      <c r="CU19" s="61">
        <v>21</v>
      </c>
      <c r="CV19" s="62">
        <v>207</v>
      </c>
      <c r="CW19" s="63">
        <v>258</v>
      </c>
      <c r="CX19" s="113">
        <v>12</v>
      </c>
      <c r="CY19" s="72">
        <v>17</v>
      </c>
      <c r="CZ19" s="73">
        <v>29</v>
      </c>
      <c r="DA19" s="228"/>
      <c r="DB19" s="72">
        <v>20</v>
      </c>
      <c r="DC19" s="72">
        <v>20</v>
      </c>
      <c r="DD19" s="72">
        <v>16</v>
      </c>
      <c r="DE19" s="72">
        <v>15</v>
      </c>
      <c r="DF19" s="72">
        <v>8</v>
      </c>
      <c r="DG19" s="74">
        <v>79</v>
      </c>
      <c r="DH19" s="75">
        <v>108</v>
      </c>
      <c r="DI19" s="60">
        <v>0</v>
      </c>
      <c r="DJ19" s="61">
        <v>1</v>
      </c>
      <c r="DK19" s="62">
        <v>1</v>
      </c>
      <c r="DL19" s="228"/>
      <c r="DM19" s="61">
        <v>1</v>
      </c>
      <c r="DN19" s="61">
        <v>0</v>
      </c>
      <c r="DO19" s="61">
        <v>1</v>
      </c>
      <c r="DP19" s="61">
        <v>0</v>
      </c>
      <c r="DQ19" s="61">
        <v>0</v>
      </c>
      <c r="DR19" s="62">
        <v>2</v>
      </c>
      <c r="DS19" s="63">
        <v>3</v>
      </c>
      <c r="DT19" s="60">
        <v>1</v>
      </c>
      <c r="DU19" s="61">
        <v>3</v>
      </c>
      <c r="DV19" s="62">
        <v>4</v>
      </c>
      <c r="DW19" s="228"/>
      <c r="DX19" s="61">
        <v>1</v>
      </c>
      <c r="DY19" s="61">
        <v>2</v>
      </c>
      <c r="DZ19" s="61">
        <v>0</v>
      </c>
      <c r="EA19" s="61">
        <v>0</v>
      </c>
      <c r="EB19" s="61">
        <v>1</v>
      </c>
      <c r="EC19" s="62">
        <v>4</v>
      </c>
      <c r="ED19" s="63">
        <v>8</v>
      </c>
      <c r="EE19" s="60">
        <v>3</v>
      </c>
      <c r="EF19" s="61">
        <v>2</v>
      </c>
      <c r="EG19" s="62">
        <v>5</v>
      </c>
      <c r="EH19" s="228"/>
      <c r="EI19" s="61">
        <v>0</v>
      </c>
      <c r="EJ19" s="61">
        <v>1</v>
      </c>
      <c r="EK19" s="61">
        <v>2</v>
      </c>
      <c r="EL19" s="61">
        <v>1</v>
      </c>
      <c r="EM19" s="61">
        <v>0</v>
      </c>
      <c r="EN19" s="62">
        <v>4</v>
      </c>
      <c r="EO19" s="63">
        <v>9</v>
      </c>
      <c r="EP19" s="60">
        <v>5</v>
      </c>
      <c r="EQ19" s="61">
        <v>3</v>
      </c>
      <c r="ER19" s="62">
        <v>8</v>
      </c>
      <c r="ES19" s="228"/>
      <c r="ET19" s="61">
        <v>5</v>
      </c>
      <c r="EU19" s="61">
        <v>4</v>
      </c>
      <c r="EV19" s="61">
        <v>1</v>
      </c>
      <c r="EW19" s="61">
        <v>0</v>
      </c>
      <c r="EX19" s="61">
        <v>1</v>
      </c>
      <c r="EY19" s="62">
        <v>11</v>
      </c>
      <c r="EZ19" s="63">
        <v>19</v>
      </c>
      <c r="FA19" s="60">
        <v>1</v>
      </c>
      <c r="FB19" s="61">
        <v>4</v>
      </c>
      <c r="FC19" s="62">
        <v>5</v>
      </c>
      <c r="FD19" s="228"/>
      <c r="FE19" s="61">
        <v>7</v>
      </c>
      <c r="FF19" s="61">
        <v>6</v>
      </c>
      <c r="FG19" s="61">
        <v>4</v>
      </c>
      <c r="FH19" s="61">
        <v>3</v>
      </c>
      <c r="FI19" s="61">
        <v>0</v>
      </c>
      <c r="FJ19" s="62">
        <v>20</v>
      </c>
      <c r="FK19" s="63">
        <v>25</v>
      </c>
      <c r="FL19" s="60">
        <v>2</v>
      </c>
      <c r="FM19" s="61">
        <v>4</v>
      </c>
      <c r="FN19" s="62">
        <v>6</v>
      </c>
      <c r="FO19" s="228"/>
      <c r="FP19" s="61">
        <v>6</v>
      </c>
      <c r="FQ19" s="61">
        <v>7</v>
      </c>
      <c r="FR19" s="61">
        <v>8</v>
      </c>
      <c r="FS19" s="61">
        <v>11</v>
      </c>
      <c r="FT19" s="61">
        <v>6</v>
      </c>
      <c r="FU19" s="62">
        <v>38</v>
      </c>
      <c r="FV19" s="63">
        <v>44</v>
      </c>
      <c r="FW19" s="60">
        <v>0</v>
      </c>
      <c r="FX19" s="61">
        <v>0</v>
      </c>
      <c r="FY19" s="62">
        <v>0</v>
      </c>
      <c r="FZ19" s="228"/>
      <c r="GA19" s="61">
        <v>0</v>
      </c>
      <c r="GB19" s="61">
        <v>0</v>
      </c>
      <c r="GC19" s="61">
        <v>0</v>
      </c>
      <c r="GD19" s="61">
        <v>0</v>
      </c>
      <c r="GE19" s="61">
        <v>0</v>
      </c>
      <c r="GF19" s="62">
        <v>0</v>
      </c>
      <c r="GG19" s="63">
        <v>0</v>
      </c>
      <c r="GH19" s="60">
        <v>12</v>
      </c>
      <c r="GI19" s="61">
        <v>17</v>
      </c>
      <c r="GJ19" s="62">
        <v>29</v>
      </c>
      <c r="GK19" s="228"/>
      <c r="GL19" s="61">
        <v>20</v>
      </c>
      <c r="GM19" s="61">
        <v>20</v>
      </c>
      <c r="GN19" s="61">
        <v>16</v>
      </c>
      <c r="GO19" s="61">
        <v>15</v>
      </c>
      <c r="GP19" s="61">
        <v>8</v>
      </c>
      <c r="GQ19" s="62">
        <v>79</v>
      </c>
      <c r="GR19" s="63">
        <v>108</v>
      </c>
      <c r="GS19" s="113">
        <v>35</v>
      </c>
      <c r="GT19" s="72">
        <v>45</v>
      </c>
      <c r="GU19" s="73">
        <v>80</v>
      </c>
      <c r="GV19" s="228"/>
      <c r="GW19" s="72">
        <v>80</v>
      </c>
      <c r="GX19" s="72">
        <v>81</v>
      </c>
      <c r="GY19" s="72">
        <v>59</v>
      </c>
      <c r="GZ19" s="72">
        <v>37</v>
      </c>
      <c r="HA19" s="72">
        <v>29</v>
      </c>
      <c r="HB19" s="74">
        <v>286</v>
      </c>
      <c r="HC19" s="75">
        <v>366</v>
      </c>
      <c r="HD19" s="60">
        <v>0</v>
      </c>
      <c r="HE19" s="61">
        <v>2</v>
      </c>
      <c r="HF19" s="62">
        <v>2</v>
      </c>
      <c r="HG19" s="228"/>
      <c r="HH19" s="61">
        <v>1</v>
      </c>
      <c r="HI19" s="61">
        <v>2</v>
      </c>
      <c r="HJ19" s="61">
        <v>2</v>
      </c>
      <c r="HK19" s="61">
        <v>0</v>
      </c>
      <c r="HL19" s="61">
        <v>3</v>
      </c>
      <c r="HM19" s="62">
        <v>8</v>
      </c>
      <c r="HN19" s="63">
        <v>10</v>
      </c>
      <c r="HO19" s="60">
        <v>1</v>
      </c>
      <c r="HP19" s="61">
        <v>8</v>
      </c>
      <c r="HQ19" s="62">
        <v>9</v>
      </c>
      <c r="HR19" s="228"/>
      <c r="HS19" s="61">
        <v>5</v>
      </c>
      <c r="HT19" s="61">
        <v>9</v>
      </c>
      <c r="HU19" s="61">
        <v>4</v>
      </c>
      <c r="HV19" s="61">
        <v>1</v>
      </c>
      <c r="HW19" s="61">
        <v>3</v>
      </c>
      <c r="HX19" s="62">
        <v>22</v>
      </c>
      <c r="HY19" s="63">
        <v>31</v>
      </c>
      <c r="HZ19" s="60">
        <v>7</v>
      </c>
      <c r="IA19" s="61">
        <v>5</v>
      </c>
      <c r="IB19" s="62">
        <v>12</v>
      </c>
      <c r="IC19" s="228"/>
      <c r="ID19" s="61">
        <v>7</v>
      </c>
      <c r="IE19" s="61">
        <v>10</v>
      </c>
      <c r="IF19" s="61">
        <v>11</v>
      </c>
      <c r="IG19" s="61">
        <v>5</v>
      </c>
      <c r="IH19" s="61">
        <v>4</v>
      </c>
      <c r="II19" s="62">
        <v>37</v>
      </c>
      <c r="IJ19" s="63">
        <v>49</v>
      </c>
      <c r="IK19" s="60">
        <v>13</v>
      </c>
      <c r="IL19" s="61">
        <v>9</v>
      </c>
      <c r="IM19" s="62">
        <v>22</v>
      </c>
      <c r="IN19" s="228"/>
      <c r="IO19" s="61">
        <v>25</v>
      </c>
      <c r="IP19" s="61">
        <v>22</v>
      </c>
      <c r="IQ19" s="61">
        <v>10</v>
      </c>
      <c r="IR19" s="61">
        <v>1</v>
      </c>
      <c r="IS19" s="61">
        <v>6</v>
      </c>
      <c r="IT19" s="62">
        <v>64</v>
      </c>
      <c r="IU19" s="63">
        <v>86</v>
      </c>
      <c r="IV19" s="60">
        <v>9</v>
      </c>
      <c r="IW19" s="61">
        <v>12</v>
      </c>
      <c r="IX19" s="62">
        <v>21</v>
      </c>
      <c r="IY19" s="228"/>
      <c r="IZ19" s="61">
        <v>25</v>
      </c>
      <c r="JA19" s="61">
        <v>19</v>
      </c>
      <c r="JB19" s="61">
        <v>15</v>
      </c>
      <c r="JC19" s="61">
        <v>11</v>
      </c>
      <c r="JD19" s="61">
        <v>6</v>
      </c>
      <c r="JE19" s="62">
        <v>76</v>
      </c>
      <c r="JF19" s="63">
        <v>97</v>
      </c>
      <c r="JG19" s="60">
        <v>5</v>
      </c>
      <c r="JH19" s="61">
        <v>9</v>
      </c>
      <c r="JI19" s="62">
        <v>14</v>
      </c>
      <c r="JJ19" s="228"/>
      <c r="JK19" s="61">
        <v>17</v>
      </c>
      <c r="JL19" s="61">
        <v>19</v>
      </c>
      <c r="JM19" s="61">
        <v>17</v>
      </c>
      <c r="JN19" s="61">
        <v>19</v>
      </c>
      <c r="JO19" s="61">
        <v>7</v>
      </c>
      <c r="JP19" s="62">
        <v>79</v>
      </c>
      <c r="JQ19" s="63">
        <v>93</v>
      </c>
      <c r="JR19" s="60">
        <v>0</v>
      </c>
      <c r="JS19" s="61">
        <v>0</v>
      </c>
      <c r="JT19" s="62">
        <v>0</v>
      </c>
      <c r="JU19" s="228"/>
      <c r="JV19" s="61">
        <v>0</v>
      </c>
      <c r="JW19" s="61">
        <v>0</v>
      </c>
      <c r="JX19" s="61">
        <v>0</v>
      </c>
      <c r="JY19" s="61">
        <v>0</v>
      </c>
      <c r="JZ19" s="61">
        <v>0</v>
      </c>
      <c r="KA19" s="62">
        <v>0</v>
      </c>
      <c r="KB19" s="63">
        <v>0</v>
      </c>
      <c r="KC19" s="60">
        <v>35</v>
      </c>
      <c r="KD19" s="61">
        <v>45</v>
      </c>
      <c r="KE19" s="62">
        <v>80</v>
      </c>
      <c r="KF19" s="228"/>
      <c r="KG19" s="61">
        <v>80</v>
      </c>
      <c r="KH19" s="61">
        <v>81</v>
      </c>
      <c r="KI19" s="61">
        <v>59</v>
      </c>
      <c r="KJ19" s="61">
        <v>37</v>
      </c>
      <c r="KK19" s="61">
        <v>29</v>
      </c>
      <c r="KL19" s="62">
        <v>286</v>
      </c>
      <c r="KM19" s="63">
        <v>366</v>
      </c>
    </row>
    <row r="20" spans="2:299" ht="21" customHeight="1" x14ac:dyDescent="0.2">
      <c r="B20" s="472" t="s">
        <v>17</v>
      </c>
      <c r="C20" s="293">
        <v>51</v>
      </c>
      <c r="D20" s="72">
        <v>52</v>
      </c>
      <c r="E20" s="73">
        <v>103</v>
      </c>
      <c r="F20" s="228"/>
      <c r="G20" s="72">
        <v>79</v>
      </c>
      <c r="H20" s="72">
        <v>87</v>
      </c>
      <c r="I20" s="72">
        <v>63</v>
      </c>
      <c r="J20" s="72">
        <v>48</v>
      </c>
      <c r="K20" s="72">
        <v>25</v>
      </c>
      <c r="L20" s="74">
        <v>302</v>
      </c>
      <c r="M20" s="75">
        <v>405</v>
      </c>
      <c r="N20" s="60">
        <v>3</v>
      </c>
      <c r="O20" s="61">
        <v>1</v>
      </c>
      <c r="P20" s="62">
        <v>4</v>
      </c>
      <c r="Q20" s="228"/>
      <c r="R20" s="61">
        <v>4</v>
      </c>
      <c r="S20" s="61">
        <v>4</v>
      </c>
      <c r="T20" s="61">
        <v>3</v>
      </c>
      <c r="U20" s="61">
        <v>3</v>
      </c>
      <c r="V20" s="61">
        <v>0</v>
      </c>
      <c r="W20" s="62">
        <v>14</v>
      </c>
      <c r="X20" s="63">
        <v>18</v>
      </c>
      <c r="Y20" s="60">
        <v>1</v>
      </c>
      <c r="Z20" s="61">
        <v>4</v>
      </c>
      <c r="AA20" s="62">
        <v>5</v>
      </c>
      <c r="AB20" s="228"/>
      <c r="AC20" s="61">
        <v>3</v>
      </c>
      <c r="AD20" s="61">
        <v>14</v>
      </c>
      <c r="AE20" s="61">
        <v>6</v>
      </c>
      <c r="AF20" s="61">
        <v>4</v>
      </c>
      <c r="AG20" s="61">
        <v>2</v>
      </c>
      <c r="AH20" s="62">
        <v>29</v>
      </c>
      <c r="AI20" s="63">
        <v>34</v>
      </c>
      <c r="AJ20" s="60">
        <v>4</v>
      </c>
      <c r="AK20" s="61">
        <v>4</v>
      </c>
      <c r="AL20" s="62">
        <v>8</v>
      </c>
      <c r="AM20" s="228"/>
      <c r="AN20" s="61">
        <v>13</v>
      </c>
      <c r="AO20" s="61">
        <v>9</v>
      </c>
      <c r="AP20" s="61">
        <v>11</v>
      </c>
      <c r="AQ20" s="61">
        <v>9</v>
      </c>
      <c r="AR20" s="61">
        <v>7</v>
      </c>
      <c r="AS20" s="62">
        <v>49</v>
      </c>
      <c r="AT20" s="63">
        <v>57</v>
      </c>
      <c r="AU20" s="60">
        <v>12</v>
      </c>
      <c r="AV20" s="61">
        <v>14</v>
      </c>
      <c r="AW20" s="62">
        <v>26</v>
      </c>
      <c r="AX20" s="228"/>
      <c r="AY20" s="61">
        <v>19</v>
      </c>
      <c r="AZ20" s="61">
        <v>19</v>
      </c>
      <c r="BA20" s="61">
        <v>14</v>
      </c>
      <c r="BB20" s="61">
        <v>7</v>
      </c>
      <c r="BC20" s="61">
        <v>6</v>
      </c>
      <c r="BD20" s="62">
        <v>65</v>
      </c>
      <c r="BE20" s="63">
        <v>91</v>
      </c>
      <c r="BF20" s="60">
        <v>19</v>
      </c>
      <c r="BG20" s="61">
        <v>14</v>
      </c>
      <c r="BH20" s="62">
        <v>33</v>
      </c>
      <c r="BI20" s="228"/>
      <c r="BJ20" s="61">
        <v>26</v>
      </c>
      <c r="BK20" s="61">
        <v>19</v>
      </c>
      <c r="BL20" s="61">
        <v>15</v>
      </c>
      <c r="BM20" s="61">
        <v>13</v>
      </c>
      <c r="BN20" s="61">
        <v>3</v>
      </c>
      <c r="BO20" s="62">
        <v>76</v>
      </c>
      <c r="BP20" s="63">
        <v>109</v>
      </c>
      <c r="BQ20" s="60">
        <v>12</v>
      </c>
      <c r="BR20" s="61">
        <v>15</v>
      </c>
      <c r="BS20" s="62">
        <v>27</v>
      </c>
      <c r="BT20" s="228"/>
      <c r="BU20" s="61">
        <v>14</v>
      </c>
      <c r="BV20" s="61">
        <v>22</v>
      </c>
      <c r="BW20" s="61">
        <v>14</v>
      </c>
      <c r="BX20" s="61">
        <v>12</v>
      </c>
      <c r="BY20" s="61">
        <v>7</v>
      </c>
      <c r="BZ20" s="62">
        <v>69</v>
      </c>
      <c r="CA20" s="63">
        <v>96</v>
      </c>
      <c r="CB20" s="60">
        <v>0</v>
      </c>
      <c r="CC20" s="61">
        <v>0</v>
      </c>
      <c r="CD20" s="62">
        <v>0</v>
      </c>
      <c r="CE20" s="228"/>
      <c r="CF20" s="61">
        <v>0</v>
      </c>
      <c r="CG20" s="61">
        <v>0</v>
      </c>
      <c r="CH20" s="61">
        <v>0</v>
      </c>
      <c r="CI20" s="61">
        <v>0</v>
      </c>
      <c r="CJ20" s="61">
        <v>0</v>
      </c>
      <c r="CK20" s="62">
        <v>0</v>
      </c>
      <c r="CL20" s="63">
        <v>0</v>
      </c>
      <c r="CM20" s="60">
        <v>51</v>
      </c>
      <c r="CN20" s="61">
        <v>52</v>
      </c>
      <c r="CO20" s="62">
        <v>103</v>
      </c>
      <c r="CP20" s="228"/>
      <c r="CQ20" s="61">
        <v>79</v>
      </c>
      <c r="CR20" s="61">
        <v>87</v>
      </c>
      <c r="CS20" s="61">
        <v>63</v>
      </c>
      <c r="CT20" s="61">
        <v>48</v>
      </c>
      <c r="CU20" s="61">
        <v>25</v>
      </c>
      <c r="CV20" s="62">
        <v>302</v>
      </c>
      <c r="CW20" s="63">
        <v>405</v>
      </c>
      <c r="CX20" s="113">
        <v>17</v>
      </c>
      <c r="CY20" s="72">
        <v>24</v>
      </c>
      <c r="CZ20" s="73">
        <v>41</v>
      </c>
      <c r="DA20" s="228"/>
      <c r="DB20" s="72">
        <v>31</v>
      </c>
      <c r="DC20" s="72">
        <v>34</v>
      </c>
      <c r="DD20" s="72">
        <v>34</v>
      </c>
      <c r="DE20" s="72">
        <v>15</v>
      </c>
      <c r="DF20" s="72">
        <v>23</v>
      </c>
      <c r="DG20" s="74">
        <v>137</v>
      </c>
      <c r="DH20" s="75">
        <v>178</v>
      </c>
      <c r="DI20" s="60">
        <v>2</v>
      </c>
      <c r="DJ20" s="61">
        <v>1</v>
      </c>
      <c r="DK20" s="62">
        <v>3</v>
      </c>
      <c r="DL20" s="228"/>
      <c r="DM20" s="61">
        <v>0</v>
      </c>
      <c r="DN20" s="61">
        <v>1</v>
      </c>
      <c r="DO20" s="61">
        <v>0</v>
      </c>
      <c r="DP20" s="61">
        <v>0</v>
      </c>
      <c r="DQ20" s="61">
        <v>0</v>
      </c>
      <c r="DR20" s="62">
        <v>1</v>
      </c>
      <c r="DS20" s="63">
        <v>4</v>
      </c>
      <c r="DT20" s="60">
        <v>0</v>
      </c>
      <c r="DU20" s="61">
        <v>1</v>
      </c>
      <c r="DV20" s="62">
        <v>1</v>
      </c>
      <c r="DW20" s="228"/>
      <c r="DX20" s="61">
        <v>1</v>
      </c>
      <c r="DY20" s="61">
        <v>1</v>
      </c>
      <c r="DZ20" s="61">
        <v>1</v>
      </c>
      <c r="EA20" s="61">
        <v>1</v>
      </c>
      <c r="EB20" s="61">
        <v>1</v>
      </c>
      <c r="EC20" s="62">
        <v>5</v>
      </c>
      <c r="ED20" s="63">
        <v>6</v>
      </c>
      <c r="EE20" s="60">
        <v>3</v>
      </c>
      <c r="EF20" s="61">
        <v>2</v>
      </c>
      <c r="EG20" s="62">
        <v>5</v>
      </c>
      <c r="EH20" s="228"/>
      <c r="EI20" s="61">
        <v>6</v>
      </c>
      <c r="EJ20" s="61">
        <v>5</v>
      </c>
      <c r="EK20" s="61">
        <v>6</v>
      </c>
      <c r="EL20" s="61">
        <v>1</v>
      </c>
      <c r="EM20" s="61">
        <v>1</v>
      </c>
      <c r="EN20" s="62">
        <v>19</v>
      </c>
      <c r="EO20" s="63">
        <v>24</v>
      </c>
      <c r="EP20" s="60">
        <v>4</v>
      </c>
      <c r="EQ20" s="61">
        <v>8</v>
      </c>
      <c r="ER20" s="62">
        <v>12</v>
      </c>
      <c r="ES20" s="228"/>
      <c r="ET20" s="61">
        <v>5</v>
      </c>
      <c r="EU20" s="61">
        <v>6</v>
      </c>
      <c r="EV20" s="61">
        <v>8</v>
      </c>
      <c r="EW20" s="61">
        <v>4</v>
      </c>
      <c r="EX20" s="61">
        <v>8</v>
      </c>
      <c r="EY20" s="62">
        <v>31</v>
      </c>
      <c r="EZ20" s="63">
        <v>43</v>
      </c>
      <c r="FA20" s="60">
        <v>4</v>
      </c>
      <c r="FB20" s="61">
        <v>8</v>
      </c>
      <c r="FC20" s="62">
        <v>12</v>
      </c>
      <c r="FD20" s="228"/>
      <c r="FE20" s="61">
        <v>10</v>
      </c>
      <c r="FF20" s="61">
        <v>8</v>
      </c>
      <c r="FG20" s="61">
        <v>5</v>
      </c>
      <c r="FH20" s="61">
        <v>3</v>
      </c>
      <c r="FI20" s="61">
        <v>6</v>
      </c>
      <c r="FJ20" s="62">
        <v>32</v>
      </c>
      <c r="FK20" s="63">
        <v>44</v>
      </c>
      <c r="FL20" s="60">
        <v>4</v>
      </c>
      <c r="FM20" s="61">
        <v>4</v>
      </c>
      <c r="FN20" s="62">
        <v>8</v>
      </c>
      <c r="FO20" s="228"/>
      <c r="FP20" s="61">
        <v>9</v>
      </c>
      <c r="FQ20" s="61">
        <v>13</v>
      </c>
      <c r="FR20" s="61">
        <v>14</v>
      </c>
      <c r="FS20" s="61">
        <v>6</v>
      </c>
      <c r="FT20" s="61">
        <v>7</v>
      </c>
      <c r="FU20" s="62">
        <v>49</v>
      </c>
      <c r="FV20" s="63">
        <v>57</v>
      </c>
      <c r="FW20" s="60">
        <v>0</v>
      </c>
      <c r="FX20" s="61">
        <v>0</v>
      </c>
      <c r="FY20" s="62">
        <v>0</v>
      </c>
      <c r="FZ20" s="228"/>
      <c r="GA20" s="61">
        <v>0</v>
      </c>
      <c r="GB20" s="61">
        <v>0</v>
      </c>
      <c r="GC20" s="61">
        <v>0</v>
      </c>
      <c r="GD20" s="61">
        <v>0</v>
      </c>
      <c r="GE20" s="61">
        <v>0</v>
      </c>
      <c r="GF20" s="62">
        <v>0</v>
      </c>
      <c r="GG20" s="63">
        <v>0</v>
      </c>
      <c r="GH20" s="60">
        <v>17</v>
      </c>
      <c r="GI20" s="61">
        <v>24</v>
      </c>
      <c r="GJ20" s="62">
        <v>41</v>
      </c>
      <c r="GK20" s="228"/>
      <c r="GL20" s="61">
        <v>31</v>
      </c>
      <c r="GM20" s="61">
        <v>34</v>
      </c>
      <c r="GN20" s="61">
        <v>34</v>
      </c>
      <c r="GO20" s="61">
        <v>15</v>
      </c>
      <c r="GP20" s="61">
        <v>23</v>
      </c>
      <c r="GQ20" s="62">
        <v>137</v>
      </c>
      <c r="GR20" s="63">
        <v>178</v>
      </c>
      <c r="GS20" s="113">
        <v>68</v>
      </c>
      <c r="GT20" s="72">
        <v>76</v>
      </c>
      <c r="GU20" s="73">
        <v>144</v>
      </c>
      <c r="GV20" s="228"/>
      <c r="GW20" s="72">
        <v>110</v>
      </c>
      <c r="GX20" s="72">
        <v>121</v>
      </c>
      <c r="GY20" s="72">
        <v>97</v>
      </c>
      <c r="GZ20" s="72">
        <v>63</v>
      </c>
      <c r="HA20" s="72">
        <v>48</v>
      </c>
      <c r="HB20" s="74">
        <v>439</v>
      </c>
      <c r="HC20" s="75">
        <v>583</v>
      </c>
      <c r="HD20" s="60">
        <v>5</v>
      </c>
      <c r="HE20" s="61">
        <v>2</v>
      </c>
      <c r="HF20" s="62">
        <v>7</v>
      </c>
      <c r="HG20" s="228"/>
      <c r="HH20" s="61">
        <v>4</v>
      </c>
      <c r="HI20" s="61">
        <v>5</v>
      </c>
      <c r="HJ20" s="61">
        <v>3</v>
      </c>
      <c r="HK20" s="61">
        <v>3</v>
      </c>
      <c r="HL20" s="61">
        <v>0</v>
      </c>
      <c r="HM20" s="62">
        <v>15</v>
      </c>
      <c r="HN20" s="63">
        <v>22</v>
      </c>
      <c r="HO20" s="60">
        <v>1</v>
      </c>
      <c r="HP20" s="61">
        <v>5</v>
      </c>
      <c r="HQ20" s="62">
        <v>6</v>
      </c>
      <c r="HR20" s="228"/>
      <c r="HS20" s="61">
        <v>4</v>
      </c>
      <c r="HT20" s="61">
        <v>15</v>
      </c>
      <c r="HU20" s="61">
        <v>7</v>
      </c>
      <c r="HV20" s="61">
        <v>5</v>
      </c>
      <c r="HW20" s="61">
        <v>3</v>
      </c>
      <c r="HX20" s="62">
        <v>34</v>
      </c>
      <c r="HY20" s="63">
        <v>40</v>
      </c>
      <c r="HZ20" s="60">
        <v>7</v>
      </c>
      <c r="IA20" s="61">
        <v>6</v>
      </c>
      <c r="IB20" s="62">
        <v>13</v>
      </c>
      <c r="IC20" s="228"/>
      <c r="ID20" s="61">
        <v>19</v>
      </c>
      <c r="IE20" s="61">
        <v>14</v>
      </c>
      <c r="IF20" s="61">
        <v>17</v>
      </c>
      <c r="IG20" s="61">
        <v>10</v>
      </c>
      <c r="IH20" s="61">
        <v>8</v>
      </c>
      <c r="II20" s="62">
        <v>68</v>
      </c>
      <c r="IJ20" s="63">
        <v>81</v>
      </c>
      <c r="IK20" s="60">
        <v>16</v>
      </c>
      <c r="IL20" s="61">
        <v>22</v>
      </c>
      <c r="IM20" s="62">
        <v>38</v>
      </c>
      <c r="IN20" s="228"/>
      <c r="IO20" s="61">
        <v>24</v>
      </c>
      <c r="IP20" s="61">
        <v>25</v>
      </c>
      <c r="IQ20" s="61">
        <v>22</v>
      </c>
      <c r="IR20" s="61">
        <v>11</v>
      </c>
      <c r="IS20" s="61">
        <v>14</v>
      </c>
      <c r="IT20" s="62">
        <v>96</v>
      </c>
      <c r="IU20" s="63">
        <v>134</v>
      </c>
      <c r="IV20" s="60">
        <v>23</v>
      </c>
      <c r="IW20" s="61">
        <v>22</v>
      </c>
      <c r="IX20" s="62">
        <v>45</v>
      </c>
      <c r="IY20" s="228"/>
      <c r="IZ20" s="61">
        <v>36</v>
      </c>
      <c r="JA20" s="61">
        <v>27</v>
      </c>
      <c r="JB20" s="61">
        <v>20</v>
      </c>
      <c r="JC20" s="61">
        <v>16</v>
      </c>
      <c r="JD20" s="61">
        <v>9</v>
      </c>
      <c r="JE20" s="62">
        <v>108</v>
      </c>
      <c r="JF20" s="63">
        <v>153</v>
      </c>
      <c r="JG20" s="60">
        <v>16</v>
      </c>
      <c r="JH20" s="61">
        <v>19</v>
      </c>
      <c r="JI20" s="62">
        <v>35</v>
      </c>
      <c r="JJ20" s="228"/>
      <c r="JK20" s="61">
        <v>23</v>
      </c>
      <c r="JL20" s="61">
        <v>35</v>
      </c>
      <c r="JM20" s="61">
        <v>28</v>
      </c>
      <c r="JN20" s="61">
        <v>18</v>
      </c>
      <c r="JO20" s="61">
        <v>14</v>
      </c>
      <c r="JP20" s="62">
        <v>118</v>
      </c>
      <c r="JQ20" s="63">
        <v>153</v>
      </c>
      <c r="JR20" s="60">
        <v>0</v>
      </c>
      <c r="JS20" s="61">
        <v>0</v>
      </c>
      <c r="JT20" s="62">
        <v>0</v>
      </c>
      <c r="JU20" s="228"/>
      <c r="JV20" s="61">
        <v>0</v>
      </c>
      <c r="JW20" s="61">
        <v>0</v>
      </c>
      <c r="JX20" s="61">
        <v>0</v>
      </c>
      <c r="JY20" s="61">
        <v>0</v>
      </c>
      <c r="JZ20" s="61">
        <v>0</v>
      </c>
      <c r="KA20" s="62">
        <v>0</v>
      </c>
      <c r="KB20" s="63">
        <v>0</v>
      </c>
      <c r="KC20" s="60">
        <v>68</v>
      </c>
      <c r="KD20" s="61">
        <v>76</v>
      </c>
      <c r="KE20" s="62">
        <v>144</v>
      </c>
      <c r="KF20" s="228"/>
      <c r="KG20" s="61">
        <v>110</v>
      </c>
      <c r="KH20" s="61">
        <v>121</v>
      </c>
      <c r="KI20" s="61">
        <v>97</v>
      </c>
      <c r="KJ20" s="61">
        <v>63</v>
      </c>
      <c r="KK20" s="61">
        <v>48</v>
      </c>
      <c r="KL20" s="62">
        <v>439</v>
      </c>
      <c r="KM20" s="63">
        <v>583</v>
      </c>
    </row>
    <row r="21" spans="2:299" ht="21" customHeight="1" x14ac:dyDescent="0.2">
      <c r="B21" s="472" t="s">
        <v>18</v>
      </c>
      <c r="C21" s="293">
        <v>61</v>
      </c>
      <c r="D21" s="72">
        <v>64</v>
      </c>
      <c r="E21" s="73">
        <v>125</v>
      </c>
      <c r="F21" s="228"/>
      <c r="G21" s="72">
        <v>112</v>
      </c>
      <c r="H21" s="72">
        <v>94</v>
      </c>
      <c r="I21" s="72">
        <v>46</v>
      </c>
      <c r="J21" s="72">
        <v>53</v>
      </c>
      <c r="K21" s="72">
        <v>28</v>
      </c>
      <c r="L21" s="74">
        <v>333</v>
      </c>
      <c r="M21" s="75">
        <v>458</v>
      </c>
      <c r="N21" s="60">
        <v>2</v>
      </c>
      <c r="O21" s="61">
        <v>3</v>
      </c>
      <c r="P21" s="62">
        <v>5</v>
      </c>
      <c r="Q21" s="228"/>
      <c r="R21" s="61">
        <v>7</v>
      </c>
      <c r="S21" s="61">
        <v>6</v>
      </c>
      <c r="T21" s="61">
        <v>3</v>
      </c>
      <c r="U21" s="61">
        <v>1</v>
      </c>
      <c r="V21" s="61">
        <v>2</v>
      </c>
      <c r="W21" s="62">
        <v>19</v>
      </c>
      <c r="X21" s="63">
        <v>24</v>
      </c>
      <c r="Y21" s="60">
        <v>8</v>
      </c>
      <c r="Z21" s="61">
        <v>7</v>
      </c>
      <c r="AA21" s="62">
        <v>15</v>
      </c>
      <c r="AB21" s="228"/>
      <c r="AC21" s="61">
        <v>11</v>
      </c>
      <c r="AD21" s="61">
        <v>8</v>
      </c>
      <c r="AE21" s="61">
        <v>2</v>
      </c>
      <c r="AF21" s="61">
        <v>2</v>
      </c>
      <c r="AG21" s="61">
        <v>3</v>
      </c>
      <c r="AH21" s="62">
        <v>26</v>
      </c>
      <c r="AI21" s="63">
        <v>41</v>
      </c>
      <c r="AJ21" s="60">
        <v>9</v>
      </c>
      <c r="AK21" s="61">
        <v>8</v>
      </c>
      <c r="AL21" s="62">
        <v>17</v>
      </c>
      <c r="AM21" s="228"/>
      <c r="AN21" s="61">
        <v>15</v>
      </c>
      <c r="AO21" s="61">
        <v>10</v>
      </c>
      <c r="AP21" s="61">
        <v>8</v>
      </c>
      <c r="AQ21" s="61">
        <v>9</v>
      </c>
      <c r="AR21" s="61">
        <v>6</v>
      </c>
      <c r="AS21" s="62">
        <v>48</v>
      </c>
      <c r="AT21" s="63">
        <v>65</v>
      </c>
      <c r="AU21" s="60">
        <v>12</v>
      </c>
      <c r="AV21" s="61">
        <v>17</v>
      </c>
      <c r="AW21" s="62">
        <v>29</v>
      </c>
      <c r="AX21" s="228"/>
      <c r="AY21" s="61">
        <v>31</v>
      </c>
      <c r="AZ21" s="61">
        <v>22</v>
      </c>
      <c r="BA21" s="61">
        <v>7</v>
      </c>
      <c r="BB21" s="61">
        <v>15</v>
      </c>
      <c r="BC21" s="61">
        <v>6</v>
      </c>
      <c r="BD21" s="62">
        <v>81</v>
      </c>
      <c r="BE21" s="63">
        <v>110</v>
      </c>
      <c r="BF21" s="60">
        <v>16</v>
      </c>
      <c r="BG21" s="61">
        <v>15</v>
      </c>
      <c r="BH21" s="62">
        <v>31</v>
      </c>
      <c r="BI21" s="228"/>
      <c r="BJ21" s="61">
        <v>25</v>
      </c>
      <c r="BK21" s="61">
        <v>28</v>
      </c>
      <c r="BL21" s="61">
        <v>11</v>
      </c>
      <c r="BM21" s="61">
        <v>11</v>
      </c>
      <c r="BN21" s="61">
        <v>6</v>
      </c>
      <c r="BO21" s="62">
        <v>81</v>
      </c>
      <c r="BP21" s="63">
        <v>112</v>
      </c>
      <c r="BQ21" s="60">
        <v>14</v>
      </c>
      <c r="BR21" s="61">
        <v>14</v>
      </c>
      <c r="BS21" s="62">
        <v>28</v>
      </c>
      <c r="BT21" s="228"/>
      <c r="BU21" s="61">
        <v>23</v>
      </c>
      <c r="BV21" s="61">
        <v>20</v>
      </c>
      <c r="BW21" s="61">
        <v>15</v>
      </c>
      <c r="BX21" s="61">
        <v>15</v>
      </c>
      <c r="BY21" s="61">
        <v>5</v>
      </c>
      <c r="BZ21" s="62">
        <v>78</v>
      </c>
      <c r="CA21" s="63">
        <v>106</v>
      </c>
      <c r="CB21" s="60">
        <v>0</v>
      </c>
      <c r="CC21" s="61">
        <v>0</v>
      </c>
      <c r="CD21" s="62">
        <v>0</v>
      </c>
      <c r="CE21" s="228"/>
      <c r="CF21" s="61">
        <v>0</v>
      </c>
      <c r="CG21" s="61">
        <v>0</v>
      </c>
      <c r="CH21" s="61">
        <v>0</v>
      </c>
      <c r="CI21" s="61">
        <v>0</v>
      </c>
      <c r="CJ21" s="61">
        <v>0</v>
      </c>
      <c r="CK21" s="62">
        <v>0</v>
      </c>
      <c r="CL21" s="63">
        <v>0</v>
      </c>
      <c r="CM21" s="60">
        <v>61</v>
      </c>
      <c r="CN21" s="61">
        <v>64</v>
      </c>
      <c r="CO21" s="62">
        <v>125</v>
      </c>
      <c r="CP21" s="228"/>
      <c r="CQ21" s="61">
        <v>112</v>
      </c>
      <c r="CR21" s="61">
        <v>94</v>
      </c>
      <c r="CS21" s="61">
        <v>46</v>
      </c>
      <c r="CT21" s="61">
        <v>53</v>
      </c>
      <c r="CU21" s="61">
        <v>28</v>
      </c>
      <c r="CV21" s="62">
        <v>333</v>
      </c>
      <c r="CW21" s="63">
        <v>458</v>
      </c>
      <c r="CX21" s="113">
        <v>24</v>
      </c>
      <c r="CY21" s="72">
        <v>28</v>
      </c>
      <c r="CZ21" s="73">
        <v>52</v>
      </c>
      <c r="DA21" s="228"/>
      <c r="DB21" s="72">
        <v>43</v>
      </c>
      <c r="DC21" s="72">
        <v>35</v>
      </c>
      <c r="DD21" s="72">
        <v>37</v>
      </c>
      <c r="DE21" s="72">
        <v>28</v>
      </c>
      <c r="DF21" s="72">
        <v>26</v>
      </c>
      <c r="DG21" s="74">
        <v>169</v>
      </c>
      <c r="DH21" s="75">
        <v>221</v>
      </c>
      <c r="DI21" s="60">
        <v>1</v>
      </c>
      <c r="DJ21" s="61">
        <v>2</v>
      </c>
      <c r="DK21" s="62">
        <v>3</v>
      </c>
      <c r="DL21" s="228"/>
      <c r="DM21" s="61">
        <v>2</v>
      </c>
      <c r="DN21" s="61">
        <v>0</v>
      </c>
      <c r="DO21" s="61">
        <v>0</v>
      </c>
      <c r="DP21" s="61">
        <v>0</v>
      </c>
      <c r="DQ21" s="61">
        <v>2</v>
      </c>
      <c r="DR21" s="62">
        <v>4</v>
      </c>
      <c r="DS21" s="63">
        <v>7</v>
      </c>
      <c r="DT21" s="60">
        <v>4</v>
      </c>
      <c r="DU21" s="61">
        <v>3</v>
      </c>
      <c r="DV21" s="62">
        <v>7</v>
      </c>
      <c r="DW21" s="228"/>
      <c r="DX21" s="61">
        <v>3</v>
      </c>
      <c r="DY21" s="61">
        <v>2</v>
      </c>
      <c r="DZ21" s="61">
        <v>0</v>
      </c>
      <c r="EA21" s="61">
        <v>0</v>
      </c>
      <c r="EB21" s="61">
        <v>3</v>
      </c>
      <c r="EC21" s="62">
        <v>8</v>
      </c>
      <c r="ED21" s="63">
        <v>15</v>
      </c>
      <c r="EE21" s="60">
        <v>3</v>
      </c>
      <c r="EF21" s="61">
        <v>6</v>
      </c>
      <c r="EG21" s="62">
        <v>9</v>
      </c>
      <c r="EH21" s="228"/>
      <c r="EI21" s="61">
        <v>5</v>
      </c>
      <c r="EJ21" s="61">
        <v>4</v>
      </c>
      <c r="EK21" s="61">
        <v>2</v>
      </c>
      <c r="EL21" s="61">
        <v>1</v>
      </c>
      <c r="EM21" s="61">
        <v>2</v>
      </c>
      <c r="EN21" s="62">
        <v>14</v>
      </c>
      <c r="EO21" s="63">
        <v>23</v>
      </c>
      <c r="EP21" s="60">
        <v>8</v>
      </c>
      <c r="EQ21" s="61">
        <v>9</v>
      </c>
      <c r="ER21" s="62">
        <v>17</v>
      </c>
      <c r="ES21" s="228"/>
      <c r="ET21" s="61">
        <v>9</v>
      </c>
      <c r="EU21" s="61">
        <v>10</v>
      </c>
      <c r="EV21" s="61">
        <v>3</v>
      </c>
      <c r="EW21" s="61">
        <v>7</v>
      </c>
      <c r="EX21" s="61">
        <v>0</v>
      </c>
      <c r="EY21" s="62">
        <v>29</v>
      </c>
      <c r="EZ21" s="63">
        <v>46</v>
      </c>
      <c r="FA21" s="60">
        <v>8</v>
      </c>
      <c r="FB21" s="61">
        <v>5</v>
      </c>
      <c r="FC21" s="62">
        <v>13</v>
      </c>
      <c r="FD21" s="228"/>
      <c r="FE21" s="61">
        <v>15</v>
      </c>
      <c r="FF21" s="61">
        <v>7</v>
      </c>
      <c r="FG21" s="61">
        <v>12</v>
      </c>
      <c r="FH21" s="61">
        <v>7</v>
      </c>
      <c r="FI21" s="61">
        <v>6</v>
      </c>
      <c r="FJ21" s="62">
        <v>47</v>
      </c>
      <c r="FK21" s="63">
        <v>60</v>
      </c>
      <c r="FL21" s="60">
        <v>0</v>
      </c>
      <c r="FM21" s="61">
        <v>3</v>
      </c>
      <c r="FN21" s="62">
        <v>3</v>
      </c>
      <c r="FO21" s="228"/>
      <c r="FP21" s="61">
        <v>9</v>
      </c>
      <c r="FQ21" s="61">
        <v>12</v>
      </c>
      <c r="FR21" s="61">
        <v>20</v>
      </c>
      <c r="FS21" s="61">
        <v>13</v>
      </c>
      <c r="FT21" s="61">
        <v>13</v>
      </c>
      <c r="FU21" s="62">
        <v>67</v>
      </c>
      <c r="FV21" s="63">
        <v>70</v>
      </c>
      <c r="FW21" s="60">
        <v>0</v>
      </c>
      <c r="FX21" s="61">
        <v>0</v>
      </c>
      <c r="FY21" s="62">
        <v>0</v>
      </c>
      <c r="FZ21" s="228"/>
      <c r="GA21" s="61">
        <v>0</v>
      </c>
      <c r="GB21" s="61">
        <v>0</v>
      </c>
      <c r="GC21" s="61">
        <v>0</v>
      </c>
      <c r="GD21" s="61">
        <v>0</v>
      </c>
      <c r="GE21" s="61">
        <v>0</v>
      </c>
      <c r="GF21" s="62">
        <v>0</v>
      </c>
      <c r="GG21" s="63">
        <v>0</v>
      </c>
      <c r="GH21" s="60">
        <v>24</v>
      </c>
      <c r="GI21" s="61">
        <v>28</v>
      </c>
      <c r="GJ21" s="62">
        <v>52</v>
      </c>
      <c r="GK21" s="228"/>
      <c r="GL21" s="61">
        <v>43</v>
      </c>
      <c r="GM21" s="61">
        <v>35</v>
      </c>
      <c r="GN21" s="61">
        <v>37</v>
      </c>
      <c r="GO21" s="61">
        <v>28</v>
      </c>
      <c r="GP21" s="61">
        <v>26</v>
      </c>
      <c r="GQ21" s="62">
        <v>169</v>
      </c>
      <c r="GR21" s="63">
        <v>221</v>
      </c>
      <c r="GS21" s="113">
        <v>85</v>
      </c>
      <c r="GT21" s="72">
        <v>92</v>
      </c>
      <c r="GU21" s="73">
        <v>177</v>
      </c>
      <c r="GV21" s="228"/>
      <c r="GW21" s="72">
        <v>155</v>
      </c>
      <c r="GX21" s="72">
        <v>129</v>
      </c>
      <c r="GY21" s="72">
        <v>83</v>
      </c>
      <c r="GZ21" s="72">
        <v>81</v>
      </c>
      <c r="HA21" s="72">
        <v>54</v>
      </c>
      <c r="HB21" s="74">
        <v>502</v>
      </c>
      <c r="HC21" s="75">
        <v>679</v>
      </c>
      <c r="HD21" s="60">
        <v>3</v>
      </c>
      <c r="HE21" s="61">
        <v>5</v>
      </c>
      <c r="HF21" s="62">
        <v>8</v>
      </c>
      <c r="HG21" s="228"/>
      <c r="HH21" s="61">
        <v>9</v>
      </c>
      <c r="HI21" s="61">
        <v>6</v>
      </c>
      <c r="HJ21" s="61">
        <v>3</v>
      </c>
      <c r="HK21" s="61">
        <v>1</v>
      </c>
      <c r="HL21" s="61">
        <v>4</v>
      </c>
      <c r="HM21" s="62">
        <v>23</v>
      </c>
      <c r="HN21" s="63">
        <v>31</v>
      </c>
      <c r="HO21" s="60">
        <v>12</v>
      </c>
      <c r="HP21" s="61">
        <v>10</v>
      </c>
      <c r="HQ21" s="62">
        <v>22</v>
      </c>
      <c r="HR21" s="228"/>
      <c r="HS21" s="61">
        <v>14</v>
      </c>
      <c r="HT21" s="61">
        <v>10</v>
      </c>
      <c r="HU21" s="61">
        <v>2</v>
      </c>
      <c r="HV21" s="61">
        <v>2</v>
      </c>
      <c r="HW21" s="61">
        <v>6</v>
      </c>
      <c r="HX21" s="62">
        <v>34</v>
      </c>
      <c r="HY21" s="63">
        <v>56</v>
      </c>
      <c r="HZ21" s="60">
        <v>12</v>
      </c>
      <c r="IA21" s="61">
        <v>14</v>
      </c>
      <c r="IB21" s="62">
        <v>26</v>
      </c>
      <c r="IC21" s="228"/>
      <c r="ID21" s="61">
        <v>20</v>
      </c>
      <c r="IE21" s="61">
        <v>14</v>
      </c>
      <c r="IF21" s="61">
        <v>10</v>
      </c>
      <c r="IG21" s="61">
        <v>10</v>
      </c>
      <c r="IH21" s="61">
        <v>8</v>
      </c>
      <c r="II21" s="62">
        <v>62</v>
      </c>
      <c r="IJ21" s="63">
        <v>88</v>
      </c>
      <c r="IK21" s="60">
        <v>20</v>
      </c>
      <c r="IL21" s="61">
        <v>26</v>
      </c>
      <c r="IM21" s="62">
        <v>46</v>
      </c>
      <c r="IN21" s="228"/>
      <c r="IO21" s="61">
        <v>40</v>
      </c>
      <c r="IP21" s="61">
        <v>32</v>
      </c>
      <c r="IQ21" s="61">
        <v>10</v>
      </c>
      <c r="IR21" s="61">
        <v>22</v>
      </c>
      <c r="IS21" s="61">
        <v>6</v>
      </c>
      <c r="IT21" s="62">
        <v>110</v>
      </c>
      <c r="IU21" s="63">
        <v>156</v>
      </c>
      <c r="IV21" s="60">
        <v>24</v>
      </c>
      <c r="IW21" s="61">
        <v>20</v>
      </c>
      <c r="IX21" s="62">
        <v>44</v>
      </c>
      <c r="IY21" s="228"/>
      <c r="IZ21" s="61">
        <v>40</v>
      </c>
      <c r="JA21" s="61">
        <v>35</v>
      </c>
      <c r="JB21" s="61">
        <v>23</v>
      </c>
      <c r="JC21" s="61">
        <v>18</v>
      </c>
      <c r="JD21" s="61">
        <v>12</v>
      </c>
      <c r="JE21" s="62">
        <v>128</v>
      </c>
      <c r="JF21" s="63">
        <v>172</v>
      </c>
      <c r="JG21" s="60">
        <v>14</v>
      </c>
      <c r="JH21" s="61">
        <v>17</v>
      </c>
      <c r="JI21" s="62">
        <v>31</v>
      </c>
      <c r="JJ21" s="228"/>
      <c r="JK21" s="61">
        <v>32</v>
      </c>
      <c r="JL21" s="61">
        <v>32</v>
      </c>
      <c r="JM21" s="61">
        <v>35</v>
      </c>
      <c r="JN21" s="61">
        <v>28</v>
      </c>
      <c r="JO21" s="61">
        <v>18</v>
      </c>
      <c r="JP21" s="62">
        <v>145</v>
      </c>
      <c r="JQ21" s="63">
        <v>176</v>
      </c>
      <c r="JR21" s="60">
        <v>0</v>
      </c>
      <c r="JS21" s="61">
        <v>0</v>
      </c>
      <c r="JT21" s="62">
        <v>0</v>
      </c>
      <c r="JU21" s="228"/>
      <c r="JV21" s="61">
        <v>0</v>
      </c>
      <c r="JW21" s="61">
        <v>0</v>
      </c>
      <c r="JX21" s="61">
        <v>0</v>
      </c>
      <c r="JY21" s="61">
        <v>0</v>
      </c>
      <c r="JZ21" s="61">
        <v>0</v>
      </c>
      <c r="KA21" s="62">
        <v>0</v>
      </c>
      <c r="KB21" s="63">
        <v>0</v>
      </c>
      <c r="KC21" s="60">
        <v>85</v>
      </c>
      <c r="KD21" s="61">
        <v>92</v>
      </c>
      <c r="KE21" s="62">
        <v>177</v>
      </c>
      <c r="KF21" s="228"/>
      <c r="KG21" s="61">
        <v>155</v>
      </c>
      <c r="KH21" s="61">
        <v>129</v>
      </c>
      <c r="KI21" s="61">
        <v>83</v>
      </c>
      <c r="KJ21" s="61">
        <v>81</v>
      </c>
      <c r="KK21" s="61">
        <v>54</v>
      </c>
      <c r="KL21" s="62">
        <v>502</v>
      </c>
      <c r="KM21" s="63">
        <v>679</v>
      </c>
    </row>
    <row r="22" spans="2:299" ht="21" customHeight="1" x14ac:dyDescent="0.2">
      <c r="B22" s="472" t="s">
        <v>19</v>
      </c>
      <c r="C22" s="293">
        <v>28</v>
      </c>
      <c r="D22" s="72">
        <v>22</v>
      </c>
      <c r="E22" s="73">
        <v>50</v>
      </c>
      <c r="F22" s="228"/>
      <c r="G22" s="72">
        <v>50</v>
      </c>
      <c r="H22" s="72">
        <v>35</v>
      </c>
      <c r="I22" s="72">
        <v>19</v>
      </c>
      <c r="J22" s="72">
        <v>17</v>
      </c>
      <c r="K22" s="72">
        <v>16</v>
      </c>
      <c r="L22" s="74">
        <v>137</v>
      </c>
      <c r="M22" s="75">
        <v>187</v>
      </c>
      <c r="N22" s="76">
        <v>2</v>
      </c>
      <c r="O22" s="61">
        <v>1</v>
      </c>
      <c r="P22" s="62">
        <v>3</v>
      </c>
      <c r="Q22" s="228"/>
      <c r="R22" s="61">
        <v>2</v>
      </c>
      <c r="S22" s="61">
        <v>0</v>
      </c>
      <c r="T22" s="61">
        <v>0</v>
      </c>
      <c r="U22" s="61">
        <v>1</v>
      </c>
      <c r="V22" s="61">
        <v>0</v>
      </c>
      <c r="W22" s="62">
        <v>3</v>
      </c>
      <c r="X22" s="63">
        <v>6</v>
      </c>
      <c r="Y22" s="60">
        <v>2</v>
      </c>
      <c r="Z22" s="61">
        <v>1</v>
      </c>
      <c r="AA22" s="62">
        <v>3</v>
      </c>
      <c r="AB22" s="228"/>
      <c r="AC22" s="61">
        <v>6</v>
      </c>
      <c r="AD22" s="61">
        <v>3</v>
      </c>
      <c r="AE22" s="61">
        <v>2</v>
      </c>
      <c r="AF22" s="61">
        <v>0</v>
      </c>
      <c r="AG22" s="61">
        <v>2</v>
      </c>
      <c r="AH22" s="62">
        <v>13</v>
      </c>
      <c r="AI22" s="63">
        <v>16</v>
      </c>
      <c r="AJ22" s="76">
        <v>4</v>
      </c>
      <c r="AK22" s="61">
        <v>2</v>
      </c>
      <c r="AL22" s="62">
        <v>6</v>
      </c>
      <c r="AM22" s="228"/>
      <c r="AN22" s="61">
        <v>4</v>
      </c>
      <c r="AO22" s="61">
        <v>4</v>
      </c>
      <c r="AP22" s="61">
        <v>0</v>
      </c>
      <c r="AQ22" s="61">
        <v>6</v>
      </c>
      <c r="AR22" s="61">
        <v>2</v>
      </c>
      <c r="AS22" s="62">
        <v>16</v>
      </c>
      <c r="AT22" s="63">
        <v>22</v>
      </c>
      <c r="AU22" s="60">
        <v>3</v>
      </c>
      <c r="AV22" s="61">
        <v>4</v>
      </c>
      <c r="AW22" s="62">
        <v>7</v>
      </c>
      <c r="AX22" s="228"/>
      <c r="AY22" s="61">
        <v>10</v>
      </c>
      <c r="AZ22" s="61">
        <v>11</v>
      </c>
      <c r="BA22" s="61">
        <v>4</v>
      </c>
      <c r="BB22" s="61">
        <v>0</v>
      </c>
      <c r="BC22" s="61">
        <v>7</v>
      </c>
      <c r="BD22" s="62">
        <v>32</v>
      </c>
      <c r="BE22" s="63">
        <v>39</v>
      </c>
      <c r="BF22" s="76">
        <v>9</v>
      </c>
      <c r="BG22" s="61">
        <v>6</v>
      </c>
      <c r="BH22" s="62">
        <v>15</v>
      </c>
      <c r="BI22" s="228"/>
      <c r="BJ22" s="61">
        <v>10</v>
      </c>
      <c r="BK22" s="61">
        <v>10</v>
      </c>
      <c r="BL22" s="61">
        <v>3</v>
      </c>
      <c r="BM22" s="61">
        <v>6</v>
      </c>
      <c r="BN22" s="61">
        <v>2</v>
      </c>
      <c r="BO22" s="62">
        <v>31</v>
      </c>
      <c r="BP22" s="63">
        <v>46</v>
      </c>
      <c r="BQ22" s="60">
        <v>8</v>
      </c>
      <c r="BR22" s="61">
        <v>8</v>
      </c>
      <c r="BS22" s="62">
        <v>16</v>
      </c>
      <c r="BT22" s="228"/>
      <c r="BU22" s="61">
        <v>18</v>
      </c>
      <c r="BV22" s="61">
        <v>7</v>
      </c>
      <c r="BW22" s="61">
        <v>10</v>
      </c>
      <c r="BX22" s="61">
        <v>4</v>
      </c>
      <c r="BY22" s="61">
        <v>3</v>
      </c>
      <c r="BZ22" s="62">
        <v>42</v>
      </c>
      <c r="CA22" s="63">
        <v>58</v>
      </c>
      <c r="CB22" s="60">
        <v>0</v>
      </c>
      <c r="CC22" s="61">
        <v>0</v>
      </c>
      <c r="CD22" s="62">
        <v>0</v>
      </c>
      <c r="CE22" s="228"/>
      <c r="CF22" s="61">
        <v>0</v>
      </c>
      <c r="CG22" s="61">
        <v>0</v>
      </c>
      <c r="CH22" s="61">
        <v>0</v>
      </c>
      <c r="CI22" s="61">
        <v>0</v>
      </c>
      <c r="CJ22" s="61">
        <v>0</v>
      </c>
      <c r="CK22" s="62">
        <v>0</v>
      </c>
      <c r="CL22" s="63">
        <v>0</v>
      </c>
      <c r="CM22" s="60">
        <v>28</v>
      </c>
      <c r="CN22" s="61">
        <v>22</v>
      </c>
      <c r="CO22" s="62">
        <v>50</v>
      </c>
      <c r="CP22" s="228"/>
      <c r="CQ22" s="61">
        <v>50</v>
      </c>
      <c r="CR22" s="61">
        <v>35</v>
      </c>
      <c r="CS22" s="61">
        <v>19</v>
      </c>
      <c r="CT22" s="61">
        <v>17</v>
      </c>
      <c r="CU22" s="61">
        <v>16</v>
      </c>
      <c r="CV22" s="62">
        <v>137</v>
      </c>
      <c r="CW22" s="63">
        <v>187</v>
      </c>
      <c r="CX22" s="113">
        <v>10</v>
      </c>
      <c r="CY22" s="72">
        <v>3</v>
      </c>
      <c r="CZ22" s="73">
        <v>13</v>
      </c>
      <c r="DA22" s="228"/>
      <c r="DB22" s="72">
        <v>13</v>
      </c>
      <c r="DC22" s="72">
        <v>13</v>
      </c>
      <c r="DD22" s="72">
        <v>13</v>
      </c>
      <c r="DE22" s="72">
        <v>3</v>
      </c>
      <c r="DF22" s="72">
        <v>5</v>
      </c>
      <c r="DG22" s="74">
        <v>47</v>
      </c>
      <c r="DH22" s="75">
        <v>60</v>
      </c>
      <c r="DI22" s="76">
        <v>0</v>
      </c>
      <c r="DJ22" s="61">
        <v>0</v>
      </c>
      <c r="DK22" s="62">
        <v>0</v>
      </c>
      <c r="DL22" s="228"/>
      <c r="DM22" s="61">
        <v>0</v>
      </c>
      <c r="DN22" s="61">
        <v>0</v>
      </c>
      <c r="DO22" s="61">
        <v>1</v>
      </c>
      <c r="DP22" s="61">
        <v>1</v>
      </c>
      <c r="DQ22" s="61">
        <v>0</v>
      </c>
      <c r="DR22" s="62">
        <v>2</v>
      </c>
      <c r="DS22" s="63">
        <v>2</v>
      </c>
      <c r="DT22" s="60">
        <v>1</v>
      </c>
      <c r="DU22" s="61">
        <v>0</v>
      </c>
      <c r="DV22" s="62">
        <v>1</v>
      </c>
      <c r="DW22" s="228"/>
      <c r="DX22" s="61">
        <v>1</v>
      </c>
      <c r="DY22" s="61">
        <v>1</v>
      </c>
      <c r="DZ22" s="61">
        <v>1</v>
      </c>
      <c r="EA22" s="61">
        <v>0</v>
      </c>
      <c r="EB22" s="61">
        <v>0</v>
      </c>
      <c r="EC22" s="62">
        <v>3</v>
      </c>
      <c r="ED22" s="63">
        <v>4</v>
      </c>
      <c r="EE22" s="76">
        <v>3</v>
      </c>
      <c r="EF22" s="61">
        <v>1</v>
      </c>
      <c r="EG22" s="62">
        <v>4</v>
      </c>
      <c r="EH22" s="228"/>
      <c r="EI22" s="61">
        <v>0</v>
      </c>
      <c r="EJ22" s="61">
        <v>2</v>
      </c>
      <c r="EK22" s="61">
        <v>1</v>
      </c>
      <c r="EL22" s="61">
        <v>0</v>
      </c>
      <c r="EM22" s="61">
        <v>0</v>
      </c>
      <c r="EN22" s="62">
        <v>3</v>
      </c>
      <c r="EO22" s="63">
        <v>7</v>
      </c>
      <c r="EP22" s="60">
        <v>4</v>
      </c>
      <c r="EQ22" s="61">
        <v>0</v>
      </c>
      <c r="ER22" s="62">
        <v>4</v>
      </c>
      <c r="ES22" s="228"/>
      <c r="ET22" s="61">
        <v>4</v>
      </c>
      <c r="EU22" s="61">
        <v>1</v>
      </c>
      <c r="EV22" s="61">
        <v>2</v>
      </c>
      <c r="EW22" s="61">
        <v>0</v>
      </c>
      <c r="EX22" s="61">
        <v>1</v>
      </c>
      <c r="EY22" s="62">
        <v>8</v>
      </c>
      <c r="EZ22" s="63">
        <v>12</v>
      </c>
      <c r="FA22" s="76">
        <v>1</v>
      </c>
      <c r="FB22" s="61">
        <v>1</v>
      </c>
      <c r="FC22" s="62">
        <v>2</v>
      </c>
      <c r="FD22" s="228"/>
      <c r="FE22" s="61">
        <v>3</v>
      </c>
      <c r="FF22" s="61">
        <v>4</v>
      </c>
      <c r="FG22" s="61">
        <v>4</v>
      </c>
      <c r="FH22" s="61">
        <v>0</v>
      </c>
      <c r="FI22" s="61">
        <v>1</v>
      </c>
      <c r="FJ22" s="62">
        <v>12</v>
      </c>
      <c r="FK22" s="63">
        <v>14</v>
      </c>
      <c r="FL22" s="60">
        <v>1</v>
      </c>
      <c r="FM22" s="61">
        <v>1</v>
      </c>
      <c r="FN22" s="62">
        <v>2</v>
      </c>
      <c r="FO22" s="228"/>
      <c r="FP22" s="61">
        <v>5</v>
      </c>
      <c r="FQ22" s="61">
        <v>5</v>
      </c>
      <c r="FR22" s="61">
        <v>4</v>
      </c>
      <c r="FS22" s="61">
        <v>2</v>
      </c>
      <c r="FT22" s="61">
        <v>3</v>
      </c>
      <c r="FU22" s="62">
        <v>19</v>
      </c>
      <c r="FV22" s="63">
        <v>21</v>
      </c>
      <c r="FW22" s="60">
        <v>0</v>
      </c>
      <c r="FX22" s="61">
        <v>0</v>
      </c>
      <c r="FY22" s="62">
        <v>0</v>
      </c>
      <c r="FZ22" s="228"/>
      <c r="GA22" s="61">
        <v>0</v>
      </c>
      <c r="GB22" s="61">
        <v>0</v>
      </c>
      <c r="GC22" s="61">
        <v>0</v>
      </c>
      <c r="GD22" s="61">
        <v>0</v>
      </c>
      <c r="GE22" s="61">
        <v>0</v>
      </c>
      <c r="GF22" s="62">
        <v>0</v>
      </c>
      <c r="GG22" s="63">
        <v>0</v>
      </c>
      <c r="GH22" s="60">
        <v>10</v>
      </c>
      <c r="GI22" s="61">
        <v>3</v>
      </c>
      <c r="GJ22" s="62">
        <v>13</v>
      </c>
      <c r="GK22" s="228"/>
      <c r="GL22" s="61">
        <v>13</v>
      </c>
      <c r="GM22" s="61">
        <v>13</v>
      </c>
      <c r="GN22" s="61">
        <v>13</v>
      </c>
      <c r="GO22" s="61">
        <v>3</v>
      </c>
      <c r="GP22" s="61">
        <v>5</v>
      </c>
      <c r="GQ22" s="62">
        <v>47</v>
      </c>
      <c r="GR22" s="63">
        <v>60</v>
      </c>
      <c r="GS22" s="113">
        <v>38</v>
      </c>
      <c r="GT22" s="72">
        <v>25</v>
      </c>
      <c r="GU22" s="73">
        <v>63</v>
      </c>
      <c r="GV22" s="228"/>
      <c r="GW22" s="72">
        <v>63</v>
      </c>
      <c r="GX22" s="72">
        <v>48</v>
      </c>
      <c r="GY22" s="72">
        <v>32</v>
      </c>
      <c r="GZ22" s="72">
        <v>20</v>
      </c>
      <c r="HA22" s="72">
        <v>21</v>
      </c>
      <c r="HB22" s="74">
        <v>184</v>
      </c>
      <c r="HC22" s="75">
        <v>247</v>
      </c>
      <c r="HD22" s="76">
        <v>2</v>
      </c>
      <c r="HE22" s="61">
        <v>1</v>
      </c>
      <c r="HF22" s="62">
        <v>3</v>
      </c>
      <c r="HG22" s="228"/>
      <c r="HH22" s="61">
        <v>2</v>
      </c>
      <c r="HI22" s="61">
        <v>0</v>
      </c>
      <c r="HJ22" s="61">
        <v>1</v>
      </c>
      <c r="HK22" s="61">
        <v>2</v>
      </c>
      <c r="HL22" s="61">
        <v>0</v>
      </c>
      <c r="HM22" s="62">
        <v>5</v>
      </c>
      <c r="HN22" s="63">
        <v>8</v>
      </c>
      <c r="HO22" s="60">
        <v>3</v>
      </c>
      <c r="HP22" s="61">
        <v>1</v>
      </c>
      <c r="HQ22" s="62">
        <v>4</v>
      </c>
      <c r="HR22" s="228"/>
      <c r="HS22" s="61">
        <v>7</v>
      </c>
      <c r="HT22" s="61">
        <v>4</v>
      </c>
      <c r="HU22" s="61">
        <v>3</v>
      </c>
      <c r="HV22" s="61">
        <v>0</v>
      </c>
      <c r="HW22" s="61">
        <v>2</v>
      </c>
      <c r="HX22" s="62">
        <v>16</v>
      </c>
      <c r="HY22" s="63">
        <v>20</v>
      </c>
      <c r="HZ22" s="76">
        <v>7</v>
      </c>
      <c r="IA22" s="61">
        <v>3</v>
      </c>
      <c r="IB22" s="62">
        <v>10</v>
      </c>
      <c r="IC22" s="228"/>
      <c r="ID22" s="61">
        <v>4</v>
      </c>
      <c r="IE22" s="61">
        <v>6</v>
      </c>
      <c r="IF22" s="61">
        <v>1</v>
      </c>
      <c r="IG22" s="61">
        <v>6</v>
      </c>
      <c r="IH22" s="61">
        <v>2</v>
      </c>
      <c r="II22" s="62">
        <v>19</v>
      </c>
      <c r="IJ22" s="63">
        <v>29</v>
      </c>
      <c r="IK22" s="60">
        <v>7</v>
      </c>
      <c r="IL22" s="61">
        <v>4</v>
      </c>
      <c r="IM22" s="62">
        <v>11</v>
      </c>
      <c r="IN22" s="228"/>
      <c r="IO22" s="61">
        <v>14</v>
      </c>
      <c r="IP22" s="61">
        <v>12</v>
      </c>
      <c r="IQ22" s="61">
        <v>6</v>
      </c>
      <c r="IR22" s="61">
        <v>0</v>
      </c>
      <c r="IS22" s="61">
        <v>8</v>
      </c>
      <c r="IT22" s="62">
        <v>40</v>
      </c>
      <c r="IU22" s="63">
        <v>51</v>
      </c>
      <c r="IV22" s="76">
        <v>10</v>
      </c>
      <c r="IW22" s="61">
        <v>7</v>
      </c>
      <c r="IX22" s="62">
        <v>17</v>
      </c>
      <c r="IY22" s="228"/>
      <c r="IZ22" s="61">
        <v>13</v>
      </c>
      <c r="JA22" s="61">
        <v>14</v>
      </c>
      <c r="JB22" s="61">
        <v>7</v>
      </c>
      <c r="JC22" s="61">
        <v>6</v>
      </c>
      <c r="JD22" s="61">
        <v>3</v>
      </c>
      <c r="JE22" s="62">
        <v>43</v>
      </c>
      <c r="JF22" s="63">
        <v>60</v>
      </c>
      <c r="JG22" s="60">
        <v>9</v>
      </c>
      <c r="JH22" s="61">
        <v>9</v>
      </c>
      <c r="JI22" s="62">
        <v>18</v>
      </c>
      <c r="JJ22" s="228"/>
      <c r="JK22" s="61">
        <v>23</v>
      </c>
      <c r="JL22" s="61">
        <v>12</v>
      </c>
      <c r="JM22" s="61">
        <v>14</v>
      </c>
      <c r="JN22" s="61">
        <v>6</v>
      </c>
      <c r="JO22" s="61">
        <v>6</v>
      </c>
      <c r="JP22" s="62">
        <v>61</v>
      </c>
      <c r="JQ22" s="63">
        <v>79</v>
      </c>
      <c r="JR22" s="60">
        <v>0</v>
      </c>
      <c r="JS22" s="61">
        <v>0</v>
      </c>
      <c r="JT22" s="62">
        <v>0</v>
      </c>
      <c r="JU22" s="228"/>
      <c r="JV22" s="61">
        <v>0</v>
      </c>
      <c r="JW22" s="61">
        <v>0</v>
      </c>
      <c r="JX22" s="61">
        <v>0</v>
      </c>
      <c r="JY22" s="61">
        <v>0</v>
      </c>
      <c r="JZ22" s="61">
        <v>0</v>
      </c>
      <c r="KA22" s="62">
        <v>0</v>
      </c>
      <c r="KB22" s="63">
        <v>0</v>
      </c>
      <c r="KC22" s="60">
        <v>38</v>
      </c>
      <c r="KD22" s="61">
        <v>25</v>
      </c>
      <c r="KE22" s="62">
        <v>63</v>
      </c>
      <c r="KF22" s="228"/>
      <c r="KG22" s="61">
        <v>63</v>
      </c>
      <c r="KH22" s="61">
        <v>48</v>
      </c>
      <c r="KI22" s="61">
        <v>32</v>
      </c>
      <c r="KJ22" s="61">
        <v>20</v>
      </c>
      <c r="KK22" s="61">
        <v>21</v>
      </c>
      <c r="KL22" s="62">
        <v>184</v>
      </c>
      <c r="KM22" s="63">
        <v>247</v>
      </c>
    </row>
    <row r="23" spans="2:299" ht="21" customHeight="1" x14ac:dyDescent="0.2">
      <c r="B23" s="472" t="s">
        <v>20</v>
      </c>
      <c r="C23" s="293">
        <v>29</v>
      </c>
      <c r="D23" s="72">
        <v>59</v>
      </c>
      <c r="E23" s="73">
        <v>88</v>
      </c>
      <c r="F23" s="228"/>
      <c r="G23" s="72">
        <v>56</v>
      </c>
      <c r="H23" s="72">
        <v>50</v>
      </c>
      <c r="I23" s="72">
        <v>31</v>
      </c>
      <c r="J23" s="72">
        <v>26</v>
      </c>
      <c r="K23" s="72">
        <v>18</v>
      </c>
      <c r="L23" s="74">
        <v>181</v>
      </c>
      <c r="M23" s="75">
        <v>269</v>
      </c>
      <c r="N23" s="60">
        <v>2</v>
      </c>
      <c r="O23" s="61">
        <v>1</v>
      </c>
      <c r="P23" s="62">
        <v>3</v>
      </c>
      <c r="Q23" s="228"/>
      <c r="R23" s="61">
        <v>2</v>
      </c>
      <c r="S23" s="61">
        <v>0</v>
      </c>
      <c r="T23" s="61">
        <v>1</v>
      </c>
      <c r="U23" s="61">
        <v>1</v>
      </c>
      <c r="V23" s="61">
        <v>0</v>
      </c>
      <c r="W23" s="62">
        <v>4</v>
      </c>
      <c r="X23" s="63">
        <v>7</v>
      </c>
      <c r="Y23" s="60">
        <v>3</v>
      </c>
      <c r="Z23" s="61">
        <v>4</v>
      </c>
      <c r="AA23" s="62">
        <v>7</v>
      </c>
      <c r="AB23" s="228"/>
      <c r="AC23" s="61">
        <v>7</v>
      </c>
      <c r="AD23" s="61">
        <v>6</v>
      </c>
      <c r="AE23" s="61">
        <v>5</v>
      </c>
      <c r="AF23" s="61">
        <v>3</v>
      </c>
      <c r="AG23" s="61">
        <v>1</v>
      </c>
      <c r="AH23" s="62">
        <v>22</v>
      </c>
      <c r="AI23" s="63">
        <v>29</v>
      </c>
      <c r="AJ23" s="60">
        <v>3</v>
      </c>
      <c r="AK23" s="61">
        <v>7</v>
      </c>
      <c r="AL23" s="62">
        <v>10</v>
      </c>
      <c r="AM23" s="228"/>
      <c r="AN23" s="61">
        <v>5</v>
      </c>
      <c r="AO23" s="61">
        <v>3</v>
      </c>
      <c r="AP23" s="61">
        <v>4</v>
      </c>
      <c r="AQ23" s="61">
        <v>4</v>
      </c>
      <c r="AR23" s="61">
        <v>3</v>
      </c>
      <c r="AS23" s="62">
        <v>19</v>
      </c>
      <c r="AT23" s="63">
        <v>29</v>
      </c>
      <c r="AU23" s="60">
        <v>10</v>
      </c>
      <c r="AV23" s="61">
        <v>15</v>
      </c>
      <c r="AW23" s="62">
        <v>25</v>
      </c>
      <c r="AX23" s="228"/>
      <c r="AY23" s="61">
        <v>18</v>
      </c>
      <c r="AZ23" s="61">
        <v>16</v>
      </c>
      <c r="BA23" s="61">
        <v>10</v>
      </c>
      <c r="BB23" s="61">
        <v>5</v>
      </c>
      <c r="BC23" s="61">
        <v>4</v>
      </c>
      <c r="BD23" s="62">
        <v>53</v>
      </c>
      <c r="BE23" s="63">
        <v>78</v>
      </c>
      <c r="BF23" s="60">
        <v>5</v>
      </c>
      <c r="BG23" s="61">
        <v>22</v>
      </c>
      <c r="BH23" s="62">
        <v>27</v>
      </c>
      <c r="BI23" s="228"/>
      <c r="BJ23" s="61">
        <v>14</v>
      </c>
      <c r="BK23" s="61">
        <v>14</v>
      </c>
      <c r="BL23" s="61">
        <v>6</v>
      </c>
      <c r="BM23" s="61">
        <v>8</v>
      </c>
      <c r="BN23" s="61">
        <v>5</v>
      </c>
      <c r="BO23" s="62">
        <v>47</v>
      </c>
      <c r="BP23" s="63">
        <v>74</v>
      </c>
      <c r="BQ23" s="60">
        <v>6</v>
      </c>
      <c r="BR23" s="61">
        <v>10</v>
      </c>
      <c r="BS23" s="62">
        <v>16</v>
      </c>
      <c r="BT23" s="228"/>
      <c r="BU23" s="61">
        <v>10</v>
      </c>
      <c r="BV23" s="61">
        <v>11</v>
      </c>
      <c r="BW23" s="61">
        <v>5</v>
      </c>
      <c r="BX23" s="61">
        <v>5</v>
      </c>
      <c r="BY23" s="61">
        <v>5</v>
      </c>
      <c r="BZ23" s="62">
        <v>36</v>
      </c>
      <c r="CA23" s="63">
        <v>52</v>
      </c>
      <c r="CB23" s="60">
        <v>0</v>
      </c>
      <c r="CC23" s="61">
        <v>0</v>
      </c>
      <c r="CD23" s="62">
        <v>0</v>
      </c>
      <c r="CE23" s="228"/>
      <c r="CF23" s="61">
        <v>0</v>
      </c>
      <c r="CG23" s="61">
        <v>0</v>
      </c>
      <c r="CH23" s="61">
        <v>0</v>
      </c>
      <c r="CI23" s="61">
        <v>0</v>
      </c>
      <c r="CJ23" s="61">
        <v>0</v>
      </c>
      <c r="CK23" s="62">
        <v>0</v>
      </c>
      <c r="CL23" s="63">
        <v>0</v>
      </c>
      <c r="CM23" s="60">
        <v>29</v>
      </c>
      <c r="CN23" s="61">
        <v>59</v>
      </c>
      <c r="CO23" s="62">
        <v>88</v>
      </c>
      <c r="CP23" s="228"/>
      <c r="CQ23" s="61">
        <v>56</v>
      </c>
      <c r="CR23" s="61">
        <v>50</v>
      </c>
      <c r="CS23" s="61">
        <v>31</v>
      </c>
      <c r="CT23" s="61">
        <v>26</v>
      </c>
      <c r="CU23" s="61">
        <v>18</v>
      </c>
      <c r="CV23" s="62">
        <v>181</v>
      </c>
      <c r="CW23" s="63">
        <v>269</v>
      </c>
      <c r="CX23" s="113">
        <v>12</v>
      </c>
      <c r="CY23" s="72">
        <v>16</v>
      </c>
      <c r="CZ23" s="73">
        <v>28</v>
      </c>
      <c r="DA23" s="228"/>
      <c r="DB23" s="72">
        <v>24</v>
      </c>
      <c r="DC23" s="72">
        <v>23</v>
      </c>
      <c r="DD23" s="72">
        <v>8</v>
      </c>
      <c r="DE23" s="72">
        <v>16</v>
      </c>
      <c r="DF23" s="72">
        <v>6</v>
      </c>
      <c r="DG23" s="74">
        <v>77</v>
      </c>
      <c r="DH23" s="75">
        <v>105</v>
      </c>
      <c r="DI23" s="60">
        <v>1</v>
      </c>
      <c r="DJ23" s="61">
        <v>0</v>
      </c>
      <c r="DK23" s="62">
        <v>1</v>
      </c>
      <c r="DL23" s="228"/>
      <c r="DM23" s="61">
        <v>1</v>
      </c>
      <c r="DN23" s="61">
        <v>1</v>
      </c>
      <c r="DO23" s="61">
        <v>0</v>
      </c>
      <c r="DP23" s="61">
        <v>0</v>
      </c>
      <c r="DQ23" s="61">
        <v>0</v>
      </c>
      <c r="DR23" s="62">
        <v>2</v>
      </c>
      <c r="DS23" s="63">
        <v>3</v>
      </c>
      <c r="DT23" s="60">
        <v>1</v>
      </c>
      <c r="DU23" s="61">
        <v>0</v>
      </c>
      <c r="DV23" s="62">
        <v>1</v>
      </c>
      <c r="DW23" s="228"/>
      <c r="DX23" s="61">
        <v>1</v>
      </c>
      <c r="DY23" s="61">
        <v>0</v>
      </c>
      <c r="DZ23" s="61">
        <v>0</v>
      </c>
      <c r="EA23" s="61">
        <v>0</v>
      </c>
      <c r="EB23" s="61">
        <v>0</v>
      </c>
      <c r="EC23" s="62">
        <v>1</v>
      </c>
      <c r="ED23" s="63">
        <v>2</v>
      </c>
      <c r="EE23" s="60">
        <v>1</v>
      </c>
      <c r="EF23" s="61">
        <v>4</v>
      </c>
      <c r="EG23" s="62">
        <v>5</v>
      </c>
      <c r="EH23" s="228"/>
      <c r="EI23" s="61">
        <v>1</v>
      </c>
      <c r="EJ23" s="61">
        <v>4</v>
      </c>
      <c r="EK23" s="61">
        <v>2</v>
      </c>
      <c r="EL23" s="61">
        <v>1</v>
      </c>
      <c r="EM23" s="61">
        <v>1</v>
      </c>
      <c r="EN23" s="62">
        <v>9</v>
      </c>
      <c r="EO23" s="63">
        <v>14</v>
      </c>
      <c r="EP23" s="60">
        <v>3</v>
      </c>
      <c r="EQ23" s="61">
        <v>4</v>
      </c>
      <c r="ER23" s="62">
        <v>7</v>
      </c>
      <c r="ES23" s="228"/>
      <c r="ET23" s="61">
        <v>5</v>
      </c>
      <c r="EU23" s="61">
        <v>5</v>
      </c>
      <c r="EV23" s="61">
        <v>1</v>
      </c>
      <c r="EW23" s="61">
        <v>3</v>
      </c>
      <c r="EX23" s="61">
        <v>0</v>
      </c>
      <c r="EY23" s="62">
        <v>14</v>
      </c>
      <c r="EZ23" s="63">
        <v>21</v>
      </c>
      <c r="FA23" s="60">
        <v>5</v>
      </c>
      <c r="FB23" s="61">
        <v>2</v>
      </c>
      <c r="FC23" s="62">
        <v>7</v>
      </c>
      <c r="FD23" s="228"/>
      <c r="FE23" s="61">
        <v>7</v>
      </c>
      <c r="FF23" s="61">
        <v>5</v>
      </c>
      <c r="FG23" s="61">
        <v>1</v>
      </c>
      <c r="FH23" s="61">
        <v>3</v>
      </c>
      <c r="FI23" s="61">
        <v>1</v>
      </c>
      <c r="FJ23" s="62">
        <v>17</v>
      </c>
      <c r="FK23" s="63">
        <v>24</v>
      </c>
      <c r="FL23" s="60">
        <v>1</v>
      </c>
      <c r="FM23" s="61">
        <v>6</v>
      </c>
      <c r="FN23" s="62">
        <v>7</v>
      </c>
      <c r="FO23" s="228"/>
      <c r="FP23" s="61">
        <v>9</v>
      </c>
      <c r="FQ23" s="61">
        <v>8</v>
      </c>
      <c r="FR23" s="61">
        <v>4</v>
      </c>
      <c r="FS23" s="61">
        <v>9</v>
      </c>
      <c r="FT23" s="61">
        <v>4</v>
      </c>
      <c r="FU23" s="62">
        <v>34</v>
      </c>
      <c r="FV23" s="63">
        <v>41</v>
      </c>
      <c r="FW23" s="60">
        <v>0</v>
      </c>
      <c r="FX23" s="61">
        <v>0</v>
      </c>
      <c r="FY23" s="62">
        <v>0</v>
      </c>
      <c r="FZ23" s="228"/>
      <c r="GA23" s="61">
        <v>0</v>
      </c>
      <c r="GB23" s="61">
        <v>0</v>
      </c>
      <c r="GC23" s="61">
        <v>0</v>
      </c>
      <c r="GD23" s="61">
        <v>0</v>
      </c>
      <c r="GE23" s="61">
        <v>0</v>
      </c>
      <c r="GF23" s="62">
        <v>0</v>
      </c>
      <c r="GG23" s="63">
        <v>0</v>
      </c>
      <c r="GH23" s="60">
        <v>12</v>
      </c>
      <c r="GI23" s="61">
        <v>16</v>
      </c>
      <c r="GJ23" s="62">
        <v>28</v>
      </c>
      <c r="GK23" s="228"/>
      <c r="GL23" s="61">
        <v>24</v>
      </c>
      <c r="GM23" s="61">
        <v>23</v>
      </c>
      <c r="GN23" s="61">
        <v>8</v>
      </c>
      <c r="GO23" s="61">
        <v>16</v>
      </c>
      <c r="GP23" s="61">
        <v>6</v>
      </c>
      <c r="GQ23" s="62">
        <v>77</v>
      </c>
      <c r="GR23" s="63">
        <v>105</v>
      </c>
      <c r="GS23" s="113">
        <v>41</v>
      </c>
      <c r="GT23" s="72">
        <v>75</v>
      </c>
      <c r="GU23" s="73">
        <v>116</v>
      </c>
      <c r="GV23" s="228"/>
      <c r="GW23" s="72">
        <v>80</v>
      </c>
      <c r="GX23" s="72">
        <v>73</v>
      </c>
      <c r="GY23" s="72">
        <v>39</v>
      </c>
      <c r="GZ23" s="72">
        <v>42</v>
      </c>
      <c r="HA23" s="72">
        <v>24</v>
      </c>
      <c r="HB23" s="74">
        <v>258</v>
      </c>
      <c r="HC23" s="75">
        <v>374</v>
      </c>
      <c r="HD23" s="60">
        <v>3</v>
      </c>
      <c r="HE23" s="61">
        <v>1</v>
      </c>
      <c r="HF23" s="62">
        <v>4</v>
      </c>
      <c r="HG23" s="228"/>
      <c r="HH23" s="61">
        <v>3</v>
      </c>
      <c r="HI23" s="61">
        <v>1</v>
      </c>
      <c r="HJ23" s="61">
        <v>1</v>
      </c>
      <c r="HK23" s="61">
        <v>1</v>
      </c>
      <c r="HL23" s="61">
        <v>0</v>
      </c>
      <c r="HM23" s="62">
        <v>6</v>
      </c>
      <c r="HN23" s="63">
        <v>10</v>
      </c>
      <c r="HO23" s="60">
        <v>4</v>
      </c>
      <c r="HP23" s="61">
        <v>4</v>
      </c>
      <c r="HQ23" s="62">
        <v>8</v>
      </c>
      <c r="HR23" s="228"/>
      <c r="HS23" s="61">
        <v>8</v>
      </c>
      <c r="HT23" s="61">
        <v>6</v>
      </c>
      <c r="HU23" s="61">
        <v>5</v>
      </c>
      <c r="HV23" s="61">
        <v>3</v>
      </c>
      <c r="HW23" s="61">
        <v>1</v>
      </c>
      <c r="HX23" s="62">
        <v>23</v>
      </c>
      <c r="HY23" s="63">
        <v>31</v>
      </c>
      <c r="HZ23" s="60">
        <v>4</v>
      </c>
      <c r="IA23" s="61">
        <v>11</v>
      </c>
      <c r="IB23" s="62">
        <v>15</v>
      </c>
      <c r="IC23" s="228"/>
      <c r="ID23" s="61">
        <v>6</v>
      </c>
      <c r="IE23" s="61">
        <v>7</v>
      </c>
      <c r="IF23" s="61">
        <v>6</v>
      </c>
      <c r="IG23" s="61">
        <v>5</v>
      </c>
      <c r="IH23" s="61">
        <v>4</v>
      </c>
      <c r="II23" s="62">
        <v>28</v>
      </c>
      <c r="IJ23" s="63">
        <v>43</v>
      </c>
      <c r="IK23" s="60">
        <v>13</v>
      </c>
      <c r="IL23" s="61">
        <v>19</v>
      </c>
      <c r="IM23" s="62">
        <v>32</v>
      </c>
      <c r="IN23" s="228"/>
      <c r="IO23" s="61">
        <v>23</v>
      </c>
      <c r="IP23" s="61">
        <v>21</v>
      </c>
      <c r="IQ23" s="61">
        <v>11</v>
      </c>
      <c r="IR23" s="61">
        <v>8</v>
      </c>
      <c r="IS23" s="61">
        <v>4</v>
      </c>
      <c r="IT23" s="62">
        <v>67</v>
      </c>
      <c r="IU23" s="63">
        <v>99</v>
      </c>
      <c r="IV23" s="60">
        <v>10</v>
      </c>
      <c r="IW23" s="61">
        <v>24</v>
      </c>
      <c r="IX23" s="62">
        <v>34</v>
      </c>
      <c r="IY23" s="228"/>
      <c r="IZ23" s="61">
        <v>21</v>
      </c>
      <c r="JA23" s="61">
        <v>19</v>
      </c>
      <c r="JB23" s="61">
        <v>7</v>
      </c>
      <c r="JC23" s="61">
        <v>11</v>
      </c>
      <c r="JD23" s="61">
        <v>6</v>
      </c>
      <c r="JE23" s="62">
        <v>64</v>
      </c>
      <c r="JF23" s="63">
        <v>98</v>
      </c>
      <c r="JG23" s="60">
        <v>7</v>
      </c>
      <c r="JH23" s="61">
        <v>16</v>
      </c>
      <c r="JI23" s="62">
        <v>23</v>
      </c>
      <c r="JJ23" s="228"/>
      <c r="JK23" s="61">
        <v>19</v>
      </c>
      <c r="JL23" s="61">
        <v>19</v>
      </c>
      <c r="JM23" s="61">
        <v>9</v>
      </c>
      <c r="JN23" s="61">
        <v>14</v>
      </c>
      <c r="JO23" s="61">
        <v>9</v>
      </c>
      <c r="JP23" s="62">
        <v>70</v>
      </c>
      <c r="JQ23" s="63">
        <v>93</v>
      </c>
      <c r="JR23" s="60">
        <v>0</v>
      </c>
      <c r="JS23" s="61">
        <v>0</v>
      </c>
      <c r="JT23" s="62">
        <v>0</v>
      </c>
      <c r="JU23" s="228"/>
      <c r="JV23" s="61">
        <v>0</v>
      </c>
      <c r="JW23" s="61">
        <v>0</v>
      </c>
      <c r="JX23" s="61">
        <v>0</v>
      </c>
      <c r="JY23" s="61">
        <v>0</v>
      </c>
      <c r="JZ23" s="61">
        <v>0</v>
      </c>
      <c r="KA23" s="62">
        <v>0</v>
      </c>
      <c r="KB23" s="63">
        <v>0</v>
      </c>
      <c r="KC23" s="60">
        <v>41</v>
      </c>
      <c r="KD23" s="61">
        <v>75</v>
      </c>
      <c r="KE23" s="62">
        <v>116</v>
      </c>
      <c r="KF23" s="228"/>
      <c r="KG23" s="61">
        <v>80</v>
      </c>
      <c r="KH23" s="61">
        <v>73</v>
      </c>
      <c r="KI23" s="61">
        <v>39</v>
      </c>
      <c r="KJ23" s="61">
        <v>42</v>
      </c>
      <c r="KK23" s="61">
        <v>24</v>
      </c>
      <c r="KL23" s="62">
        <v>258</v>
      </c>
      <c r="KM23" s="63">
        <v>374</v>
      </c>
    </row>
    <row r="24" spans="2:299" ht="21" customHeight="1" x14ac:dyDescent="0.2">
      <c r="B24" s="472" t="s">
        <v>21</v>
      </c>
      <c r="C24" s="293">
        <v>28</v>
      </c>
      <c r="D24" s="72">
        <v>34</v>
      </c>
      <c r="E24" s="73">
        <v>62</v>
      </c>
      <c r="F24" s="228"/>
      <c r="G24" s="72">
        <v>46</v>
      </c>
      <c r="H24" s="72">
        <v>36</v>
      </c>
      <c r="I24" s="72">
        <v>25</v>
      </c>
      <c r="J24" s="72">
        <v>22</v>
      </c>
      <c r="K24" s="72">
        <v>15</v>
      </c>
      <c r="L24" s="74">
        <v>144</v>
      </c>
      <c r="M24" s="75">
        <v>206</v>
      </c>
      <c r="N24" s="60">
        <v>0</v>
      </c>
      <c r="O24" s="61">
        <v>4</v>
      </c>
      <c r="P24" s="62">
        <v>4</v>
      </c>
      <c r="Q24" s="228"/>
      <c r="R24" s="61">
        <v>3</v>
      </c>
      <c r="S24" s="61">
        <v>0</v>
      </c>
      <c r="T24" s="61">
        <v>1</v>
      </c>
      <c r="U24" s="61">
        <v>2</v>
      </c>
      <c r="V24" s="61">
        <v>3</v>
      </c>
      <c r="W24" s="62">
        <v>9</v>
      </c>
      <c r="X24" s="63">
        <v>13</v>
      </c>
      <c r="Y24" s="60">
        <v>4</v>
      </c>
      <c r="Z24" s="61">
        <v>2</v>
      </c>
      <c r="AA24" s="62">
        <v>6</v>
      </c>
      <c r="AB24" s="228"/>
      <c r="AC24" s="61">
        <v>3</v>
      </c>
      <c r="AD24" s="61">
        <v>5</v>
      </c>
      <c r="AE24" s="61">
        <v>1</v>
      </c>
      <c r="AF24" s="61">
        <v>3</v>
      </c>
      <c r="AG24" s="61">
        <v>0</v>
      </c>
      <c r="AH24" s="62">
        <v>12</v>
      </c>
      <c r="AI24" s="63">
        <v>18</v>
      </c>
      <c r="AJ24" s="60">
        <v>3</v>
      </c>
      <c r="AK24" s="61">
        <v>5</v>
      </c>
      <c r="AL24" s="62">
        <v>8</v>
      </c>
      <c r="AM24" s="228"/>
      <c r="AN24" s="61">
        <v>8</v>
      </c>
      <c r="AO24" s="61">
        <v>3</v>
      </c>
      <c r="AP24" s="61">
        <v>3</v>
      </c>
      <c r="AQ24" s="61">
        <v>2</v>
      </c>
      <c r="AR24" s="61">
        <v>1</v>
      </c>
      <c r="AS24" s="62">
        <v>17</v>
      </c>
      <c r="AT24" s="63">
        <v>25</v>
      </c>
      <c r="AU24" s="60">
        <v>3</v>
      </c>
      <c r="AV24" s="61">
        <v>8</v>
      </c>
      <c r="AW24" s="62">
        <v>11</v>
      </c>
      <c r="AX24" s="228"/>
      <c r="AY24" s="61">
        <v>12</v>
      </c>
      <c r="AZ24" s="61">
        <v>6</v>
      </c>
      <c r="BA24" s="61">
        <v>5</v>
      </c>
      <c r="BB24" s="61">
        <v>8</v>
      </c>
      <c r="BC24" s="61">
        <v>2</v>
      </c>
      <c r="BD24" s="62">
        <v>33</v>
      </c>
      <c r="BE24" s="63">
        <v>44</v>
      </c>
      <c r="BF24" s="60">
        <v>12</v>
      </c>
      <c r="BG24" s="61">
        <v>8</v>
      </c>
      <c r="BH24" s="62">
        <v>20</v>
      </c>
      <c r="BI24" s="228"/>
      <c r="BJ24" s="61">
        <v>12</v>
      </c>
      <c r="BK24" s="61">
        <v>13</v>
      </c>
      <c r="BL24" s="61">
        <v>5</v>
      </c>
      <c r="BM24" s="61">
        <v>5</v>
      </c>
      <c r="BN24" s="61">
        <v>5</v>
      </c>
      <c r="BO24" s="62">
        <v>40</v>
      </c>
      <c r="BP24" s="63">
        <v>60</v>
      </c>
      <c r="BQ24" s="60">
        <v>6</v>
      </c>
      <c r="BR24" s="61">
        <v>7</v>
      </c>
      <c r="BS24" s="62">
        <v>13</v>
      </c>
      <c r="BT24" s="228"/>
      <c r="BU24" s="61">
        <v>8</v>
      </c>
      <c r="BV24" s="61">
        <v>9</v>
      </c>
      <c r="BW24" s="61">
        <v>10</v>
      </c>
      <c r="BX24" s="61">
        <v>2</v>
      </c>
      <c r="BY24" s="61">
        <v>4</v>
      </c>
      <c r="BZ24" s="62">
        <v>33</v>
      </c>
      <c r="CA24" s="63">
        <v>46</v>
      </c>
      <c r="CB24" s="60">
        <v>0</v>
      </c>
      <c r="CC24" s="61">
        <v>0</v>
      </c>
      <c r="CD24" s="62">
        <v>0</v>
      </c>
      <c r="CE24" s="228"/>
      <c r="CF24" s="61">
        <v>0</v>
      </c>
      <c r="CG24" s="61">
        <v>0</v>
      </c>
      <c r="CH24" s="61">
        <v>0</v>
      </c>
      <c r="CI24" s="61">
        <v>0</v>
      </c>
      <c r="CJ24" s="61">
        <v>0</v>
      </c>
      <c r="CK24" s="62">
        <v>0</v>
      </c>
      <c r="CL24" s="63">
        <v>0</v>
      </c>
      <c r="CM24" s="60">
        <v>28</v>
      </c>
      <c r="CN24" s="61">
        <v>34</v>
      </c>
      <c r="CO24" s="62">
        <v>62</v>
      </c>
      <c r="CP24" s="228"/>
      <c r="CQ24" s="61">
        <v>46</v>
      </c>
      <c r="CR24" s="61">
        <v>36</v>
      </c>
      <c r="CS24" s="61">
        <v>25</v>
      </c>
      <c r="CT24" s="61">
        <v>22</v>
      </c>
      <c r="CU24" s="61">
        <v>15</v>
      </c>
      <c r="CV24" s="62">
        <v>144</v>
      </c>
      <c r="CW24" s="63">
        <v>206</v>
      </c>
      <c r="CX24" s="113">
        <v>12</v>
      </c>
      <c r="CY24" s="72">
        <v>7</v>
      </c>
      <c r="CZ24" s="73">
        <v>19</v>
      </c>
      <c r="DA24" s="228"/>
      <c r="DB24" s="72">
        <v>15</v>
      </c>
      <c r="DC24" s="72">
        <v>15</v>
      </c>
      <c r="DD24" s="72">
        <v>8</v>
      </c>
      <c r="DE24" s="72">
        <v>7</v>
      </c>
      <c r="DF24" s="72">
        <v>9</v>
      </c>
      <c r="DG24" s="74">
        <v>54</v>
      </c>
      <c r="DH24" s="75">
        <v>73</v>
      </c>
      <c r="DI24" s="60">
        <v>0</v>
      </c>
      <c r="DJ24" s="61">
        <v>0</v>
      </c>
      <c r="DK24" s="62">
        <v>0</v>
      </c>
      <c r="DL24" s="228"/>
      <c r="DM24" s="61">
        <v>0</v>
      </c>
      <c r="DN24" s="61">
        <v>0</v>
      </c>
      <c r="DO24" s="61">
        <v>0</v>
      </c>
      <c r="DP24" s="61">
        <v>0</v>
      </c>
      <c r="DQ24" s="61">
        <v>0</v>
      </c>
      <c r="DR24" s="62">
        <v>0</v>
      </c>
      <c r="DS24" s="63">
        <v>0</v>
      </c>
      <c r="DT24" s="60">
        <v>3</v>
      </c>
      <c r="DU24" s="61">
        <v>0</v>
      </c>
      <c r="DV24" s="62">
        <v>3</v>
      </c>
      <c r="DW24" s="228"/>
      <c r="DX24" s="61">
        <v>2</v>
      </c>
      <c r="DY24" s="61">
        <v>3</v>
      </c>
      <c r="DZ24" s="61">
        <v>0</v>
      </c>
      <c r="EA24" s="61">
        <v>0</v>
      </c>
      <c r="EB24" s="61">
        <v>1</v>
      </c>
      <c r="EC24" s="62">
        <v>6</v>
      </c>
      <c r="ED24" s="63">
        <v>9</v>
      </c>
      <c r="EE24" s="60">
        <v>0</v>
      </c>
      <c r="EF24" s="61">
        <v>1</v>
      </c>
      <c r="EG24" s="62">
        <v>1</v>
      </c>
      <c r="EH24" s="228"/>
      <c r="EI24" s="61">
        <v>2</v>
      </c>
      <c r="EJ24" s="61">
        <v>0</v>
      </c>
      <c r="EK24" s="61">
        <v>0</v>
      </c>
      <c r="EL24" s="61">
        <v>0</v>
      </c>
      <c r="EM24" s="61">
        <v>0</v>
      </c>
      <c r="EN24" s="62">
        <v>2</v>
      </c>
      <c r="EO24" s="63">
        <v>3</v>
      </c>
      <c r="EP24" s="60">
        <v>6</v>
      </c>
      <c r="EQ24" s="61">
        <v>3</v>
      </c>
      <c r="ER24" s="62">
        <v>9</v>
      </c>
      <c r="ES24" s="228"/>
      <c r="ET24" s="61">
        <v>1</v>
      </c>
      <c r="EU24" s="61">
        <v>4</v>
      </c>
      <c r="EV24" s="61">
        <v>0</v>
      </c>
      <c r="EW24" s="61">
        <v>1</v>
      </c>
      <c r="EX24" s="61">
        <v>1</v>
      </c>
      <c r="EY24" s="62">
        <v>7</v>
      </c>
      <c r="EZ24" s="63">
        <v>16</v>
      </c>
      <c r="FA24" s="60">
        <v>0</v>
      </c>
      <c r="FB24" s="61">
        <v>3</v>
      </c>
      <c r="FC24" s="62">
        <v>3</v>
      </c>
      <c r="FD24" s="228"/>
      <c r="FE24" s="61">
        <v>2</v>
      </c>
      <c r="FF24" s="61">
        <v>3</v>
      </c>
      <c r="FG24" s="61">
        <v>4</v>
      </c>
      <c r="FH24" s="61">
        <v>2</v>
      </c>
      <c r="FI24" s="61">
        <v>2</v>
      </c>
      <c r="FJ24" s="62">
        <v>13</v>
      </c>
      <c r="FK24" s="63">
        <v>16</v>
      </c>
      <c r="FL24" s="60">
        <v>3</v>
      </c>
      <c r="FM24" s="61">
        <v>0</v>
      </c>
      <c r="FN24" s="62">
        <v>3</v>
      </c>
      <c r="FO24" s="228"/>
      <c r="FP24" s="61">
        <v>8</v>
      </c>
      <c r="FQ24" s="61">
        <v>5</v>
      </c>
      <c r="FR24" s="61">
        <v>4</v>
      </c>
      <c r="FS24" s="61">
        <v>4</v>
      </c>
      <c r="FT24" s="61">
        <v>5</v>
      </c>
      <c r="FU24" s="62">
        <v>26</v>
      </c>
      <c r="FV24" s="63">
        <v>29</v>
      </c>
      <c r="FW24" s="60">
        <v>0</v>
      </c>
      <c r="FX24" s="61">
        <v>0</v>
      </c>
      <c r="FY24" s="62">
        <v>0</v>
      </c>
      <c r="FZ24" s="228"/>
      <c r="GA24" s="61">
        <v>0</v>
      </c>
      <c r="GB24" s="61">
        <v>0</v>
      </c>
      <c r="GC24" s="61">
        <v>0</v>
      </c>
      <c r="GD24" s="61">
        <v>0</v>
      </c>
      <c r="GE24" s="61">
        <v>0</v>
      </c>
      <c r="GF24" s="62">
        <v>0</v>
      </c>
      <c r="GG24" s="63">
        <v>0</v>
      </c>
      <c r="GH24" s="60">
        <v>12</v>
      </c>
      <c r="GI24" s="61">
        <v>7</v>
      </c>
      <c r="GJ24" s="62">
        <v>19</v>
      </c>
      <c r="GK24" s="228"/>
      <c r="GL24" s="61">
        <v>15</v>
      </c>
      <c r="GM24" s="61">
        <v>15</v>
      </c>
      <c r="GN24" s="61">
        <v>8</v>
      </c>
      <c r="GO24" s="61">
        <v>7</v>
      </c>
      <c r="GP24" s="61">
        <v>9</v>
      </c>
      <c r="GQ24" s="62">
        <v>54</v>
      </c>
      <c r="GR24" s="63">
        <v>73</v>
      </c>
      <c r="GS24" s="113">
        <v>40</v>
      </c>
      <c r="GT24" s="72">
        <v>41</v>
      </c>
      <c r="GU24" s="73">
        <v>81</v>
      </c>
      <c r="GV24" s="228"/>
      <c r="GW24" s="72">
        <v>61</v>
      </c>
      <c r="GX24" s="72">
        <v>51</v>
      </c>
      <c r="GY24" s="72">
        <v>33</v>
      </c>
      <c r="GZ24" s="72">
        <v>29</v>
      </c>
      <c r="HA24" s="72">
        <v>24</v>
      </c>
      <c r="HB24" s="74">
        <v>198</v>
      </c>
      <c r="HC24" s="75">
        <v>279</v>
      </c>
      <c r="HD24" s="60">
        <v>0</v>
      </c>
      <c r="HE24" s="61">
        <v>4</v>
      </c>
      <c r="HF24" s="62">
        <v>4</v>
      </c>
      <c r="HG24" s="228"/>
      <c r="HH24" s="61">
        <v>3</v>
      </c>
      <c r="HI24" s="61">
        <v>0</v>
      </c>
      <c r="HJ24" s="61">
        <v>1</v>
      </c>
      <c r="HK24" s="61">
        <v>2</v>
      </c>
      <c r="HL24" s="61">
        <v>3</v>
      </c>
      <c r="HM24" s="62">
        <v>9</v>
      </c>
      <c r="HN24" s="63">
        <v>13</v>
      </c>
      <c r="HO24" s="60">
        <v>7</v>
      </c>
      <c r="HP24" s="61">
        <v>2</v>
      </c>
      <c r="HQ24" s="62">
        <v>9</v>
      </c>
      <c r="HR24" s="228"/>
      <c r="HS24" s="61">
        <v>5</v>
      </c>
      <c r="HT24" s="61">
        <v>8</v>
      </c>
      <c r="HU24" s="61">
        <v>1</v>
      </c>
      <c r="HV24" s="61">
        <v>3</v>
      </c>
      <c r="HW24" s="61">
        <v>1</v>
      </c>
      <c r="HX24" s="62">
        <v>18</v>
      </c>
      <c r="HY24" s="63">
        <v>27</v>
      </c>
      <c r="HZ24" s="60">
        <v>3</v>
      </c>
      <c r="IA24" s="61">
        <v>6</v>
      </c>
      <c r="IB24" s="62">
        <v>9</v>
      </c>
      <c r="IC24" s="228"/>
      <c r="ID24" s="61">
        <v>10</v>
      </c>
      <c r="IE24" s="61">
        <v>3</v>
      </c>
      <c r="IF24" s="61">
        <v>3</v>
      </c>
      <c r="IG24" s="61">
        <v>2</v>
      </c>
      <c r="IH24" s="61">
        <v>1</v>
      </c>
      <c r="II24" s="62">
        <v>19</v>
      </c>
      <c r="IJ24" s="63">
        <v>28</v>
      </c>
      <c r="IK24" s="60">
        <v>9</v>
      </c>
      <c r="IL24" s="61">
        <v>11</v>
      </c>
      <c r="IM24" s="62">
        <v>20</v>
      </c>
      <c r="IN24" s="228"/>
      <c r="IO24" s="61">
        <v>13</v>
      </c>
      <c r="IP24" s="61">
        <v>10</v>
      </c>
      <c r="IQ24" s="61">
        <v>5</v>
      </c>
      <c r="IR24" s="61">
        <v>9</v>
      </c>
      <c r="IS24" s="61">
        <v>3</v>
      </c>
      <c r="IT24" s="62">
        <v>40</v>
      </c>
      <c r="IU24" s="63">
        <v>60</v>
      </c>
      <c r="IV24" s="60">
        <v>12</v>
      </c>
      <c r="IW24" s="61">
        <v>11</v>
      </c>
      <c r="IX24" s="62">
        <v>23</v>
      </c>
      <c r="IY24" s="228"/>
      <c r="IZ24" s="61">
        <v>14</v>
      </c>
      <c r="JA24" s="61">
        <v>16</v>
      </c>
      <c r="JB24" s="61">
        <v>9</v>
      </c>
      <c r="JC24" s="61">
        <v>7</v>
      </c>
      <c r="JD24" s="61">
        <v>7</v>
      </c>
      <c r="JE24" s="62">
        <v>53</v>
      </c>
      <c r="JF24" s="63">
        <v>76</v>
      </c>
      <c r="JG24" s="60">
        <v>9</v>
      </c>
      <c r="JH24" s="61">
        <v>7</v>
      </c>
      <c r="JI24" s="62">
        <v>16</v>
      </c>
      <c r="JJ24" s="228"/>
      <c r="JK24" s="61">
        <v>16</v>
      </c>
      <c r="JL24" s="61">
        <v>14</v>
      </c>
      <c r="JM24" s="61">
        <v>14</v>
      </c>
      <c r="JN24" s="61">
        <v>6</v>
      </c>
      <c r="JO24" s="61">
        <v>9</v>
      </c>
      <c r="JP24" s="62">
        <v>59</v>
      </c>
      <c r="JQ24" s="63">
        <v>75</v>
      </c>
      <c r="JR24" s="60">
        <v>0</v>
      </c>
      <c r="JS24" s="61">
        <v>0</v>
      </c>
      <c r="JT24" s="62">
        <v>0</v>
      </c>
      <c r="JU24" s="228"/>
      <c r="JV24" s="61">
        <v>0</v>
      </c>
      <c r="JW24" s="61">
        <v>0</v>
      </c>
      <c r="JX24" s="61">
        <v>0</v>
      </c>
      <c r="JY24" s="61">
        <v>0</v>
      </c>
      <c r="JZ24" s="61">
        <v>0</v>
      </c>
      <c r="KA24" s="62">
        <v>0</v>
      </c>
      <c r="KB24" s="63">
        <v>0</v>
      </c>
      <c r="KC24" s="60">
        <v>40</v>
      </c>
      <c r="KD24" s="61">
        <v>41</v>
      </c>
      <c r="KE24" s="62">
        <v>81</v>
      </c>
      <c r="KF24" s="228"/>
      <c r="KG24" s="61">
        <v>61</v>
      </c>
      <c r="KH24" s="61">
        <v>51</v>
      </c>
      <c r="KI24" s="61">
        <v>33</v>
      </c>
      <c r="KJ24" s="61">
        <v>29</v>
      </c>
      <c r="KK24" s="61">
        <v>24</v>
      </c>
      <c r="KL24" s="62">
        <v>198</v>
      </c>
      <c r="KM24" s="63">
        <v>279</v>
      </c>
    </row>
    <row r="25" spans="2:299" ht="21" customHeight="1" x14ac:dyDescent="0.2">
      <c r="B25" s="472" t="s">
        <v>22</v>
      </c>
      <c r="C25" s="293">
        <v>10</v>
      </c>
      <c r="D25" s="72">
        <v>10</v>
      </c>
      <c r="E25" s="73">
        <v>20</v>
      </c>
      <c r="F25" s="228"/>
      <c r="G25" s="72">
        <v>25</v>
      </c>
      <c r="H25" s="72">
        <v>17</v>
      </c>
      <c r="I25" s="72">
        <v>12</v>
      </c>
      <c r="J25" s="72">
        <v>8</v>
      </c>
      <c r="K25" s="72">
        <v>8</v>
      </c>
      <c r="L25" s="74">
        <v>70</v>
      </c>
      <c r="M25" s="75">
        <v>90</v>
      </c>
      <c r="N25" s="60">
        <v>0</v>
      </c>
      <c r="O25" s="61">
        <v>0</v>
      </c>
      <c r="P25" s="62">
        <v>0</v>
      </c>
      <c r="Q25" s="228"/>
      <c r="R25" s="61">
        <v>0</v>
      </c>
      <c r="S25" s="61">
        <v>0</v>
      </c>
      <c r="T25" s="61">
        <v>0</v>
      </c>
      <c r="U25" s="61">
        <v>1</v>
      </c>
      <c r="V25" s="61">
        <v>0</v>
      </c>
      <c r="W25" s="62">
        <v>1</v>
      </c>
      <c r="X25" s="63">
        <v>1</v>
      </c>
      <c r="Y25" s="60">
        <v>1</v>
      </c>
      <c r="Z25" s="61">
        <v>1</v>
      </c>
      <c r="AA25" s="62">
        <v>2</v>
      </c>
      <c r="AB25" s="228"/>
      <c r="AC25" s="61">
        <v>4</v>
      </c>
      <c r="AD25" s="61">
        <v>0</v>
      </c>
      <c r="AE25" s="61">
        <v>0</v>
      </c>
      <c r="AF25" s="61">
        <v>0</v>
      </c>
      <c r="AG25" s="61">
        <v>2</v>
      </c>
      <c r="AH25" s="62">
        <v>6</v>
      </c>
      <c r="AI25" s="63">
        <v>8</v>
      </c>
      <c r="AJ25" s="60">
        <v>0</v>
      </c>
      <c r="AK25" s="61">
        <v>0</v>
      </c>
      <c r="AL25" s="62">
        <v>0</v>
      </c>
      <c r="AM25" s="228"/>
      <c r="AN25" s="61">
        <v>3</v>
      </c>
      <c r="AO25" s="61">
        <v>0</v>
      </c>
      <c r="AP25" s="61">
        <v>1</v>
      </c>
      <c r="AQ25" s="61">
        <v>0</v>
      </c>
      <c r="AR25" s="61">
        <v>2</v>
      </c>
      <c r="AS25" s="62">
        <v>6</v>
      </c>
      <c r="AT25" s="63">
        <v>6</v>
      </c>
      <c r="AU25" s="60">
        <v>6</v>
      </c>
      <c r="AV25" s="61">
        <v>6</v>
      </c>
      <c r="AW25" s="62">
        <v>12</v>
      </c>
      <c r="AX25" s="228"/>
      <c r="AY25" s="61">
        <v>5</v>
      </c>
      <c r="AZ25" s="61">
        <v>7</v>
      </c>
      <c r="BA25" s="61">
        <v>3</v>
      </c>
      <c r="BB25" s="61">
        <v>1</v>
      </c>
      <c r="BC25" s="61">
        <v>2</v>
      </c>
      <c r="BD25" s="62">
        <v>18</v>
      </c>
      <c r="BE25" s="63">
        <v>30</v>
      </c>
      <c r="BF25" s="60">
        <v>2</v>
      </c>
      <c r="BG25" s="61">
        <v>2</v>
      </c>
      <c r="BH25" s="62">
        <v>4</v>
      </c>
      <c r="BI25" s="228"/>
      <c r="BJ25" s="61">
        <v>6</v>
      </c>
      <c r="BK25" s="61">
        <v>3</v>
      </c>
      <c r="BL25" s="61">
        <v>3</v>
      </c>
      <c r="BM25" s="61">
        <v>1</v>
      </c>
      <c r="BN25" s="61">
        <v>1</v>
      </c>
      <c r="BO25" s="62">
        <v>14</v>
      </c>
      <c r="BP25" s="63">
        <v>18</v>
      </c>
      <c r="BQ25" s="60">
        <v>1</v>
      </c>
      <c r="BR25" s="61">
        <v>1</v>
      </c>
      <c r="BS25" s="62">
        <v>2</v>
      </c>
      <c r="BT25" s="228"/>
      <c r="BU25" s="61">
        <v>7</v>
      </c>
      <c r="BV25" s="61">
        <v>7</v>
      </c>
      <c r="BW25" s="61">
        <v>5</v>
      </c>
      <c r="BX25" s="61">
        <v>5</v>
      </c>
      <c r="BY25" s="61">
        <v>1</v>
      </c>
      <c r="BZ25" s="62">
        <v>25</v>
      </c>
      <c r="CA25" s="63">
        <v>27</v>
      </c>
      <c r="CB25" s="60">
        <v>0</v>
      </c>
      <c r="CC25" s="61">
        <v>0</v>
      </c>
      <c r="CD25" s="62">
        <v>0</v>
      </c>
      <c r="CE25" s="228"/>
      <c r="CF25" s="61">
        <v>0</v>
      </c>
      <c r="CG25" s="61">
        <v>0</v>
      </c>
      <c r="CH25" s="61">
        <v>0</v>
      </c>
      <c r="CI25" s="61">
        <v>0</v>
      </c>
      <c r="CJ25" s="61">
        <v>0</v>
      </c>
      <c r="CK25" s="62">
        <v>0</v>
      </c>
      <c r="CL25" s="63">
        <v>0</v>
      </c>
      <c r="CM25" s="60">
        <v>10</v>
      </c>
      <c r="CN25" s="61">
        <v>10</v>
      </c>
      <c r="CO25" s="62">
        <v>20</v>
      </c>
      <c r="CP25" s="228"/>
      <c r="CQ25" s="61">
        <v>25</v>
      </c>
      <c r="CR25" s="61">
        <v>17</v>
      </c>
      <c r="CS25" s="61">
        <v>12</v>
      </c>
      <c r="CT25" s="61">
        <v>8</v>
      </c>
      <c r="CU25" s="61">
        <v>8</v>
      </c>
      <c r="CV25" s="62">
        <v>70</v>
      </c>
      <c r="CW25" s="63">
        <v>90</v>
      </c>
      <c r="CX25" s="113">
        <v>1</v>
      </c>
      <c r="CY25" s="72">
        <v>4</v>
      </c>
      <c r="CZ25" s="73">
        <v>5</v>
      </c>
      <c r="DA25" s="228"/>
      <c r="DB25" s="72">
        <v>10</v>
      </c>
      <c r="DC25" s="72">
        <v>3</v>
      </c>
      <c r="DD25" s="72">
        <v>4</v>
      </c>
      <c r="DE25" s="72">
        <v>3</v>
      </c>
      <c r="DF25" s="72">
        <v>2</v>
      </c>
      <c r="DG25" s="74">
        <v>22</v>
      </c>
      <c r="DH25" s="75">
        <v>27</v>
      </c>
      <c r="DI25" s="60">
        <v>0</v>
      </c>
      <c r="DJ25" s="61">
        <v>0</v>
      </c>
      <c r="DK25" s="62">
        <v>0</v>
      </c>
      <c r="DL25" s="228"/>
      <c r="DM25" s="61">
        <v>0</v>
      </c>
      <c r="DN25" s="61">
        <v>0</v>
      </c>
      <c r="DO25" s="61">
        <v>0</v>
      </c>
      <c r="DP25" s="61">
        <v>0</v>
      </c>
      <c r="DQ25" s="61">
        <v>0</v>
      </c>
      <c r="DR25" s="62">
        <v>0</v>
      </c>
      <c r="DS25" s="63">
        <v>0</v>
      </c>
      <c r="DT25" s="60">
        <v>0</v>
      </c>
      <c r="DU25" s="61">
        <v>0</v>
      </c>
      <c r="DV25" s="62">
        <v>0</v>
      </c>
      <c r="DW25" s="228"/>
      <c r="DX25" s="61">
        <v>0</v>
      </c>
      <c r="DY25" s="61">
        <v>0</v>
      </c>
      <c r="DZ25" s="61">
        <v>0</v>
      </c>
      <c r="EA25" s="61">
        <v>0</v>
      </c>
      <c r="EB25" s="61">
        <v>0</v>
      </c>
      <c r="EC25" s="62">
        <v>0</v>
      </c>
      <c r="ED25" s="63">
        <v>0</v>
      </c>
      <c r="EE25" s="60">
        <v>1</v>
      </c>
      <c r="EF25" s="61">
        <v>1</v>
      </c>
      <c r="EG25" s="62">
        <v>2</v>
      </c>
      <c r="EH25" s="228"/>
      <c r="EI25" s="61">
        <v>0</v>
      </c>
      <c r="EJ25" s="61">
        <v>1</v>
      </c>
      <c r="EK25" s="61">
        <v>0</v>
      </c>
      <c r="EL25" s="61">
        <v>0</v>
      </c>
      <c r="EM25" s="61">
        <v>0</v>
      </c>
      <c r="EN25" s="62">
        <v>1</v>
      </c>
      <c r="EO25" s="63">
        <v>3</v>
      </c>
      <c r="EP25" s="60">
        <v>0</v>
      </c>
      <c r="EQ25" s="61">
        <v>1</v>
      </c>
      <c r="ER25" s="62">
        <v>1</v>
      </c>
      <c r="ES25" s="228"/>
      <c r="ET25" s="61">
        <v>3</v>
      </c>
      <c r="EU25" s="61">
        <v>0</v>
      </c>
      <c r="EV25" s="61">
        <v>1</v>
      </c>
      <c r="EW25" s="61">
        <v>1</v>
      </c>
      <c r="EX25" s="61">
        <v>0</v>
      </c>
      <c r="EY25" s="62">
        <v>5</v>
      </c>
      <c r="EZ25" s="63">
        <v>6</v>
      </c>
      <c r="FA25" s="60">
        <v>0</v>
      </c>
      <c r="FB25" s="61">
        <v>0</v>
      </c>
      <c r="FC25" s="62">
        <v>0</v>
      </c>
      <c r="FD25" s="228"/>
      <c r="FE25" s="61">
        <v>1</v>
      </c>
      <c r="FF25" s="61">
        <v>1</v>
      </c>
      <c r="FG25" s="61">
        <v>2</v>
      </c>
      <c r="FH25" s="61">
        <v>0</v>
      </c>
      <c r="FI25" s="61">
        <v>0</v>
      </c>
      <c r="FJ25" s="62">
        <v>4</v>
      </c>
      <c r="FK25" s="63">
        <v>4</v>
      </c>
      <c r="FL25" s="60">
        <v>0</v>
      </c>
      <c r="FM25" s="61">
        <v>2</v>
      </c>
      <c r="FN25" s="62">
        <v>2</v>
      </c>
      <c r="FO25" s="228"/>
      <c r="FP25" s="61">
        <v>6</v>
      </c>
      <c r="FQ25" s="61">
        <v>1</v>
      </c>
      <c r="FR25" s="61">
        <v>1</v>
      </c>
      <c r="FS25" s="61">
        <v>2</v>
      </c>
      <c r="FT25" s="61">
        <v>2</v>
      </c>
      <c r="FU25" s="62">
        <v>12</v>
      </c>
      <c r="FV25" s="63">
        <v>14</v>
      </c>
      <c r="FW25" s="60">
        <v>0</v>
      </c>
      <c r="FX25" s="61">
        <v>0</v>
      </c>
      <c r="FY25" s="62">
        <v>0</v>
      </c>
      <c r="FZ25" s="228"/>
      <c r="GA25" s="61">
        <v>0</v>
      </c>
      <c r="GB25" s="61">
        <v>0</v>
      </c>
      <c r="GC25" s="61">
        <v>0</v>
      </c>
      <c r="GD25" s="61">
        <v>0</v>
      </c>
      <c r="GE25" s="61">
        <v>0</v>
      </c>
      <c r="GF25" s="62">
        <v>0</v>
      </c>
      <c r="GG25" s="63">
        <v>0</v>
      </c>
      <c r="GH25" s="60">
        <v>1</v>
      </c>
      <c r="GI25" s="61">
        <v>4</v>
      </c>
      <c r="GJ25" s="62">
        <v>5</v>
      </c>
      <c r="GK25" s="228"/>
      <c r="GL25" s="61">
        <v>10</v>
      </c>
      <c r="GM25" s="61">
        <v>3</v>
      </c>
      <c r="GN25" s="61">
        <v>4</v>
      </c>
      <c r="GO25" s="61">
        <v>3</v>
      </c>
      <c r="GP25" s="61">
        <v>2</v>
      </c>
      <c r="GQ25" s="62">
        <v>22</v>
      </c>
      <c r="GR25" s="63">
        <v>27</v>
      </c>
      <c r="GS25" s="113">
        <v>11</v>
      </c>
      <c r="GT25" s="72">
        <v>14</v>
      </c>
      <c r="GU25" s="73">
        <v>25</v>
      </c>
      <c r="GV25" s="228"/>
      <c r="GW25" s="72">
        <v>35</v>
      </c>
      <c r="GX25" s="72">
        <v>20</v>
      </c>
      <c r="GY25" s="72">
        <v>16</v>
      </c>
      <c r="GZ25" s="72">
        <v>11</v>
      </c>
      <c r="HA25" s="72">
        <v>10</v>
      </c>
      <c r="HB25" s="74">
        <v>92</v>
      </c>
      <c r="HC25" s="75">
        <v>117</v>
      </c>
      <c r="HD25" s="60">
        <v>0</v>
      </c>
      <c r="HE25" s="61">
        <v>0</v>
      </c>
      <c r="HF25" s="62">
        <v>0</v>
      </c>
      <c r="HG25" s="228"/>
      <c r="HH25" s="61">
        <v>0</v>
      </c>
      <c r="HI25" s="61">
        <v>0</v>
      </c>
      <c r="HJ25" s="61">
        <v>0</v>
      </c>
      <c r="HK25" s="61">
        <v>1</v>
      </c>
      <c r="HL25" s="61">
        <v>0</v>
      </c>
      <c r="HM25" s="62">
        <v>1</v>
      </c>
      <c r="HN25" s="63">
        <v>1</v>
      </c>
      <c r="HO25" s="60">
        <v>1</v>
      </c>
      <c r="HP25" s="61">
        <v>1</v>
      </c>
      <c r="HQ25" s="62">
        <v>2</v>
      </c>
      <c r="HR25" s="228"/>
      <c r="HS25" s="61">
        <v>4</v>
      </c>
      <c r="HT25" s="61">
        <v>0</v>
      </c>
      <c r="HU25" s="61">
        <v>0</v>
      </c>
      <c r="HV25" s="61">
        <v>0</v>
      </c>
      <c r="HW25" s="61">
        <v>2</v>
      </c>
      <c r="HX25" s="62">
        <v>6</v>
      </c>
      <c r="HY25" s="63">
        <v>8</v>
      </c>
      <c r="HZ25" s="60">
        <v>1</v>
      </c>
      <c r="IA25" s="61">
        <v>1</v>
      </c>
      <c r="IB25" s="62">
        <v>2</v>
      </c>
      <c r="IC25" s="228"/>
      <c r="ID25" s="61">
        <v>3</v>
      </c>
      <c r="IE25" s="61">
        <v>1</v>
      </c>
      <c r="IF25" s="61">
        <v>1</v>
      </c>
      <c r="IG25" s="61">
        <v>0</v>
      </c>
      <c r="IH25" s="61">
        <v>2</v>
      </c>
      <c r="II25" s="62">
        <v>7</v>
      </c>
      <c r="IJ25" s="63">
        <v>9</v>
      </c>
      <c r="IK25" s="60">
        <v>6</v>
      </c>
      <c r="IL25" s="61">
        <v>7</v>
      </c>
      <c r="IM25" s="62">
        <v>13</v>
      </c>
      <c r="IN25" s="228"/>
      <c r="IO25" s="61">
        <v>8</v>
      </c>
      <c r="IP25" s="61">
        <v>7</v>
      </c>
      <c r="IQ25" s="61">
        <v>4</v>
      </c>
      <c r="IR25" s="61">
        <v>2</v>
      </c>
      <c r="IS25" s="61">
        <v>2</v>
      </c>
      <c r="IT25" s="62">
        <v>23</v>
      </c>
      <c r="IU25" s="63">
        <v>36</v>
      </c>
      <c r="IV25" s="60">
        <v>2</v>
      </c>
      <c r="IW25" s="61">
        <v>2</v>
      </c>
      <c r="IX25" s="62">
        <v>4</v>
      </c>
      <c r="IY25" s="228"/>
      <c r="IZ25" s="61">
        <v>7</v>
      </c>
      <c r="JA25" s="61">
        <v>4</v>
      </c>
      <c r="JB25" s="61">
        <v>5</v>
      </c>
      <c r="JC25" s="61">
        <v>1</v>
      </c>
      <c r="JD25" s="61">
        <v>1</v>
      </c>
      <c r="JE25" s="62">
        <v>18</v>
      </c>
      <c r="JF25" s="63">
        <v>22</v>
      </c>
      <c r="JG25" s="60">
        <v>1</v>
      </c>
      <c r="JH25" s="61">
        <v>3</v>
      </c>
      <c r="JI25" s="62">
        <v>4</v>
      </c>
      <c r="JJ25" s="228"/>
      <c r="JK25" s="61">
        <v>13</v>
      </c>
      <c r="JL25" s="61">
        <v>8</v>
      </c>
      <c r="JM25" s="61">
        <v>6</v>
      </c>
      <c r="JN25" s="61">
        <v>7</v>
      </c>
      <c r="JO25" s="61">
        <v>3</v>
      </c>
      <c r="JP25" s="62">
        <v>37</v>
      </c>
      <c r="JQ25" s="63">
        <v>41</v>
      </c>
      <c r="JR25" s="60">
        <v>0</v>
      </c>
      <c r="JS25" s="61">
        <v>0</v>
      </c>
      <c r="JT25" s="62">
        <v>0</v>
      </c>
      <c r="JU25" s="228"/>
      <c r="JV25" s="61">
        <v>0</v>
      </c>
      <c r="JW25" s="61">
        <v>0</v>
      </c>
      <c r="JX25" s="61">
        <v>0</v>
      </c>
      <c r="JY25" s="61">
        <v>0</v>
      </c>
      <c r="JZ25" s="61">
        <v>0</v>
      </c>
      <c r="KA25" s="62">
        <v>0</v>
      </c>
      <c r="KB25" s="63">
        <v>0</v>
      </c>
      <c r="KC25" s="60">
        <v>11</v>
      </c>
      <c r="KD25" s="61">
        <v>14</v>
      </c>
      <c r="KE25" s="62">
        <v>25</v>
      </c>
      <c r="KF25" s="228"/>
      <c r="KG25" s="61">
        <v>35</v>
      </c>
      <c r="KH25" s="61">
        <v>20</v>
      </c>
      <c r="KI25" s="61">
        <v>16</v>
      </c>
      <c r="KJ25" s="61">
        <v>11</v>
      </c>
      <c r="KK25" s="61">
        <v>10</v>
      </c>
      <c r="KL25" s="62">
        <v>92</v>
      </c>
      <c r="KM25" s="63">
        <v>117</v>
      </c>
    </row>
    <row r="26" spans="2:299" ht="21" customHeight="1" x14ac:dyDescent="0.2">
      <c r="B26" s="472" t="s">
        <v>23</v>
      </c>
      <c r="C26" s="293">
        <v>12</v>
      </c>
      <c r="D26" s="72">
        <v>14</v>
      </c>
      <c r="E26" s="73">
        <v>26</v>
      </c>
      <c r="F26" s="228"/>
      <c r="G26" s="72">
        <v>27</v>
      </c>
      <c r="H26" s="72">
        <v>24</v>
      </c>
      <c r="I26" s="72">
        <v>22</v>
      </c>
      <c r="J26" s="72">
        <v>13</v>
      </c>
      <c r="K26" s="72">
        <v>7</v>
      </c>
      <c r="L26" s="74">
        <v>93</v>
      </c>
      <c r="M26" s="75">
        <v>119</v>
      </c>
      <c r="N26" s="60">
        <v>0</v>
      </c>
      <c r="O26" s="61">
        <v>1</v>
      </c>
      <c r="P26" s="62">
        <v>1</v>
      </c>
      <c r="Q26" s="228"/>
      <c r="R26" s="61">
        <v>1</v>
      </c>
      <c r="S26" s="61">
        <v>2</v>
      </c>
      <c r="T26" s="61">
        <v>0</v>
      </c>
      <c r="U26" s="61">
        <v>0</v>
      </c>
      <c r="V26" s="61">
        <v>0</v>
      </c>
      <c r="W26" s="62">
        <v>3</v>
      </c>
      <c r="X26" s="63">
        <v>4</v>
      </c>
      <c r="Y26" s="60">
        <v>2</v>
      </c>
      <c r="Z26" s="61">
        <v>0</v>
      </c>
      <c r="AA26" s="62">
        <v>2</v>
      </c>
      <c r="AB26" s="228"/>
      <c r="AC26" s="61">
        <v>1</v>
      </c>
      <c r="AD26" s="61">
        <v>3</v>
      </c>
      <c r="AE26" s="61">
        <v>1</v>
      </c>
      <c r="AF26" s="61">
        <v>0</v>
      </c>
      <c r="AG26" s="61">
        <v>1</v>
      </c>
      <c r="AH26" s="62">
        <v>6</v>
      </c>
      <c r="AI26" s="63">
        <v>8</v>
      </c>
      <c r="AJ26" s="60">
        <v>3</v>
      </c>
      <c r="AK26" s="61">
        <v>2</v>
      </c>
      <c r="AL26" s="62">
        <v>5</v>
      </c>
      <c r="AM26" s="228"/>
      <c r="AN26" s="61">
        <v>5</v>
      </c>
      <c r="AO26" s="61">
        <v>2</v>
      </c>
      <c r="AP26" s="61">
        <v>3</v>
      </c>
      <c r="AQ26" s="61">
        <v>0</v>
      </c>
      <c r="AR26" s="61">
        <v>2</v>
      </c>
      <c r="AS26" s="62">
        <v>12</v>
      </c>
      <c r="AT26" s="63">
        <v>17</v>
      </c>
      <c r="AU26" s="60">
        <v>1</v>
      </c>
      <c r="AV26" s="61">
        <v>6</v>
      </c>
      <c r="AW26" s="62">
        <v>7</v>
      </c>
      <c r="AX26" s="228"/>
      <c r="AY26" s="61">
        <v>4</v>
      </c>
      <c r="AZ26" s="61">
        <v>4</v>
      </c>
      <c r="BA26" s="61">
        <v>8</v>
      </c>
      <c r="BB26" s="61">
        <v>5</v>
      </c>
      <c r="BC26" s="61">
        <v>1</v>
      </c>
      <c r="BD26" s="62">
        <v>22</v>
      </c>
      <c r="BE26" s="63">
        <v>29</v>
      </c>
      <c r="BF26" s="60">
        <v>5</v>
      </c>
      <c r="BG26" s="61">
        <v>3</v>
      </c>
      <c r="BH26" s="62">
        <v>8</v>
      </c>
      <c r="BI26" s="228"/>
      <c r="BJ26" s="61">
        <v>9</v>
      </c>
      <c r="BK26" s="61">
        <v>7</v>
      </c>
      <c r="BL26" s="61">
        <v>8</v>
      </c>
      <c r="BM26" s="61">
        <v>4</v>
      </c>
      <c r="BN26" s="61">
        <v>3</v>
      </c>
      <c r="BO26" s="62">
        <v>31</v>
      </c>
      <c r="BP26" s="63">
        <v>39</v>
      </c>
      <c r="BQ26" s="60">
        <v>1</v>
      </c>
      <c r="BR26" s="61">
        <v>2</v>
      </c>
      <c r="BS26" s="62">
        <v>3</v>
      </c>
      <c r="BT26" s="228"/>
      <c r="BU26" s="61">
        <v>7</v>
      </c>
      <c r="BV26" s="61">
        <v>6</v>
      </c>
      <c r="BW26" s="61">
        <v>2</v>
      </c>
      <c r="BX26" s="61">
        <v>4</v>
      </c>
      <c r="BY26" s="61">
        <v>0</v>
      </c>
      <c r="BZ26" s="62">
        <v>19</v>
      </c>
      <c r="CA26" s="63">
        <v>22</v>
      </c>
      <c r="CB26" s="60">
        <v>0</v>
      </c>
      <c r="CC26" s="61">
        <v>0</v>
      </c>
      <c r="CD26" s="62">
        <v>0</v>
      </c>
      <c r="CE26" s="228"/>
      <c r="CF26" s="61">
        <v>0</v>
      </c>
      <c r="CG26" s="61">
        <v>0</v>
      </c>
      <c r="CH26" s="61">
        <v>0</v>
      </c>
      <c r="CI26" s="61">
        <v>0</v>
      </c>
      <c r="CJ26" s="61">
        <v>0</v>
      </c>
      <c r="CK26" s="62">
        <v>0</v>
      </c>
      <c r="CL26" s="63">
        <v>0</v>
      </c>
      <c r="CM26" s="60">
        <v>12</v>
      </c>
      <c r="CN26" s="61">
        <v>14</v>
      </c>
      <c r="CO26" s="62">
        <v>26</v>
      </c>
      <c r="CP26" s="228"/>
      <c r="CQ26" s="61">
        <v>27</v>
      </c>
      <c r="CR26" s="61">
        <v>24</v>
      </c>
      <c r="CS26" s="61">
        <v>22</v>
      </c>
      <c r="CT26" s="61">
        <v>13</v>
      </c>
      <c r="CU26" s="61">
        <v>7</v>
      </c>
      <c r="CV26" s="62">
        <v>93</v>
      </c>
      <c r="CW26" s="63">
        <v>119</v>
      </c>
      <c r="CX26" s="113">
        <v>9</v>
      </c>
      <c r="CY26" s="72">
        <v>8</v>
      </c>
      <c r="CZ26" s="73">
        <v>17</v>
      </c>
      <c r="DA26" s="228"/>
      <c r="DB26" s="72">
        <v>7</v>
      </c>
      <c r="DC26" s="72">
        <v>9</v>
      </c>
      <c r="DD26" s="72">
        <v>4</v>
      </c>
      <c r="DE26" s="72">
        <v>9</v>
      </c>
      <c r="DF26" s="72">
        <v>7</v>
      </c>
      <c r="DG26" s="74">
        <v>36</v>
      </c>
      <c r="DH26" s="75">
        <v>53</v>
      </c>
      <c r="DI26" s="60">
        <v>0</v>
      </c>
      <c r="DJ26" s="61">
        <v>1</v>
      </c>
      <c r="DK26" s="62">
        <v>1</v>
      </c>
      <c r="DL26" s="228"/>
      <c r="DM26" s="61">
        <v>0</v>
      </c>
      <c r="DN26" s="61">
        <v>0</v>
      </c>
      <c r="DO26" s="61">
        <v>0</v>
      </c>
      <c r="DP26" s="61">
        <v>0</v>
      </c>
      <c r="DQ26" s="61">
        <v>0</v>
      </c>
      <c r="DR26" s="62">
        <v>0</v>
      </c>
      <c r="DS26" s="63">
        <v>1</v>
      </c>
      <c r="DT26" s="60">
        <v>0</v>
      </c>
      <c r="DU26" s="61">
        <v>0</v>
      </c>
      <c r="DV26" s="62">
        <v>0</v>
      </c>
      <c r="DW26" s="228"/>
      <c r="DX26" s="61">
        <v>0</v>
      </c>
      <c r="DY26" s="61">
        <v>0</v>
      </c>
      <c r="DZ26" s="61">
        <v>0</v>
      </c>
      <c r="EA26" s="61">
        <v>1</v>
      </c>
      <c r="EB26" s="61">
        <v>0</v>
      </c>
      <c r="EC26" s="62">
        <v>1</v>
      </c>
      <c r="ED26" s="63">
        <v>1</v>
      </c>
      <c r="EE26" s="60">
        <v>2</v>
      </c>
      <c r="EF26" s="61">
        <v>2</v>
      </c>
      <c r="EG26" s="62">
        <v>4</v>
      </c>
      <c r="EH26" s="228"/>
      <c r="EI26" s="61">
        <v>0</v>
      </c>
      <c r="EJ26" s="61">
        <v>0</v>
      </c>
      <c r="EK26" s="61">
        <v>0</v>
      </c>
      <c r="EL26" s="61">
        <v>0</v>
      </c>
      <c r="EM26" s="61">
        <v>1</v>
      </c>
      <c r="EN26" s="62">
        <v>1</v>
      </c>
      <c r="EO26" s="63">
        <v>5</v>
      </c>
      <c r="EP26" s="60">
        <v>4</v>
      </c>
      <c r="EQ26" s="61">
        <v>4</v>
      </c>
      <c r="ER26" s="62">
        <v>8</v>
      </c>
      <c r="ES26" s="228"/>
      <c r="ET26" s="61">
        <v>1</v>
      </c>
      <c r="EU26" s="61">
        <v>2</v>
      </c>
      <c r="EV26" s="61">
        <v>3</v>
      </c>
      <c r="EW26" s="61">
        <v>0</v>
      </c>
      <c r="EX26" s="61">
        <v>1</v>
      </c>
      <c r="EY26" s="62">
        <v>7</v>
      </c>
      <c r="EZ26" s="63">
        <v>15</v>
      </c>
      <c r="FA26" s="60">
        <v>2</v>
      </c>
      <c r="FB26" s="61">
        <v>0</v>
      </c>
      <c r="FC26" s="62">
        <v>2</v>
      </c>
      <c r="FD26" s="228"/>
      <c r="FE26" s="61">
        <v>1</v>
      </c>
      <c r="FF26" s="61">
        <v>3</v>
      </c>
      <c r="FG26" s="61">
        <v>0</v>
      </c>
      <c r="FH26" s="61">
        <v>3</v>
      </c>
      <c r="FI26" s="61">
        <v>0</v>
      </c>
      <c r="FJ26" s="62">
        <v>7</v>
      </c>
      <c r="FK26" s="63">
        <v>9</v>
      </c>
      <c r="FL26" s="60">
        <v>1</v>
      </c>
      <c r="FM26" s="61">
        <v>1</v>
      </c>
      <c r="FN26" s="62">
        <v>2</v>
      </c>
      <c r="FO26" s="228"/>
      <c r="FP26" s="61">
        <v>5</v>
      </c>
      <c r="FQ26" s="61">
        <v>4</v>
      </c>
      <c r="FR26" s="61">
        <v>1</v>
      </c>
      <c r="FS26" s="61">
        <v>5</v>
      </c>
      <c r="FT26" s="61">
        <v>5</v>
      </c>
      <c r="FU26" s="62">
        <v>20</v>
      </c>
      <c r="FV26" s="63">
        <v>22</v>
      </c>
      <c r="FW26" s="60">
        <v>0</v>
      </c>
      <c r="FX26" s="61">
        <v>0</v>
      </c>
      <c r="FY26" s="62">
        <v>0</v>
      </c>
      <c r="FZ26" s="228"/>
      <c r="GA26" s="61">
        <v>0</v>
      </c>
      <c r="GB26" s="61">
        <v>0</v>
      </c>
      <c r="GC26" s="61">
        <v>0</v>
      </c>
      <c r="GD26" s="61">
        <v>0</v>
      </c>
      <c r="GE26" s="61">
        <v>0</v>
      </c>
      <c r="GF26" s="62">
        <v>0</v>
      </c>
      <c r="GG26" s="63">
        <v>0</v>
      </c>
      <c r="GH26" s="60">
        <v>9</v>
      </c>
      <c r="GI26" s="61">
        <v>8</v>
      </c>
      <c r="GJ26" s="62">
        <v>17</v>
      </c>
      <c r="GK26" s="228"/>
      <c r="GL26" s="61">
        <v>7</v>
      </c>
      <c r="GM26" s="61">
        <v>9</v>
      </c>
      <c r="GN26" s="61">
        <v>4</v>
      </c>
      <c r="GO26" s="61">
        <v>9</v>
      </c>
      <c r="GP26" s="61">
        <v>7</v>
      </c>
      <c r="GQ26" s="62">
        <v>36</v>
      </c>
      <c r="GR26" s="63">
        <v>53</v>
      </c>
      <c r="GS26" s="113">
        <v>21</v>
      </c>
      <c r="GT26" s="72">
        <v>22</v>
      </c>
      <c r="GU26" s="73">
        <v>43</v>
      </c>
      <c r="GV26" s="228"/>
      <c r="GW26" s="72">
        <v>34</v>
      </c>
      <c r="GX26" s="72">
        <v>33</v>
      </c>
      <c r="GY26" s="72">
        <v>26</v>
      </c>
      <c r="GZ26" s="72">
        <v>22</v>
      </c>
      <c r="HA26" s="72">
        <v>14</v>
      </c>
      <c r="HB26" s="74">
        <v>129</v>
      </c>
      <c r="HC26" s="75">
        <v>172</v>
      </c>
      <c r="HD26" s="60">
        <v>0</v>
      </c>
      <c r="HE26" s="61">
        <v>2</v>
      </c>
      <c r="HF26" s="62">
        <v>2</v>
      </c>
      <c r="HG26" s="228"/>
      <c r="HH26" s="61">
        <v>1</v>
      </c>
      <c r="HI26" s="61">
        <v>2</v>
      </c>
      <c r="HJ26" s="61">
        <v>0</v>
      </c>
      <c r="HK26" s="61">
        <v>0</v>
      </c>
      <c r="HL26" s="61">
        <v>0</v>
      </c>
      <c r="HM26" s="62">
        <v>3</v>
      </c>
      <c r="HN26" s="63">
        <v>5</v>
      </c>
      <c r="HO26" s="60">
        <v>2</v>
      </c>
      <c r="HP26" s="61">
        <v>0</v>
      </c>
      <c r="HQ26" s="62">
        <v>2</v>
      </c>
      <c r="HR26" s="228"/>
      <c r="HS26" s="61">
        <v>1</v>
      </c>
      <c r="HT26" s="61">
        <v>3</v>
      </c>
      <c r="HU26" s="61">
        <v>1</v>
      </c>
      <c r="HV26" s="61">
        <v>1</v>
      </c>
      <c r="HW26" s="61">
        <v>1</v>
      </c>
      <c r="HX26" s="62">
        <v>7</v>
      </c>
      <c r="HY26" s="63">
        <v>9</v>
      </c>
      <c r="HZ26" s="60">
        <v>5</v>
      </c>
      <c r="IA26" s="61">
        <v>4</v>
      </c>
      <c r="IB26" s="62">
        <v>9</v>
      </c>
      <c r="IC26" s="228"/>
      <c r="ID26" s="61">
        <v>5</v>
      </c>
      <c r="IE26" s="61">
        <v>2</v>
      </c>
      <c r="IF26" s="61">
        <v>3</v>
      </c>
      <c r="IG26" s="61">
        <v>0</v>
      </c>
      <c r="IH26" s="61">
        <v>3</v>
      </c>
      <c r="II26" s="62">
        <v>13</v>
      </c>
      <c r="IJ26" s="63">
        <v>22</v>
      </c>
      <c r="IK26" s="60">
        <v>5</v>
      </c>
      <c r="IL26" s="61">
        <v>10</v>
      </c>
      <c r="IM26" s="62">
        <v>15</v>
      </c>
      <c r="IN26" s="228"/>
      <c r="IO26" s="61">
        <v>5</v>
      </c>
      <c r="IP26" s="61">
        <v>6</v>
      </c>
      <c r="IQ26" s="61">
        <v>11</v>
      </c>
      <c r="IR26" s="61">
        <v>5</v>
      </c>
      <c r="IS26" s="61">
        <v>2</v>
      </c>
      <c r="IT26" s="62">
        <v>29</v>
      </c>
      <c r="IU26" s="63">
        <v>44</v>
      </c>
      <c r="IV26" s="60">
        <v>7</v>
      </c>
      <c r="IW26" s="61">
        <v>3</v>
      </c>
      <c r="IX26" s="62">
        <v>10</v>
      </c>
      <c r="IY26" s="228"/>
      <c r="IZ26" s="61">
        <v>10</v>
      </c>
      <c r="JA26" s="61">
        <v>10</v>
      </c>
      <c r="JB26" s="61">
        <v>8</v>
      </c>
      <c r="JC26" s="61">
        <v>7</v>
      </c>
      <c r="JD26" s="61">
        <v>3</v>
      </c>
      <c r="JE26" s="62">
        <v>38</v>
      </c>
      <c r="JF26" s="63">
        <v>48</v>
      </c>
      <c r="JG26" s="60">
        <v>2</v>
      </c>
      <c r="JH26" s="61">
        <v>3</v>
      </c>
      <c r="JI26" s="62">
        <v>5</v>
      </c>
      <c r="JJ26" s="228"/>
      <c r="JK26" s="61">
        <v>12</v>
      </c>
      <c r="JL26" s="61">
        <v>10</v>
      </c>
      <c r="JM26" s="61">
        <v>3</v>
      </c>
      <c r="JN26" s="61">
        <v>9</v>
      </c>
      <c r="JO26" s="61">
        <v>5</v>
      </c>
      <c r="JP26" s="62">
        <v>39</v>
      </c>
      <c r="JQ26" s="63">
        <v>44</v>
      </c>
      <c r="JR26" s="60">
        <v>0</v>
      </c>
      <c r="JS26" s="61">
        <v>0</v>
      </c>
      <c r="JT26" s="62">
        <v>0</v>
      </c>
      <c r="JU26" s="228"/>
      <c r="JV26" s="61">
        <v>0</v>
      </c>
      <c r="JW26" s="61">
        <v>0</v>
      </c>
      <c r="JX26" s="61">
        <v>0</v>
      </c>
      <c r="JY26" s="61">
        <v>0</v>
      </c>
      <c r="JZ26" s="61">
        <v>0</v>
      </c>
      <c r="KA26" s="62">
        <v>0</v>
      </c>
      <c r="KB26" s="63">
        <v>0</v>
      </c>
      <c r="KC26" s="60">
        <v>21</v>
      </c>
      <c r="KD26" s="61">
        <v>22</v>
      </c>
      <c r="KE26" s="62">
        <v>43</v>
      </c>
      <c r="KF26" s="228"/>
      <c r="KG26" s="61">
        <v>34</v>
      </c>
      <c r="KH26" s="61">
        <v>33</v>
      </c>
      <c r="KI26" s="61">
        <v>26</v>
      </c>
      <c r="KJ26" s="61">
        <v>22</v>
      </c>
      <c r="KK26" s="61">
        <v>14</v>
      </c>
      <c r="KL26" s="62">
        <v>129</v>
      </c>
      <c r="KM26" s="63">
        <v>172</v>
      </c>
    </row>
    <row r="27" spans="2:299" ht="21" customHeight="1" x14ac:dyDescent="0.2">
      <c r="B27" s="472" t="s">
        <v>24</v>
      </c>
      <c r="C27" s="293">
        <v>19</v>
      </c>
      <c r="D27" s="72">
        <v>19</v>
      </c>
      <c r="E27" s="73">
        <v>38</v>
      </c>
      <c r="F27" s="228"/>
      <c r="G27" s="72">
        <v>34</v>
      </c>
      <c r="H27" s="72">
        <v>21</v>
      </c>
      <c r="I27" s="72">
        <v>16</v>
      </c>
      <c r="J27" s="72">
        <v>13</v>
      </c>
      <c r="K27" s="72">
        <v>9</v>
      </c>
      <c r="L27" s="74">
        <v>93</v>
      </c>
      <c r="M27" s="75">
        <v>131</v>
      </c>
      <c r="N27" s="60">
        <v>1</v>
      </c>
      <c r="O27" s="61">
        <v>0</v>
      </c>
      <c r="P27" s="62">
        <v>1</v>
      </c>
      <c r="Q27" s="228"/>
      <c r="R27" s="61">
        <v>0</v>
      </c>
      <c r="S27" s="61">
        <v>0</v>
      </c>
      <c r="T27" s="61">
        <v>0</v>
      </c>
      <c r="U27" s="61">
        <v>0</v>
      </c>
      <c r="V27" s="61">
        <v>1</v>
      </c>
      <c r="W27" s="62">
        <v>1</v>
      </c>
      <c r="X27" s="63">
        <v>2</v>
      </c>
      <c r="Y27" s="60">
        <v>0</v>
      </c>
      <c r="Z27" s="61">
        <v>1</v>
      </c>
      <c r="AA27" s="62">
        <v>1</v>
      </c>
      <c r="AB27" s="228"/>
      <c r="AC27" s="61">
        <v>0</v>
      </c>
      <c r="AD27" s="61">
        <v>2</v>
      </c>
      <c r="AE27" s="61">
        <v>1</v>
      </c>
      <c r="AF27" s="61">
        <v>2</v>
      </c>
      <c r="AG27" s="61">
        <v>1</v>
      </c>
      <c r="AH27" s="62">
        <v>6</v>
      </c>
      <c r="AI27" s="63">
        <v>7</v>
      </c>
      <c r="AJ27" s="60">
        <v>0</v>
      </c>
      <c r="AK27" s="61">
        <v>1</v>
      </c>
      <c r="AL27" s="62">
        <v>1</v>
      </c>
      <c r="AM27" s="228"/>
      <c r="AN27" s="61">
        <v>3</v>
      </c>
      <c r="AO27" s="61">
        <v>2</v>
      </c>
      <c r="AP27" s="61">
        <v>2</v>
      </c>
      <c r="AQ27" s="61">
        <v>0</v>
      </c>
      <c r="AR27" s="61">
        <v>0</v>
      </c>
      <c r="AS27" s="62">
        <v>7</v>
      </c>
      <c r="AT27" s="63">
        <v>8</v>
      </c>
      <c r="AU27" s="60">
        <v>5</v>
      </c>
      <c r="AV27" s="61">
        <v>7</v>
      </c>
      <c r="AW27" s="62">
        <v>12</v>
      </c>
      <c r="AX27" s="228"/>
      <c r="AY27" s="61">
        <v>8</v>
      </c>
      <c r="AZ27" s="61">
        <v>3</v>
      </c>
      <c r="BA27" s="61">
        <v>5</v>
      </c>
      <c r="BB27" s="61">
        <v>2</v>
      </c>
      <c r="BC27" s="61">
        <v>2</v>
      </c>
      <c r="BD27" s="62">
        <v>20</v>
      </c>
      <c r="BE27" s="63">
        <v>32</v>
      </c>
      <c r="BF27" s="60">
        <v>6</v>
      </c>
      <c r="BG27" s="61">
        <v>2</v>
      </c>
      <c r="BH27" s="62">
        <v>8</v>
      </c>
      <c r="BI27" s="228"/>
      <c r="BJ27" s="61">
        <v>13</v>
      </c>
      <c r="BK27" s="61">
        <v>8</v>
      </c>
      <c r="BL27" s="61">
        <v>5</v>
      </c>
      <c r="BM27" s="61">
        <v>3</v>
      </c>
      <c r="BN27" s="61">
        <v>2</v>
      </c>
      <c r="BO27" s="62">
        <v>31</v>
      </c>
      <c r="BP27" s="63">
        <v>39</v>
      </c>
      <c r="BQ27" s="60">
        <v>7</v>
      </c>
      <c r="BR27" s="61">
        <v>8</v>
      </c>
      <c r="BS27" s="62">
        <v>15</v>
      </c>
      <c r="BT27" s="228"/>
      <c r="BU27" s="61">
        <v>10</v>
      </c>
      <c r="BV27" s="61">
        <v>6</v>
      </c>
      <c r="BW27" s="61">
        <v>3</v>
      </c>
      <c r="BX27" s="61">
        <v>6</v>
      </c>
      <c r="BY27" s="61">
        <v>3</v>
      </c>
      <c r="BZ27" s="62">
        <v>28</v>
      </c>
      <c r="CA27" s="63">
        <v>43</v>
      </c>
      <c r="CB27" s="60">
        <v>0</v>
      </c>
      <c r="CC27" s="61">
        <v>0</v>
      </c>
      <c r="CD27" s="62">
        <v>0</v>
      </c>
      <c r="CE27" s="228"/>
      <c r="CF27" s="61">
        <v>0</v>
      </c>
      <c r="CG27" s="61">
        <v>0</v>
      </c>
      <c r="CH27" s="61">
        <v>0</v>
      </c>
      <c r="CI27" s="61">
        <v>0</v>
      </c>
      <c r="CJ27" s="61">
        <v>0</v>
      </c>
      <c r="CK27" s="62">
        <v>0</v>
      </c>
      <c r="CL27" s="63">
        <v>0</v>
      </c>
      <c r="CM27" s="60">
        <v>19</v>
      </c>
      <c r="CN27" s="61">
        <v>19</v>
      </c>
      <c r="CO27" s="62">
        <v>38</v>
      </c>
      <c r="CP27" s="228"/>
      <c r="CQ27" s="61">
        <v>34</v>
      </c>
      <c r="CR27" s="61">
        <v>21</v>
      </c>
      <c r="CS27" s="61">
        <v>16</v>
      </c>
      <c r="CT27" s="61">
        <v>13</v>
      </c>
      <c r="CU27" s="61">
        <v>9</v>
      </c>
      <c r="CV27" s="62">
        <v>93</v>
      </c>
      <c r="CW27" s="63">
        <v>131</v>
      </c>
      <c r="CX27" s="113">
        <v>7</v>
      </c>
      <c r="CY27" s="72">
        <v>7</v>
      </c>
      <c r="CZ27" s="73">
        <v>14</v>
      </c>
      <c r="DA27" s="228"/>
      <c r="DB27" s="72">
        <v>9</v>
      </c>
      <c r="DC27" s="72">
        <v>7</v>
      </c>
      <c r="DD27" s="72">
        <v>6</v>
      </c>
      <c r="DE27" s="72">
        <v>5</v>
      </c>
      <c r="DF27" s="72">
        <v>2</v>
      </c>
      <c r="DG27" s="74">
        <v>29</v>
      </c>
      <c r="DH27" s="75">
        <v>43</v>
      </c>
      <c r="DI27" s="60">
        <v>0</v>
      </c>
      <c r="DJ27" s="61">
        <v>0</v>
      </c>
      <c r="DK27" s="62">
        <v>0</v>
      </c>
      <c r="DL27" s="228"/>
      <c r="DM27" s="61">
        <v>0</v>
      </c>
      <c r="DN27" s="61">
        <v>0</v>
      </c>
      <c r="DO27" s="61">
        <v>0</v>
      </c>
      <c r="DP27" s="61">
        <v>0</v>
      </c>
      <c r="DQ27" s="61">
        <v>0</v>
      </c>
      <c r="DR27" s="62">
        <v>0</v>
      </c>
      <c r="DS27" s="63">
        <v>0</v>
      </c>
      <c r="DT27" s="60">
        <v>0</v>
      </c>
      <c r="DU27" s="61">
        <v>0</v>
      </c>
      <c r="DV27" s="62">
        <v>0</v>
      </c>
      <c r="DW27" s="228"/>
      <c r="DX27" s="61">
        <v>2</v>
      </c>
      <c r="DY27" s="61">
        <v>0</v>
      </c>
      <c r="DZ27" s="61">
        <v>0</v>
      </c>
      <c r="EA27" s="61">
        <v>0</v>
      </c>
      <c r="EB27" s="61">
        <v>0</v>
      </c>
      <c r="EC27" s="62">
        <v>2</v>
      </c>
      <c r="ED27" s="63">
        <v>2</v>
      </c>
      <c r="EE27" s="60">
        <v>2</v>
      </c>
      <c r="EF27" s="61">
        <v>1</v>
      </c>
      <c r="EG27" s="62">
        <v>3</v>
      </c>
      <c r="EH27" s="228"/>
      <c r="EI27" s="61">
        <v>1</v>
      </c>
      <c r="EJ27" s="61">
        <v>2</v>
      </c>
      <c r="EK27" s="61">
        <v>0</v>
      </c>
      <c r="EL27" s="61">
        <v>0</v>
      </c>
      <c r="EM27" s="61">
        <v>0</v>
      </c>
      <c r="EN27" s="62">
        <v>3</v>
      </c>
      <c r="EO27" s="63">
        <v>6</v>
      </c>
      <c r="EP27" s="60">
        <v>1</v>
      </c>
      <c r="EQ27" s="61">
        <v>2</v>
      </c>
      <c r="ER27" s="62">
        <v>3</v>
      </c>
      <c r="ES27" s="228"/>
      <c r="ET27" s="61">
        <v>3</v>
      </c>
      <c r="EU27" s="61">
        <v>2</v>
      </c>
      <c r="EV27" s="61">
        <v>3</v>
      </c>
      <c r="EW27" s="61">
        <v>1</v>
      </c>
      <c r="EX27" s="61">
        <v>0</v>
      </c>
      <c r="EY27" s="62">
        <v>9</v>
      </c>
      <c r="EZ27" s="63">
        <v>12</v>
      </c>
      <c r="FA27" s="60">
        <v>4</v>
      </c>
      <c r="FB27" s="61">
        <v>2</v>
      </c>
      <c r="FC27" s="62">
        <v>6</v>
      </c>
      <c r="FD27" s="228"/>
      <c r="FE27" s="61">
        <v>2</v>
      </c>
      <c r="FF27" s="61">
        <v>1</v>
      </c>
      <c r="FG27" s="61">
        <v>1</v>
      </c>
      <c r="FH27" s="61">
        <v>1</v>
      </c>
      <c r="FI27" s="61">
        <v>1</v>
      </c>
      <c r="FJ27" s="62">
        <v>6</v>
      </c>
      <c r="FK27" s="63">
        <v>12</v>
      </c>
      <c r="FL27" s="60">
        <v>0</v>
      </c>
      <c r="FM27" s="61">
        <v>2</v>
      </c>
      <c r="FN27" s="62">
        <v>2</v>
      </c>
      <c r="FO27" s="228"/>
      <c r="FP27" s="61">
        <v>1</v>
      </c>
      <c r="FQ27" s="61">
        <v>2</v>
      </c>
      <c r="FR27" s="61">
        <v>2</v>
      </c>
      <c r="FS27" s="61">
        <v>3</v>
      </c>
      <c r="FT27" s="61">
        <v>1</v>
      </c>
      <c r="FU27" s="62">
        <v>9</v>
      </c>
      <c r="FV27" s="63">
        <v>11</v>
      </c>
      <c r="FW27" s="60">
        <v>0</v>
      </c>
      <c r="FX27" s="61">
        <v>0</v>
      </c>
      <c r="FY27" s="62">
        <v>0</v>
      </c>
      <c r="FZ27" s="228"/>
      <c r="GA27" s="61">
        <v>0</v>
      </c>
      <c r="GB27" s="61">
        <v>0</v>
      </c>
      <c r="GC27" s="61">
        <v>0</v>
      </c>
      <c r="GD27" s="61">
        <v>0</v>
      </c>
      <c r="GE27" s="61">
        <v>0</v>
      </c>
      <c r="GF27" s="62">
        <v>0</v>
      </c>
      <c r="GG27" s="63">
        <v>0</v>
      </c>
      <c r="GH27" s="60">
        <v>7</v>
      </c>
      <c r="GI27" s="61">
        <v>7</v>
      </c>
      <c r="GJ27" s="62">
        <v>14</v>
      </c>
      <c r="GK27" s="228"/>
      <c r="GL27" s="61">
        <v>9</v>
      </c>
      <c r="GM27" s="61">
        <v>7</v>
      </c>
      <c r="GN27" s="61">
        <v>6</v>
      </c>
      <c r="GO27" s="61">
        <v>5</v>
      </c>
      <c r="GP27" s="61">
        <v>2</v>
      </c>
      <c r="GQ27" s="62">
        <v>29</v>
      </c>
      <c r="GR27" s="63">
        <v>43</v>
      </c>
      <c r="GS27" s="113">
        <v>26</v>
      </c>
      <c r="GT27" s="72">
        <v>26</v>
      </c>
      <c r="GU27" s="73">
        <v>52</v>
      </c>
      <c r="GV27" s="228"/>
      <c r="GW27" s="72">
        <v>43</v>
      </c>
      <c r="GX27" s="72">
        <v>28</v>
      </c>
      <c r="GY27" s="72">
        <v>22</v>
      </c>
      <c r="GZ27" s="72">
        <v>18</v>
      </c>
      <c r="HA27" s="72">
        <v>11</v>
      </c>
      <c r="HB27" s="74">
        <v>122</v>
      </c>
      <c r="HC27" s="75">
        <v>174</v>
      </c>
      <c r="HD27" s="60">
        <v>1</v>
      </c>
      <c r="HE27" s="61">
        <v>0</v>
      </c>
      <c r="HF27" s="62">
        <v>1</v>
      </c>
      <c r="HG27" s="228"/>
      <c r="HH27" s="61">
        <v>0</v>
      </c>
      <c r="HI27" s="61">
        <v>0</v>
      </c>
      <c r="HJ27" s="61">
        <v>0</v>
      </c>
      <c r="HK27" s="61">
        <v>0</v>
      </c>
      <c r="HL27" s="61">
        <v>1</v>
      </c>
      <c r="HM27" s="62">
        <v>1</v>
      </c>
      <c r="HN27" s="63">
        <v>2</v>
      </c>
      <c r="HO27" s="60">
        <v>0</v>
      </c>
      <c r="HP27" s="61">
        <v>1</v>
      </c>
      <c r="HQ27" s="62">
        <v>1</v>
      </c>
      <c r="HR27" s="228"/>
      <c r="HS27" s="61">
        <v>2</v>
      </c>
      <c r="HT27" s="61">
        <v>2</v>
      </c>
      <c r="HU27" s="61">
        <v>1</v>
      </c>
      <c r="HV27" s="61">
        <v>2</v>
      </c>
      <c r="HW27" s="61">
        <v>1</v>
      </c>
      <c r="HX27" s="62">
        <v>8</v>
      </c>
      <c r="HY27" s="63">
        <v>9</v>
      </c>
      <c r="HZ27" s="60">
        <v>2</v>
      </c>
      <c r="IA27" s="61">
        <v>2</v>
      </c>
      <c r="IB27" s="62">
        <v>4</v>
      </c>
      <c r="IC27" s="228"/>
      <c r="ID27" s="61">
        <v>4</v>
      </c>
      <c r="IE27" s="61">
        <v>4</v>
      </c>
      <c r="IF27" s="61">
        <v>2</v>
      </c>
      <c r="IG27" s="61">
        <v>0</v>
      </c>
      <c r="IH27" s="61">
        <v>0</v>
      </c>
      <c r="II27" s="62">
        <v>10</v>
      </c>
      <c r="IJ27" s="63">
        <v>14</v>
      </c>
      <c r="IK27" s="60">
        <v>6</v>
      </c>
      <c r="IL27" s="61">
        <v>9</v>
      </c>
      <c r="IM27" s="62">
        <v>15</v>
      </c>
      <c r="IN27" s="228"/>
      <c r="IO27" s="61">
        <v>11</v>
      </c>
      <c r="IP27" s="61">
        <v>5</v>
      </c>
      <c r="IQ27" s="61">
        <v>8</v>
      </c>
      <c r="IR27" s="61">
        <v>3</v>
      </c>
      <c r="IS27" s="61">
        <v>2</v>
      </c>
      <c r="IT27" s="62">
        <v>29</v>
      </c>
      <c r="IU27" s="63">
        <v>44</v>
      </c>
      <c r="IV27" s="60">
        <v>10</v>
      </c>
      <c r="IW27" s="61">
        <v>4</v>
      </c>
      <c r="IX27" s="62">
        <v>14</v>
      </c>
      <c r="IY27" s="228"/>
      <c r="IZ27" s="61">
        <v>15</v>
      </c>
      <c r="JA27" s="61">
        <v>9</v>
      </c>
      <c r="JB27" s="61">
        <v>6</v>
      </c>
      <c r="JC27" s="61">
        <v>4</v>
      </c>
      <c r="JD27" s="61">
        <v>3</v>
      </c>
      <c r="JE27" s="62">
        <v>37</v>
      </c>
      <c r="JF27" s="63">
        <v>51</v>
      </c>
      <c r="JG27" s="60">
        <v>7</v>
      </c>
      <c r="JH27" s="61">
        <v>10</v>
      </c>
      <c r="JI27" s="62">
        <v>17</v>
      </c>
      <c r="JJ27" s="228"/>
      <c r="JK27" s="61">
        <v>11</v>
      </c>
      <c r="JL27" s="61">
        <v>8</v>
      </c>
      <c r="JM27" s="61">
        <v>5</v>
      </c>
      <c r="JN27" s="61">
        <v>9</v>
      </c>
      <c r="JO27" s="61">
        <v>4</v>
      </c>
      <c r="JP27" s="62">
        <v>37</v>
      </c>
      <c r="JQ27" s="63">
        <v>54</v>
      </c>
      <c r="JR27" s="60">
        <v>0</v>
      </c>
      <c r="JS27" s="61">
        <v>0</v>
      </c>
      <c r="JT27" s="62">
        <v>0</v>
      </c>
      <c r="JU27" s="228"/>
      <c r="JV27" s="61">
        <v>0</v>
      </c>
      <c r="JW27" s="61">
        <v>0</v>
      </c>
      <c r="JX27" s="61">
        <v>0</v>
      </c>
      <c r="JY27" s="61">
        <v>0</v>
      </c>
      <c r="JZ27" s="61">
        <v>0</v>
      </c>
      <c r="KA27" s="62">
        <v>0</v>
      </c>
      <c r="KB27" s="63">
        <v>0</v>
      </c>
      <c r="KC27" s="60">
        <v>26</v>
      </c>
      <c r="KD27" s="61">
        <v>26</v>
      </c>
      <c r="KE27" s="62">
        <v>52</v>
      </c>
      <c r="KF27" s="228"/>
      <c r="KG27" s="61">
        <v>43</v>
      </c>
      <c r="KH27" s="61">
        <v>28</v>
      </c>
      <c r="KI27" s="61">
        <v>22</v>
      </c>
      <c r="KJ27" s="61">
        <v>18</v>
      </c>
      <c r="KK27" s="61">
        <v>11</v>
      </c>
      <c r="KL27" s="62">
        <v>122</v>
      </c>
      <c r="KM27" s="63">
        <v>174</v>
      </c>
    </row>
    <row r="28" spans="2:299" ht="21" customHeight="1" x14ac:dyDescent="0.2">
      <c r="B28" s="472" t="s">
        <v>25</v>
      </c>
      <c r="C28" s="293">
        <v>10</v>
      </c>
      <c r="D28" s="72">
        <v>13</v>
      </c>
      <c r="E28" s="73">
        <v>23</v>
      </c>
      <c r="F28" s="228"/>
      <c r="G28" s="72">
        <v>10</v>
      </c>
      <c r="H28" s="72">
        <v>12</v>
      </c>
      <c r="I28" s="72">
        <v>6</v>
      </c>
      <c r="J28" s="72">
        <v>4</v>
      </c>
      <c r="K28" s="72">
        <v>6</v>
      </c>
      <c r="L28" s="74">
        <v>38</v>
      </c>
      <c r="M28" s="75">
        <v>61</v>
      </c>
      <c r="N28" s="60">
        <v>0</v>
      </c>
      <c r="O28" s="61">
        <v>2</v>
      </c>
      <c r="P28" s="62">
        <v>2</v>
      </c>
      <c r="Q28" s="228"/>
      <c r="R28" s="61">
        <v>0</v>
      </c>
      <c r="S28" s="61">
        <v>0</v>
      </c>
      <c r="T28" s="61">
        <v>0</v>
      </c>
      <c r="U28" s="61">
        <v>0</v>
      </c>
      <c r="V28" s="61">
        <v>0</v>
      </c>
      <c r="W28" s="62">
        <v>0</v>
      </c>
      <c r="X28" s="63">
        <v>2</v>
      </c>
      <c r="Y28" s="60">
        <v>1</v>
      </c>
      <c r="Z28" s="61">
        <v>1</v>
      </c>
      <c r="AA28" s="62">
        <v>2</v>
      </c>
      <c r="AB28" s="228"/>
      <c r="AC28" s="61">
        <v>2</v>
      </c>
      <c r="AD28" s="61">
        <v>2</v>
      </c>
      <c r="AE28" s="61">
        <v>0</v>
      </c>
      <c r="AF28" s="61">
        <v>1</v>
      </c>
      <c r="AG28" s="61">
        <v>0</v>
      </c>
      <c r="AH28" s="62">
        <v>5</v>
      </c>
      <c r="AI28" s="63">
        <v>7</v>
      </c>
      <c r="AJ28" s="60">
        <v>0</v>
      </c>
      <c r="AK28" s="61">
        <v>0</v>
      </c>
      <c r="AL28" s="62">
        <v>0</v>
      </c>
      <c r="AM28" s="228"/>
      <c r="AN28" s="61">
        <v>0</v>
      </c>
      <c r="AO28" s="61">
        <v>0</v>
      </c>
      <c r="AP28" s="61">
        <v>1</v>
      </c>
      <c r="AQ28" s="61">
        <v>0</v>
      </c>
      <c r="AR28" s="61">
        <v>0</v>
      </c>
      <c r="AS28" s="62">
        <v>1</v>
      </c>
      <c r="AT28" s="63">
        <v>1</v>
      </c>
      <c r="AU28" s="60">
        <v>5</v>
      </c>
      <c r="AV28" s="61">
        <v>6</v>
      </c>
      <c r="AW28" s="62">
        <v>11</v>
      </c>
      <c r="AX28" s="228"/>
      <c r="AY28" s="61">
        <v>3</v>
      </c>
      <c r="AZ28" s="61">
        <v>4</v>
      </c>
      <c r="BA28" s="61">
        <v>2</v>
      </c>
      <c r="BB28" s="61">
        <v>1</v>
      </c>
      <c r="BC28" s="61">
        <v>1</v>
      </c>
      <c r="BD28" s="62">
        <v>11</v>
      </c>
      <c r="BE28" s="63">
        <v>22</v>
      </c>
      <c r="BF28" s="60">
        <v>3</v>
      </c>
      <c r="BG28" s="61">
        <v>2</v>
      </c>
      <c r="BH28" s="62">
        <v>5</v>
      </c>
      <c r="BI28" s="228"/>
      <c r="BJ28" s="61">
        <v>0</v>
      </c>
      <c r="BK28" s="61">
        <v>2</v>
      </c>
      <c r="BL28" s="61">
        <v>2</v>
      </c>
      <c r="BM28" s="61">
        <v>1</v>
      </c>
      <c r="BN28" s="61">
        <v>4</v>
      </c>
      <c r="BO28" s="62">
        <v>9</v>
      </c>
      <c r="BP28" s="63">
        <v>14</v>
      </c>
      <c r="BQ28" s="60">
        <v>1</v>
      </c>
      <c r="BR28" s="61">
        <v>2</v>
      </c>
      <c r="BS28" s="62">
        <v>3</v>
      </c>
      <c r="BT28" s="228"/>
      <c r="BU28" s="61">
        <v>5</v>
      </c>
      <c r="BV28" s="61">
        <v>4</v>
      </c>
      <c r="BW28" s="61">
        <v>1</v>
      </c>
      <c r="BX28" s="61">
        <v>1</v>
      </c>
      <c r="BY28" s="61">
        <v>1</v>
      </c>
      <c r="BZ28" s="62">
        <v>12</v>
      </c>
      <c r="CA28" s="63">
        <v>15</v>
      </c>
      <c r="CB28" s="60">
        <v>0</v>
      </c>
      <c r="CC28" s="61">
        <v>0</v>
      </c>
      <c r="CD28" s="62">
        <v>0</v>
      </c>
      <c r="CE28" s="228"/>
      <c r="CF28" s="61">
        <v>0</v>
      </c>
      <c r="CG28" s="61">
        <v>0</v>
      </c>
      <c r="CH28" s="61">
        <v>0</v>
      </c>
      <c r="CI28" s="61">
        <v>0</v>
      </c>
      <c r="CJ28" s="61">
        <v>0</v>
      </c>
      <c r="CK28" s="62">
        <v>0</v>
      </c>
      <c r="CL28" s="63">
        <v>0</v>
      </c>
      <c r="CM28" s="60">
        <v>10</v>
      </c>
      <c r="CN28" s="61">
        <v>13</v>
      </c>
      <c r="CO28" s="62">
        <v>23</v>
      </c>
      <c r="CP28" s="228"/>
      <c r="CQ28" s="61">
        <v>10</v>
      </c>
      <c r="CR28" s="61">
        <v>12</v>
      </c>
      <c r="CS28" s="61">
        <v>6</v>
      </c>
      <c r="CT28" s="61">
        <v>4</v>
      </c>
      <c r="CU28" s="61">
        <v>6</v>
      </c>
      <c r="CV28" s="62">
        <v>38</v>
      </c>
      <c r="CW28" s="63">
        <v>61</v>
      </c>
      <c r="CX28" s="113">
        <v>6</v>
      </c>
      <c r="CY28" s="72">
        <v>11</v>
      </c>
      <c r="CZ28" s="73">
        <v>17</v>
      </c>
      <c r="DA28" s="228"/>
      <c r="DB28" s="72">
        <v>9</v>
      </c>
      <c r="DC28" s="72">
        <v>9</v>
      </c>
      <c r="DD28" s="72">
        <v>4</v>
      </c>
      <c r="DE28" s="72">
        <v>3</v>
      </c>
      <c r="DF28" s="72">
        <v>4</v>
      </c>
      <c r="DG28" s="74">
        <v>29</v>
      </c>
      <c r="DH28" s="75">
        <v>46</v>
      </c>
      <c r="DI28" s="60">
        <v>0</v>
      </c>
      <c r="DJ28" s="61">
        <v>0</v>
      </c>
      <c r="DK28" s="62">
        <v>0</v>
      </c>
      <c r="DL28" s="228"/>
      <c r="DM28" s="61">
        <v>0</v>
      </c>
      <c r="DN28" s="61">
        <v>0</v>
      </c>
      <c r="DO28" s="61">
        <v>0</v>
      </c>
      <c r="DP28" s="61">
        <v>0</v>
      </c>
      <c r="DQ28" s="61">
        <v>0</v>
      </c>
      <c r="DR28" s="62">
        <v>0</v>
      </c>
      <c r="DS28" s="63">
        <v>0</v>
      </c>
      <c r="DT28" s="60">
        <v>1</v>
      </c>
      <c r="DU28" s="61">
        <v>2</v>
      </c>
      <c r="DV28" s="62">
        <v>3</v>
      </c>
      <c r="DW28" s="228"/>
      <c r="DX28" s="61">
        <v>0</v>
      </c>
      <c r="DY28" s="61">
        <v>1</v>
      </c>
      <c r="DZ28" s="61">
        <v>0</v>
      </c>
      <c r="EA28" s="61">
        <v>0</v>
      </c>
      <c r="EB28" s="61">
        <v>1</v>
      </c>
      <c r="EC28" s="62">
        <v>2</v>
      </c>
      <c r="ED28" s="63">
        <v>5</v>
      </c>
      <c r="EE28" s="60">
        <v>0</v>
      </c>
      <c r="EF28" s="61">
        <v>2</v>
      </c>
      <c r="EG28" s="62">
        <v>2</v>
      </c>
      <c r="EH28" s="228"/>
      <c r="EI28" s="61">
        <v>0</v>
      </c>
      <c r="EJ28" s="61">
        <v>0</v>
      </c>
      <c r="EK28" s="61">
        <v>0</v>
      </c>
      <c r="EL28" s="61">
        <v>0</v>
      </c>
      <c r="EM28" s="61">
        <v>0</v>
      </c>
      <c r="EN28" s="62">
        <v>0</v>
      </c>
      <c r="EO28" s="63">
        <v>2</v>
      </c>
      <c r="EP28" s="60">
        <v>1</v>
      </c>
      <c r="EQ28" s="61">
        <v>2</v>
      </c>
      <c r="ER28" s="62">
        <v>3</v>
      </c>
      <c r="ES28" s="228"/>
      <c r="ET28" s="61">
        <v>2</v>
      </c>
      <c r="EU28" s="61">
        <v>1</v>
      </c>
      <c r="EV28" s="61">
        <v>0</v>
      </c>
      <c r="EW28" s="61">
        <v>0</v>
      </c>
      <c r="EX28" s="61">
        <v>1</v>
      </c>
      <c r="EY28" s="62">
        <v>4</v>
      </c>
      <c r="EZ28" s="63">
        <v>7</v>
      </c>
      <c r="FA28" s="60">
        <v>3</v>
      </c>
      <c r="FB28" s="61">
        <v>2</v>
      </c>
      <c r="FC28" s="62">
        <v>5</v>
      </c>
      <c r="FD28" s="228"/>
      <c r="FE28" s="61">
        <v>2</v>
      </c>
      <c r="FF28" s="61">
        <v>3</v>
      </c>
      <c r="FG28" s="61">
        <v>1</v>
      </c>
      <c r="FH28" s="61">
        <v>2</v>
      </c>
      <c r="FI28" s="61">
        <v>0</v>
      </c>
      <c r="FJ28" s="62">
        <v>8</v>
      </c>
      <c r="FK28" s="63">
        <v>13</v>
      </c>
      <c r="FL28" s="60">
        <v>1</v>
      </c>
      <c r="FM28" s="61">
        <v>3</v>
      </c>
      <c r="FN28" s="62">
        <v>4</v>
      </c>
      <c r="FO28" s="228"/>
      <c r="FP28" s="61">
        <v>5</v>
      </c>
      <c r="FQ28" s="61">
        <v>4</v>
      </c>
      <c r="FR28" s="61">
        <v>3</v>
      </c>
      <c r="FS28" s="61">
        <v>1</v>
      </c>
      <c r="FT28" s="61">
        <v>2</v>
      </c>
      <c r="FU28" s="62">
        <v>15</v>
      </c>
      <c r="FV28" s="63">
        <v>19</v>
      </c>
      <c r="FW28" s="60">
        <v>0</v>
      </c>
      <c r="FX28" s="61">
        <v>0</v>
      </c>
      <c r="FY28" s="62">
        <v>0</v>
      </c>
      <c r="FZ28" s="228"/>
      <c r="GA28" s="61">
        <v>0</v>
      </c>
      <c r="GB28" s="61">
        <v>0</v>
      </c>
      <c r="GC28" s="61">
        <v>0</v>
      </c>
      <c r="GD28" s="61">
        <v>0</v>
      </c>
      <c r="GE28" s="61">
        <v>0</v>
      </c>
      <c r="GF28" s="62">
        <v>0</v>
      </c>
      <c r="GG28" s="63">
        <v>0</v>
      </c>
      <c r="GH28" s="60">
        <v>6</v>
      </c>
      <c r="GI28" s="61">
        <v>11</v>
      </c>
      <c r="GJ28" s="62">
        <v>17</v>
      </c>
      <c r="GK28" s="228"/>
      <c r="GL28" s="61">
        <v>9</v>
      </c>
      <c r="GM28" s="61">
        <v>9</v>
      </c>
      <c r="GN28" s="61">
        <v>4</v>
      </c>
      <c r="GO28" s="61">
        <v>3</v>
      </c>
      <c r="GP28" s="61">
        <v>4</v>
      </c>
      <c r="GQ28" s="62">
        <v>29</v>
      </c>
      <c r="GR28" s="63">
        <v>46</v>
      </c>
      <c r="GS28" s="113">
        <v>16</v>
      </c>
      <c r="GT28" s="72">
        <v>24</v>
      </c>
      <c r="GU28" s="73">
        <v>40</v>
      </c>
      <c r="GV28" s="228"/>
      <c r="GW28" s="72">
        <v>19</v>
      </c>
      <c r="GX28" s="72">
        <v>21</v>
      </c>
      <c r="GY28" s="72">
        <v>10</v>
      </c>
      <c r="GZ28" s="72">
        <v>7</v>
      </c>
      <c r="HA28" s="72">
        <v>10</v>
      </c>
      <c r="HB28" s="74">
        <v>67</v>
      </c>
      <c r="HC28" s="75">
        <v>107</v>
      </c>
      <c r="HD28" s="60">
        <v>0</v>
      </c>
      <c r="HE28" s="61">
        <v>2</v>
      </c>
      <c r="HF28" s="62">
        <v>2</v>
      </c>
      <c r="HG28" s="228"/>
      <c r="HH28" s="61">
        <v>0</v>
      </c>
      <c r="HI28" s="61">
        <v>0</v>
      </c>
      <c r="HJ28" s="61">
        <v>0</v>
      </c>
      <c r="HK28" s="61">
        <v>0</v>
      </c>
      <c r="HL28" s="61">
        <v>0</v>
      </c>
      <c r="HM28" s="62">
        <v>0</v>
      </c>
      <c r="HN28" s="63">
        <v>2</v>
      </c>
      <c r="HO28" s="60">
        <v>2</v>
      </c>
      <c r="HP28" s="61">
        <v>3</v>
      </c>
      <c r="HQ28" s="62">
        <v>5</v>
      </c>
      <c r="HR28" s="228"/>
      <c r="HS28" s="61">
        <v>2</v>
      </c>
      <c r="HT28" s="61">
        <v>3</v>
      </c>
      <c r="HU28" s="61">
        <v>0</v>
      </c>
      <c r="HV28" s="61">
        <v>1</v>
      </c>
      <c r="HW28" s="61">
        <v>1</v>
      </c>
      <c r="HX28" s="62">
        <v>7</v>
      </c>
      <c r="HY28" s="63">
        <v>12</v>
      </c>
      <c r="HZ28" s="60">
        <v>0</v>
      </c>
      <c r="IA28" s="61">
        <v>2</v>
      </c>
      <c r="IB28" s="62">
        <v>2</v>
      </c>
      <c r="IC28" s="228"/>
      <c r="ID28" s="61">
        <v>0</v>
      </c>
      <c r="IE28" s="61">
        <v>0</v>
      </c>
      <c r="IF28" s="61">
        <v>1</v>
      </c>
      <c r="IG28" s="61">
        <v>0</v>
      </c>
      <c r="IH28" s="61">
        <v>0</v>
      </c>
      <c r="II28" s="62">
        <v>1</v>
      </c>
      <c r="IJ28" s="63">
        <v>3</v>
      </c>
      <c r="IK28" s="60">
        <v>6</v>
      </c>
      <c r="IL28" s="61">
        <v>8</v>
      </c>
      <c r="IM28" s="62">
        <v>14</v>
      </c>
      <c r="IN28" s="228"/>
      <c r="IO28" s="61">
        <v>5</v>
      </c>
      <c r="IP28" s="61">
        <v>5</v>
      </c>
      <c r="IQ28" s="61">
        <v>2</v>
      </c>
      <c r="IR28" s="61">
        <v>1</v>
      </c>
      <c r="IS28" s="61">
        <v>2</v>
      </c>
      <c r="IT28" s="62">
        <v>15</v>
      </c>
      <c r="IU28" s="63">
        <v>29</v>
      </c>
      <c r="IV28" s="60">
        <v>6</v>
      </c>
      <c r="IW28" s="61">
        <v>4</v>
      </c>
      <c r="IX28" s="62">
        <v>10</v>
      </c>
      <c r="IY28" s="228"/>
      <c r="IZ28" s="61">
        <v>2</v>
      </c>
      <c r="JA28" s="61">
        <v>5</v>
      </c>
      <c r="JB28" s="61">
        <v>3</v>
      </c>
      <c r="JC28" s="61">
        <v>3</v>
      </c>
      <c r="JD28" s="61">
        <v>4</v>
      </c>
      <c r="JE28" s="62">
        <v>17</v>
      </c>
      <c r="JF28" s="63">
        <v>27</v>
      </c>
      <c r="JG28" s="60">
        <v>2</v>
      </c>
      <c r="JH28" s="61">
        <v>5</v>
      </c>
      <c r="JI28" s="62">
        <v>7</v>
      </c>
      <c r="JJ28" s="228"/>
      <c r="JK28" s="61">
        <v>10</v>
      </c>
      <c r="JL28" s="61">
        <v>8</v>
      </c>
      <c r="JM28" s="61">
        <v>4</v>
      </c>
      <c r="JN28" s="61">
        <v>2</v>
      </c>
      <c r="JO28" s="61">
        <v>3</v>
      </c>
      <c r="JP28" s="62">
        <v>27</v>
      </c>
      <c r="JQ28" s="63">
        <v>34</v>
      </c>
      <c r="JR28" s="60">
        <v>0</v>
      </c>
      <c r="JS28" s="61">
        <v>0</v>
      </c>
      <c r="JT28" s="62">
        <v>0</v>
      </c>
      <c r="JU28" s="228"/>
      <c r="JV28" s="61">
        <v>0</v>
      </c>
      <c r="JW28" s="61">
        <v>0</v>
      </c>
      <c r="JX28" s="61">
        <v>0</v>
      </c>
      <c r="JY28" s="61">
        <v>0</v>
      </c>
      <c r="JZ28" s="61">
        <v>0</v>
      </c>
      <c r="KA28" s="62">
        <v>0</v>
      </c>
      <c r="KB28" s="63">
        <v>0</v>
      </c>
      <c r="KC28" s="60">
        <v>16</v>
      </c>
      <c r="KD28" s="61">
        <v>24</v>
      </c>
      <c r="KE28" s="62">
        <v>40</v>
      </c>
      <c r="KF28" s="228"/>
      <c r="KG28" s="61">
        <v>19</v>
      </c>
      <c r="KH28" s="61">
        <v>21</v>
      </c>
      <c r="KI28" s="61">
        <v>10</v>
      </c>
      <c r="KJ28" s="61">
        <v>7</v>
      </c>
      <c r="KK28" s="61">
        <v>10</v>
      </c>
      <c r="KL28" s="62">
        <v>67</v>
      </c>
      <c r="KM28" s="63">
        <v>107</v>
      </c>
    </row>
    <row r="29" spans="2:299" ht="21" customHeight="1" x14ac:dyDescent="0.2">
      <c r="B29" s="472" t="s">
        <v>26</v>
      </c>
      <c r="C29" s="293">
        <v>8</v>
      </c>
      <c r="D29" s="72">
        <v>10</v>
      </c>
      <c r="E29" s="73">
        <v>18</v>
      </c>
      <c r="F29" s="228"/>
      <c r="G29" s="72">
        <v>27</v>
      </c>
      <c r="H29" s="72">
        <v>16</v>
      </c>
      <c r="I29" s="72">
        <v>6</v>
      </c>
      <c r="J29" s="72">
        <v>9</v>
      </c>
      <c r="K29" s="72">
        <v>7</v>
      </c>
      <c r="L29" s="74">
        <v>65</v>
      </c>
      <c r="M29" s="75">
        <v>83</v>
      </c>
      <c r="N29" s="60">
        <v>1</v>
      </c>
      <c r="O29" s="61">
        <v>0</v>
      </c>
      <c r="P29" s="62">
        <v>1</v>
      </c>
      <c r="Q29" s="228"/>
      <c r="R29" s="61">
        <v>1</v>
      </c>
      <c r="S29" s="61">
        <v>0</v>
      </c>
      <c r="T29" s="61">
        <v>1</v>
      </c>
      <c r="U29" s="61">
        <v>0</v>
      </c>
      <c r="V29" s="61">
        <v>0</v>
      </c>
      <c r="W29" s="62">
        <v>2</v>
      </c>
      <c r="X29" s="63">
        <v>3</v>
      </c>
      <c r="Y29" s="60">
        <v>1</v>
      </c>
      <c r="Z29" s="61">
        <v>2</v>
      </c>
      <c r="AA29" s="62">
        <v>3</v>
      </c>
      <c r="AB29" s="228"/>
      <c r="AC29" s="61">
        <v>1</v>
      </c>
      <c r="AD29" s="61">
        <v>1</v>
      </c>
      <c r="AE29" s="61">
        <v>1</v>
      </c>
      <c r="AF29" s="61">
        <v>0</v>
      </c>
      <c r="AG29" s="61">
        <v>1</v>
      </c>
      <c r="AH29" s="62">
        <v>4</v>
      </c>
      <c r="AI29" s="63">
        <v>7</v>
      </c>
      <c r="AJ29" s="60">
        <v>0</v>
      </c>
      <c r="AK29" s="61">
        <v>0</v>
      </c>
      <c r="AL29" s="62">
        <v>0</v>
      </c>
      <c r="AM29" s="228"/>
      <c r="AN29" s="61">
        <v>4</v>
      </c>
      <c r="AO29" s="61">
        <v>3</v>
      </c>
      <c r="AP29" s="61">
        <v>1</v>
      </c>
      <c r="AQ29" s="61">
        <v>2</v>
      </c>
      <c r="AR29" s="61">
        <v>0</v>
      </c>
      <c r="AS29" s="62">
        <v>10</v>
      </c>
      <c r="AT29" s="63">
        <v>10</v>
      </c>
      <c r="AU29" s="60">
        <v>2</v>
      </c>
      <c r="AV29" s="61">
        <v>2</v>
      </c>
      <c r="AW29" s="62">
        <v>4</v>
      </c>
      <c r="AX29" s="228"/>
      <c r="AY29" s="61">
        <v>9</v>
      </c>
      <c r="AZ29" s="61">
        <v>1</v>
      </c>
      <c r="BA29" s="61">
        <v>0</v>
      </c>
      <c r="BB29" s="61">
        <v>3</v>
      </c>
      <c r="BC29" s="61">
        <v>1</v>
      </c>
      <c r="BD29" s="62">
        <v>14</v>
      </c>
      <c r="BE29" s="63">
        <v>18</v>
      </c>
      <c r="BF29" s="60">
        <v>2</v>
      </c>
      <c r="BG29" s="61">
        <v>4</v>
      </c>
      <c r="BH29" s="62">
        <v>6</v>
      </c>
      <c r="BI29" s="228"/>
      <c r="BJ29" s="61">
        <v>4</v>
      </c>
      <c r="BK29" s="61">
        <v>5</v>
      </c>
      <c r="BL29" s="61">
        <v>1</v>
      </c>
      <c r="BM29" s="61">
        <v>2</v>
      </c>
      <c r="BN29" s="61">
        <v>1</v>
      </c>
      <c r="BO29" s="62">
        <v>13</v>
      </c>
      <c r="BP29" s="63">
        <v>19</v>
      </c>
      <c r="BQ29" s="60">
        <v>2</v>
      </c>
      <c r="BR29" s="61">
        <v>2</v>
      </c>
      <c r="BS29" s="62">
        <v>4</v>
      </c>
      <c r="BT29" s="228"/>
      <c r="BU29" s="61">
        <v>8</v>
      </c>
      <c r="BV29" s="61">
        <v>6</v>
      </c>
      <c r="BW29" s="61">
        <v>2</v>
      </c>
      <c r="BX29" s="61">
        <v>2</v>
      </c>
      <c r="BY29" s="61">
        <v>4</v>
      </c>
      <c r="BZ29" s="62">
        <v>22</v>
      </c>
      <c r="CA29" s="63">
        <v>26</v>
      </c>
      <c r="CB29" s="60">
        <v>0</v>
      </c>
      <c r="CC29" s="61">
        <v>0</v>
      </c>
      <c r="CD29" s="62">
        <v>0</v>
      </c>
      <c r="CE29" s="228"/>
      <c r="CF29" s="61">
        <v>0</v>
      </c>
      <c r="CG29" s="61">
        <v>0</v>
      </c>
      <c r="CH29" s="61">
        <v>0</v>
      </c>
      <c r="CI29" s="61">
        <v>0</v>
      </c>
      <c r="CJ29" s="61">
        <v>0</v>
      </c>
      <c r="CK29" s="62">
        <v>0</v>
      </c>
      <c r="CL29" s="63">
        <v>0</v>
      </c>
      <c r="CM29" s="60">
        <v>8</v>
      </c>
      <c r="CN29" s="61">
        <v>10</v>
      </c>
      <c r="CO29" s="62">
        <v>18</v>
      </c>
      <c r="CP29" s="228"/>
      <c r="CQ29" s="61">
        <v>27</v>
      </c>
      <c r="CR29" s="61">
        <v>16</v>
      </c>
      <c r="CS29" s="61">
        <v>6</v>
      </c>
      <c r="CT29" s="61">
        <v>9</v>
      </c>
      <c r="CU29" s="61">
        <v>7</v>
      </c>
      <c r="CV29" s="62">
        <v>65</v>
      </c>
      <c r="CW29" s="63">
        <v>83</v>
      </c>
      <c r="CX29" s="113">
        <v>3</v>
      </c>
      <c r="CY29" s="72">
        <v>5</v>
      </c>
      <c r="CZ29" s="73">
        <v>8</v>
      </c>
      <c r="DA29" s="228"/>
      <c r="DB29" s="72">
        <v>9</v>
      </c>
      <c r="DC29" s="72">
        <v>6</v>
      </c>
      <c r="DD29" s="72">
        <v>4</v>
      </c>
      <c r="DE29" s="72">
        <v>2</v>
      </c>
      <c r="DF29" s="72">
        <v>3</v>
      </c>
      <c r="DG29" s="74">
        <v>24</v>
      </c>
      <c r="DH29" s="75">
        <v>32</v>
      </c>
      <c r="DI29" s="60">
        <v>0</v>
      </c>
      <c r="DJ29" s="61">
        <v>0</v>
      </c>
      <c r="DK29" s="62">
        <v>0</v>
      </c>
      <c r="DL29" s="228"/>
      <c r="DM29" s="61">
        <v>0</v>
      </c>
      <c r="DN29" s="61">
        <v>0</v>
      </c>
      <c r="DO29" s="61">
        <v>0</v>
      </c>
      <c r="DP29" s="61">
        <v>0</v>
      </c>
      <c r="DQ29" s="61">
        <v>0</v>
      </c>
      <c r="DR29" s="62">
        <v>0</v>
      </c>
      <c r="DS29" s="63">
        <v>0</v>
      </c>
      <c r="DT29" s="60">
        <v>0</v>
      </c>
      <c r="DU29" s="61">
        <v>0</v>
      </c>
      <c r="DV29" s="62">
        <v>0</v>
      </c>
      <c r="DW29" s="228"/>
      <c r="DX29" s="61">
        <v>0</v>
      </c>
      <c r="DY29" s="61">
        <v>0</v>
      </c>
      <c r="DZ29" s="61">
        <v>0</v>
      </c>
      <c r="EA29" s="61">
        <v>1</v>
      </c>
      <c r="EB29" s="61">
        <v>0</v>
      </c>
      <c r="EC29" s="62">
        <v>1</v>
      </c>
      <c r="ED29" s="63">
        <v>1</v>
      </c>
      <c r="EE29" s="60">
        <v>0</v>
      </c>
      <c r="EF29" s="61">
        <v>2</v>
      </c>
      <c r="EG29" s="62">
        <v>2</v>
      </c>
      <c r="EH29" s="228"/>
      <c r="EI29" s="61">
        <v>2</v>
      </c>
      <c r="EJ29" s="61">
        <v>0</v>
      </c>
      <c r="EK29" s="61">
        <v>1</v>
      </c>
      <c r="EL29" s="61">
        <v>0</v>
      </c>
      <c r="EM29" s="61">
        <v>0</v>
      </c>
      <c r="EN29" s="62">
        <v>3</v>
      </c>
      <c r="EO29" s="63">
        <v>5</v>
      </c>
      <c r="EP29" s="60">
        <v>0</v>
      </c>
      <c r="EQ29" s="61">
        <v>0</v>
      </c>
      <c r="ER29" s="62">
        <v>0</v>
      </c>
      <c r="ES29" s="228"/>
      <c r="ET29" s="61">
        <v>0</v>
      </c>
      <c r="EU29" s="61">
        <v>0</v>
      </c>
      <c r="EV29" s="61">
        <v>1</v>
      </c>
      <c r="EW29" s="61">
        <v>0</v>
      </c>
      <c r="EX29" s="61">
        <v>0</v>
      </c>
      <c r="EY29" s="62">
        <v>1</v>
      </c>
      <c r="EZ29" s="63">
        <v>1</v>
      </c>
      <c r="FA29" s="60">
        <v>3</v>
      </c>
      <c r="FB29" s="61">
        <v>2</v>
      </c>
      <c r="FC29" s="62">
        <v>5</v>
      </c>
      <c r="FD29" s="228"/>
      <c r="FE29" s="61">
        <v>3</v>
      </c>
      <c r="FF29" s="61">
        <v>1</v>
      </c>
      <c r="FG29" s="61">
        <v>1</v>
      </c>
      <c r="FH29" s="61">
        <v>0</v>
      </c>
      <c r="FI29" s="61">
        <v>1</v>
      </c>
      <c r="FJ29" s="62">
        <v>6</v>
      </c>
      <c r="FK29" s="63">
        <v>11</v>
      </c>
      <c r="FL29" s="60">
        <v>0</v>
      </c>
      <c r="FM29" s="61">
        <v>1</v>
      </c>
      <c r="FN29" s="62">
        <v>1</v>
      </c>
      <c r="FO29" s="228"/>
      <c r="FP29" s="61">
        <v>4</v>
      </c>
      <c r="FQ29" s="61">
        <v>5</v>
      </c>
      <c r="FR29" s="61">
        <v>1</v>
      </c>
      <c r="FS29" s="61">
        <v>1</v>
      </c>
      <c r="FT29" s="61">
        <v>2</v>
      </c>
      <c r="FU29" s="62">
        <v>13</v>
      </c>
      <c r="FV29" s="63">
        <v>14</v>
      </c>
      <c r="FW29" s="60">
        <v>0</v>
      </c>
      <c r="FX29" s="61">
        <v>0</v>
      </c>
      <c r="FY29" s="62">
        <v>0</v>
      </c>
      <c r="FZ29" s="228"/>
      <c r="GA29" s="61">
        <v>0</v>
      </c>
      <c r="GB29" s="61">
        <v>0</v>
      </c>
      <c r="GC29" s="61">
        <v>0</v>
      </c>
      <c r="GD29" s="61">
        <v>0</v>
      </c>
      <c r="GE29" s="61">
        <v>0</v>
      </c>
      <c r="GF29" s="62">
        <v>0</v>
      </c>
      <c r="GG29" s="63">
        <v>0</v>
      </c>
      <c r="GH29" s="60">
        <v>3</v>
      </c>
      <c r="GI29" s="61">
        <v>5</v>
      </c>
      <c r="GJ29" s="62">
        <v>8</v>
      </c>
      <c r="GK29" s="228"/>
      <c r="GL29" s="61">
        <v>9</v>
      </c>
      <c r="GM29" s="61">
        <v>6</v>
      </c>
      <c r="GN29" s="61">
        <v>4</v>
      </c>
      <c r="GO29" s="61">
        <v>2</v>
      </c>
      <c r="GP29" s="61">
        <v>3</v>
      </c>
      <c r="GQ29" s="62">
        <v>24</v>
      </c>
      <c r="GR29" s="63">
        <v>32</v>
      </c>
      <c r="GS29" s="113">
        <v>11</v>
      </c>
      <c r="GT29" s="72">
        <v>15</v>
      </c>
      <c r="GU29" s="73">
        <v>26</v>
      </c>
      <c r="GV29" s="228"/>
      <c r="GW29" s="72">
        <v>36</v>
      </c>
      <c r="GX29" s="72">
        <v>22</v>
      </c>
      <c r="GY29" s="72">
        <v>10</v>
      </c>
      <c r="GZ29" s="72">
        <v>11</v>
      </c>
      <c r="HA29" s="72">
        <v>10</v>
      </c>
      <c r="HB29" s="74">
        <v>89</v>
      </c>
      <c r="HC29" s="75">
        <v>115</v>
      </c>
      <c r="HD29" s="60">
        <v>1</v>
      </c>
      <c r="HE29" s="61">
        <v>0</v>
      </c>
      <c r="HF29" s="62">
        <v>1</v>
      </c>
      <c r="HG29" s="228"/>
      <c r="HH29" s="61">
        <v>1</v>
      </c>
      <c r="HI29" s="61">
        <v>0</v>
      </c>
      <c r="HJ29" s="61">
        <v>1</v>
      </c>
      <c r="HK29" s="61">
        <v>0</v>
      </c>
      <c r="HL29" s="61">
        <v>0</v>
      </c>
      <c r="HM29" s="62">
        <v>2</v>
      </c>
      <c r="HN29" s="63">
        <v>3</v>
      </c>
      <c r="HO29" s="60">
        <v>1</v>
      </c>
      <c r="HP29" s="61">
        <v>2</v>
      </c>
      <c r="HQ29" s="62">
        <v>3</v>
      </c>
      <c r="HR29" s="228"/>
      <c r="HS29" s="61">
        <v>1</v>
      </c>
      <c r="HT29" s="61">
        <v>1</v>
      </c>
      <c r="HU29" s="61">
        <v>1</v>
      </c>
      <c r="HV29" s="61">
        <v>1</v>
      </c>
      <c r="HW29" s="61">
        <v>1</v>
      </c>
      <c r="HX29" s="62">
        <v>5</v>
      </c>
      <c r="HY29" s="63">
        <v>8</v>
      </c>
      <c r="HZ29" s="60">
        <v>0</v>
      </c>
      <c r="IA29" s="61">
        <v>2</v>
      </c>
      <c r="IB29" s="62">
        <v>2</v>
      </c>
      <c r="IC29" s="228"/>
      <c r="ID29" s="61">
        <v>6</v>
      </c>
      <c r="IE29" s="61">
        <v>3</v>
      </c>
      <c r="IF29" s="61">
        <v>2</v>
      </c>
      <c r="IG29" s="61">
        <v>2</v>
      </c>
      <c r="IH29" s="61">
        <v>0</v>
      </c>
      <c r="II29" s="62">
        <v>13</v>
      </c>
      <c r="IJ29" s="63">
        <v>15</v>
      </c>
      <c r="IK29" s="60">
        <v>2</v>
      </c>
      <c r="IL29" s="61">
        <v>2</v>
      </c>
      <c r="IM29" s="62">
        <v>4</v>
      </c>
      <c r="IN29" s="228"/>
      <c r="IO29" s="61">
        <v>9</v>
      </c>
      <c r="IP29" s="61">
        <v>1</v>
      </c>
      <c r="IQ29" s="61">
        <v>1</v>
      </c>
      <c r="IR29" s="61">
        <v>3</v>
      </c>
      <c r="IS29" s="61">
        <v>1</v>
      </c>
      <c r="IT29" s="62">
        <v>15</v>
      </c>
      <c r="IU29" s="63">
        <v>19</v>
      </c>
      <c r="IV29" s="60">
        <v>5</v>
      </c>
      <c r="IW29" s="61">
        <v>6</v>
      </c>
      <c r="IX29" s="62">
        <v>11</v>
      </c>
      <c r="IY29" s="228"/>
      <c r="IZ29" s="61">
        <v>7</v>
      </c>
      <c r="JA29" s="61">
        <v>6</v>
      </c>
      <c r="JB29" s="61">
        <v>2</v>
      </c>
      <c r="JC29" s="61">
        <v>2</v>
      </c>
      <c r="JD29" s="61">
        <v>2</v>
      </c>
      <c r="JE29" s="62">
        <v>19</v>
      </c>
      <c r="JF29" s="63">
        <v>30</v>
      </c>
      <c r="JG29" s="60">
        <v>2</v>
      </c>
      <c r="JH29" s="61">
        <v>3</v>
      </c>
      <c r="JI29" s="62">
        <v>5</v>
      </c>
      <c r="JJ29" s="228"/>
      <c r="JK29" s="61">
        <v>12</v>
      </c>
      <c r="JL29" s="61">
        <v>11</v>
      </c>
      <c r="JM29" s="61">
        <v>3</v>
      </c>
      <c r="JN29" s="61">
        <v>3</v>
      </c>
      <c r="JO29" s="61">
        <v>6</v>
      </c>
      <c r="JP29" s="62">
        <v>35</v>
      </c>
      <c r="JQ29" s="63">
        <v>40</v>
      </c>
      <c r="JR29" s="60">
        <v>0</v>
      </c>
      <c r="JS29" s="61">
        <v>0</v>
      </c>
      <c r="JT29" s="62">
        <v>0</v>
      </c>
      <c r="JU29" s="228"/>
      <c r="JV29" s="61">
        <v>0</v>
      </c>
      <c r="JW29" s="61">
        <v>0</v>
      </c>
      <c r="JX29" s="61">
        <v>0</v>
      </c>
      <c r="JY29" s="61">
        <v>0</v>
      </c>
      <c r="JZ29" s="61">
        <v>0</v>
      </c>
      <c r="KA29" s="62">
        <v>0</v>
      </c>
      <c r="KB29" s="63">
        <v>0</v>
      </c>
      <c r="KC29" s="60">
        <v>11</v>
      </c>
      <c r="KD29" s="61">
        <v>15</v>
      </c>
      <c r="KE29" s="62">
        <v>26</v>
      </c>
      <c r="KF29" s="228"/>
      <c r="KG29" s="61">
        <v>36</v>
      </c>
      <c r="KH29" s="61">
        <v>22</v>
      </c>
      <c r="KI29" s="61">
        <v>10</v>
      </c>
      <c r="KJ29" s="61">
        <v>11</v>
      </c>
      <c r="KK29" s="61">
        <v>10</v>
      </c>
      <c r="KL29" s="62">
        <v>89</v>
      </c>
      <c r="KM29" s="63">
        <v>115</v>
      </c>
    </row>
    <row r="30" spans="2:299" ht="21" customHeight="1" x14ac:dyDescent="0.2">
      <c r="B30" s="472" t="s">
        <v>27</v>
      </c>
      <c r="C30" s="293">
        <v>12</v>
      </c>
      <c r="D30" s="72">
        <v>16</v>
      </c>
      <c r="E30" s="73">
        <v>28</v>
      </c>
      <c r="F30" s="228"/>
      <c r="G30" s="72">
        <v>12</v>
      </c>
      <c r="H30" s="72">
        <v>13</v>
      </c>
      <c r="I30" s="72">
        <v>12</v>
      </c>
      <c r="J30" s="72">
        <v>6</v>
      </c>
      <c r="K30" s="72">
        <v>3</v>
      </c>
      <c r="L30" s="74">
        <v>46</v>
      </c>
      <c r="M30" s="75">
        <v>74</v>
      </c>
      <c r="N30" s="60">
        <v>0</v>
      </c>
      <c r="O30" s="61">
        <v>1</v>
      </c>
      <c r="P30" s="62">
        <v>1</v>
      </c>
      <c r="Q30" s="228"/>
      <c r="R30" s="61">
        <v>0</v>
      </c>
      <c r="S30" s="61">
        <v>1</v>
      </c>
      <c r="T30" s="61">
        <v>0</v>
      </c>
      <c r="U30" s="61">
        <v>0</v>
      </c>
      <c r="V30" s="61">
        <v>0</v>
      </c>
      <c r="W30" s="62">
        <v>1</v>
      </c>
      <c r="X30" s="63">
        <v>2</v>
      </c>
      <c r="Y30" s="60">
        <v>2</v>
      </c>
      <c r="Z30" s="61">
        <v>0</v>
      </c>
      <c r="AA30" s="62">
        <v>2</v>
      </c>
      <c r="AB30" s="228"/>
      <c r="AC30" s="61">
        <v>0</v>
      </c>
      <c r="AD30" s="61">
        <v>2</v>
      </c>
      <c r="AE30" s="61">
        <v>1</v>
      </c>
      <c r="AF30" s="61">
        <v>0</v>
      </c>
      <c r="AG30" s="61">
        <v>1</v>
      </c>
      <c r="AH30" s="62">
        <v>4</v>
      </c>
      <c r="AI30" s="63">
        <v>6</v>
      </c>
      <c r="AJ30" s="60">
        <v>1</v>
      </c>
      <c r="AK30" s="61">
        <v>1</v>
      </c>
      <c r="AL30" s="62">
        <v>2</v>
      </c>
      <c r="AM30" s="228"/>
      <c r="AN30" s="61">
        <v>0</v>
      </c>
      <c r="AO30" s="61">
        <v>1</v>
      </c>
      <c r="AP30" s="61">
        <v>1</v>
      </c>
      <c r="AQ30" s="61">
        <v>0</v>
      </c>
      <c r="AR30" s="61">
        <v>0</v>
      </c>
      <c r="AS30" s="62">
        <v>2</v>
      </c>
      <c r="AT30" s="63">
        <v>4</v>
      </c>
      <c r="AU30" s="60">
        <v>3</v>
      </c>
      <c r="AV30" s="61">
        <v>7</v>
      </c>
      <c r="AW30" s="62">
        <v>10</v>
      </c>
      <c r="AX30" s="228"/>
      <c r="AY30" s="61">
        <v>5</v>
      </c>
      <c r="AZ30" s="61">
        <v>4</v>
      </c>
      <c r="BA30" s="61">
        <v>3</v>
      </c>
      <c r="BB30" s="61">
        <v>2</v>
      </c>
      <c r="BC30" s="61">
        <v>0</v>
      </c>
      <c r="BD30" s="62">
        <v>14</v>
      </c>
      <c r="BE30" s="63">
        <v>24</v>
      </c>
      <c r="BF30" s="60">
        <v>4</v>
      </c>
      <c r="BG30" s="61">
        <v>5</v>
      </c>
      <c r="BH30" s="62">
        <v>9</v>
      </c>
      <c r="BI30" s="228"/>
      <c r="BJ30" s="61">
        <v>1</v>
      </c>
      <c r="BK30" s="61">
        <v>2</v>
      </c>
      <c r="BL30" s="61">
        <v>4</v>
      </c>
      <c r="BM30" s="61">
        <v>3</v>
      </c>
      <c r="BN30" s="61">
        <v>2</v>
      </c>
      <c r="BO30" s="62">
        <v>12</v>
      </c>
      <c r="BP30" s="63">
        <v>21</v>
      </c>
      <c r="BQ30" s="60">
        <v>2</v>
      </c>
      <c r="BR30" s="61">
        <v>2</v>
      </c>
      <c r="BS30" s="62">
        <v>4</v>
      </c>
      <c r="BT30" s="228"/>
      <c r="BU30" s="61">
        <v>6</v>
      </c>
      <c r="BV30" s="61">
        <v>3</v>
      </c>
      <c r="BW30" s="61">
        <v>3</v>
      </c>
      <c r="BX30" s="61">
        <v>1</v>
      </c>
      <c r="BY30" s="61">
        <v>0</v>
      </c>
      <c r="BZ30" s="62">
        <v>13</v>
      </c>
      <c r="CA30" s="63">
        <v>17</v>
      </c>
      <c r="CB30" s="60">
        <v>0</v>
      </c>
      <c r="CC30" s="61">
        <v>0</v>
      </c>
      <c r="CD30" s="62">
        <v>0</v>
      </c>
      <c r="CE30" s="228"/>
      <c r="CF30" s="61">
        <v>0</v>
      </c>
      <c r="CG30" s="61">
        <v>0</v>
      </c>
      <c r="CH30" s="61">
        <v>0</v>
      </c>
      <c r="CI30" s="61">
        <v>0</v>
      </c>
      <c r="CJ30" s="61">
        <v>0</v>
      </c>
      <c r="CK30" s="62">
        <v>0</v>
      </c>
      <c r="CL30" s="63">
        <v>0</v>
      </c>
      <c r="CM30" s="60">
        <v>12</v>
      </c>
      <c r="CN30" s="61">
        <v>16</v>
      </c>
      <c r="CO30" s="62">
        <v>28</v>
      </c>
      <c r="CP30" s="228"/>
      <c r="CQ30" s="61">
        <v>12</v>
      </c>
      <c r="CR30" s="61">
        <v>13</v>
      </c>
      <c r="CS30" s="61">
        <v>12</v>
      </c>
      <c r="CT30" s="61">
        <v>6</v>
      </c>
      <c r="CU30" s="61">
        <v>3</v>
      </c>
      <c r="CV30" s="62">
        <v>46</v>
      </c>
      <c r="CW30" s="63">
        <v>74</v>
      </c>
      <c r="CX30" s="113">
        <v>6</v>
      </c>
      <c r="CY30" s="72">
        <v>4</v>
      </c>
      <c r="CZ30" s="73">
        <v>10</v>
      </c>
      <c r="DA30" s="228"/>
      <c r="DB30" s="72">
        <v>9</v>
      </c>
      <c r="DC30" s="72">
        <v>1</v>
      </c>
      <c r="DD30" s="72">
        <v>5</v>
      </c>
      <c r="DE30" s="72">
        <v>2</v>
      </c>
      <c r="DF30" s="72">
        <v>1</v>
      </c>
      <c r="DG30" s="74">
        <v>18</v>
      </c>
      <c r="DH30" s="75">
        <v>28</v>
      </c>
      <c r="DI30" s="60">
        <v>0</v>
      </c>
      <c r="DJ30" s="61">
        <v>1</v>
      </c>
      <c r="DK30" s="62">
        <v>1</v>
      </c>
      <c r="DL30" s="228"/>
      <c r="DM30" s="61">
        <v>0</v>
      </c>
      <c r="DN30" s="61">
        <v>0</v>
      </c>
      <c r="DO30" s="61">
        <v>0</v>
      </c>
      <c r="DP30" s="61">
        <v>0</v>
      </c>
      <c r="DQ30" s="61">
        <v>0</v>
      </c>
      <c r="DR30" s="62">
        <v>0</v>
      </c>
      <c r="DS30" s="63">
        <v>1</v>
      </c>
      <c r="DT30" s="60">
        <v>0</v>
      </c>
      <c r="DU30" s="61">
        <v>0</v>
      </c>
      <c r="DV30" s="62">
        <v>0</v>
      </c>
      <c r="DW30" s="228"/>
      <c r="DX30" s="61">
        <v>0</v>
      </c>
      <c r="DY30" s="61">
        <v>0</v>
      </c>
      <c r="DZ30" s="61">
        <v>0</v>
      </c>
      <c r="EA30" s="61">
        <v>0</v>
      </c>
      <c r="EB30" s="61">
        <v>0</v>
      </c>
      <c r="EC30" s="62">
        <v>0</v>
      </c>
      <c r="ED30" s="63">
        <v>0</v>
      </c>
      <c r="EE30" s="60">
        <v>1</v>
      </c>
      <c r="EF30" s="61">
        <v>0</v>
      </c>
      <c r="EG30" s="62">
        <v>1</v>
      </c>
      <c r="EH30" s="228"/>
      <c r="EI30" s="61">
        <v>0</v>
      </c>
      <c r="EJ30" s="61">
        <v>1</v>
      </c>
      <c r="EK30" s="61">
        <v>0</v>
      </c>
      <c r="EL30" s="61">
        <v>0</v>
      </c>
      <c r="EM30" s="61">
        <v>0</v>
      </c>
      <c r="EN30" s="62">
        <v>1</v>
      </c>
      <c r="EO30" s="63">
        <v>2</v>
      </c>
      <c r="EP30" s="60">
        <v>4</v>
      </c>
      <c r="EQ30" s="61">
        <v>0</v>
      </c>
      <c r="ER30" s="62">
        <v>4</v>
      </c>
      <c r="ES30" s="228"/>
      <c r="ET30" s="61">
        <v>3</v>
      </c>
      <c r="EU30" s="61">
        <v>0</v>
      </c>
      <c r="EV30" s="61">
        <v>0</v>
      </c>
      <c r="EW30" s="61">
        <v>0</v>
      </c>
      <c r="EX30" s="61">
        <v>0</v>
      </c>
      <c r="EY30" s="62">
        <v>3</v>
      </c>
      <c r="EZ30" s="63">
        <v>7</v>
      </c>
      <c r="FA30" s="60">
        <v>0</v>
      </c>
      <c r="FB30" s="61">
        <v>1</v>
      </c>
      <c r="FC30" s="62">
        <v>1</v>
      </c>
      <c r="FD30" s="228"/>
      <c r="FE30" s="61">
        <v>2</v>
      </c>
      <c r="FF30" s="61">
        <v>0</v>
      </c>
      <c r="FG30" s="61">
        <v>1</v>
      </c>
      <c r="FH30" s="61">
        <v>1</v>
      </c>
      <c r="FI30" s="61">
        <v>0</v>
      </c>
      <c r="FJ30" s="62">
        <v>4</v>
      </c>
      <c r="FK30" s="63">
        <v>5</v>
      </c>
      <c r="FL30" s="60">
        <v>1</v>
      </c>
      <c r="FM30" s="61">
        <v>2</v>
      </c>
      <c r="FN30" s="62">
        <v>3</v>
      </c>
      <c r="FO30" s="228"/>
      <c r="FP30" s="61">
        <v>4</v>
      </c>
      <c r="FQ30" s="61">
        <v>0</v>
      </c>
      <c r="FR30" s="61">
        <v>4</v>
      </c>
      <c r="FS30" s="61">
        <v>1</v>
      </c>
      <c r="FT30" s="61">
        <v>1</v>
      </c>
      <c r="FU30" s="62">
        <v>10</v>
      </c>
      <c r="FV30" s="63">
        <v>13</v>
      </c>
      <c r="FW30" s="60">
        <v>0</v>
      </c>
      <c r="FX30" s="61">
        <v>0</v>
      </c>
      <c r="FY30" s="62">
        <v>0</v>
      </c>
      <c r="FZ30" s="228"/>
      <c r="GA30" s="61">
        <v>0</v>
      </c>
      <c r="GB30" s="61">
        <v>0</v>
      </c>
      <c r="GC30" s="61">
        <v>0</v>
      </c>
      <c r="GD30" s="61">
        <v>0</v>
      </c>
      <c r="GE30" s="61">
        <v>0</v>
      </c>
      <c r="GF30" s="62">
        <v>0</v>
      </c>
      <c r="GG30" s="63">
        <v>0</v>
      </c>
      <c r="GH30" s="60">
        <v>6</v>
      </c>
      <c r="GI30" s="61">
        <v>4</v>
      </c>
      <c r="GJ30" s="62">
        <v>10</v>
      </c>
      <c r="GK30" s="228"/>
      <c r="GL30" s="61">
        <v>9</v>
      </c>
      <c r="GM30" s="61">
        <v>1</v>
      </c>
      <c r="GN30" s="61">
        <v>5</v>
      </c>
      <c r="GO30" s="61">
        <v>2</v>
      </c>
      <c r="GP30" s="61">
        <v>1</v>
      </c>
      <c r="GQ30" s="62">
        <v>18</v>
      </c>
      <c r="GR30" s="63">
        <v>28</v>
      </c>
      <c r="GS30" s="113">
        <v>18</v>
      </c>
      <c r="GT30" s="72">
        <v>20</v>
      </c>
      <c r="GU30" s="73">
        <v>38</v>
      </c>
      <c r="GV30" s="228"/>
      <c r="GW30" s="72">
        <v>21</v>
      </c>
      <c r="GX30" s="72">
        <v>14</v>
      </c>
      <c r="GY30" s="72">
        <v>17</v>
      </c>
      <c r="GZ30" s="72">
        <v>8</v>
      </c>
      <c r="HA30" s="72">
        <v>4</v>
      </c>
      <c r="HB30" s="74">
        <v>64</v>
      </c>
      <c r="HC30" s="75">
        <v>102</v>
      </c>
      <c r="HD30" s="60">
        <v>0</v>
      </c>
      <c r="HE30" s="61">
        <v>2</v>
      </c>
      <c r="HF30" s="62">
        <v>2</v>
      </c>
      <c r="HG30" s="228"/>
      <c r="HH30" s="61">
        <v>0</v>
      </c>
      <c r="HI30" s="61">
        <v>1</v>
      </c>
      <c r="HJ30" s="61">
        <v>0</v>
      </c>
      <c r="HK30" s="61">
        <v>0</v>
      </c>
      <c r="HL30" s="61">
        <v>0</v>
      </c>
      <c r="HM30" s="62">
        <v>1</v>
      </c>
      <c r="HN30" s="63">
        <v>3</v>
      </c>
      <c r="HO30" s="60">
        <v>2</v>
      </c>
      <c r="HP30" s="61">
        <v>0</v>
      </c>
      <c r="HQ30" s="62">
        <v>2</v>
      </c>
      <c r="HR30" s="228"/>
      <c r="HS30" s="61">
        <v>0</v>
      </c>
      <c r="HT30" s="61">
        <v>2</v>
      </c>
      <c r="HU30" s="61">
        <v>1</v>
      </c>
      <c r="HV30" s="61">
        <v>0</v>
      </c>
      <c r="HW30" s="61">
        <v>1</v>
      </c>
      <c r="HX30" s="62">
        <v>4</v>
      </c>
      <c r="HY30" s="63">
        <v>6</v>
      </c>
      <c r="HZ30" s="60">
        <v>2</v>
      </c>
      <c r="IA30" s="61">
        <v>1</v>
      </c>
      <c r="IB30" s="62">
        <v>3</v>
      </c>
      <c r="IC30" s="228"/>
      <c r="ID30" s="61">
        <v>0</v>
      </c>
      <c r="IE30" s="61">
        <v>2</v>
      </c>
      <c r="IF30" s="61">
        <v>1</v>
      </c>
      <c r="IG30" s="61">
        <v>0</v>
      </c>
      <c r="IH30" s="61">
        <v>0</v>
      </c>
      <c r="II30" s="62">
        <v>3</v>
      </c>
      <c r="IJ30" s="63">
        <v>6</v>
      </c>
      <c r="IK30" s="60">
        <v>7</v>
      </c>
      <c r="IL30" s="61">
        <v>7</v>
      </c>
      <c r="IM30" s="62">
        <v>14</v>
      </c>
      <c r="IN30" s="228"/>
      <c r="IO30" s="61">
        <v>8</v>
      </c>
      <c r="IP30" s="61">
        <v>4</v>
      </c>
      <c r="IQ30" s="61">
        <v>3</v>
      </c>
      <c r="IR30" s="61">
        <v>2</v>
      </c>
      <c r="IS30" s="61">
        <v>0</v>
      </c>
      <c r="IT30" s="62">
        <v>17</v>
      </c>
      <c r="IU30" s="63">
        <v>31</v>
      </c>
      <c r="IV30" s="60">
        <v>4</v>
      </c>
      <c r="IW30" s="61">
        <v>6</v>
      </c>
      <c r="IX30" s="62">
        <v>10</v>
      </c>
      <c r="IY30" s="228"/>
      <c r="IZ30" s="61">
        <v>3</v>
      </c>
      <c r="JA30" s="61">
        <v>2</v>
      </c>
      <c r="JB30" s="61">
        <v>5</v>
      </c>
      <c r="JC30" s="61">
        <v>4</v>
      </c>
      <c r="JD30" s="61">
        <v>2</v>
      </c>
      <c r="JE30" s="62">
        <v>16</v>
      </c>
      <c r="JF30" s="63">
        <v>26</v>
      </c>
      <c r="JG30" s="60">
        <v>3</v>
      </c>
      <c r="JH30" s="61">
        <v>4</v>
      </c>
      <c r="JI30" s="62">
        <v>7</v>
      </c>
      <c r="JJ30" s="228"/>
      <c r="JK30" s="61">
        <v>10</v>
      </c>
      <c r="JL30" s="61">
        <v>3</v>
      </c>
      <c r="JM30" s="61">
        <v>7</v>
      </c>
      <c r="JN30" s="61">
        <v>2</v>
      </c>
      <c r="JO30" s="61">
        <v>1</v>
      </c>
      <c r="JP30" s="62">
        <v>23</v>
      </c>
      <c r="JQ30" s="63">
        <v>30</v>
      </c>
      <c r="JR30" s="60">
        <v>0</v>
      </c>
      <c r="JS30" s="61">
        <v>0</v>
      </c>
      <c r="JT30" s="62">
        <v>0</v>
      </c>
      <c r="JU30" s="228"/>
      <c r="JV30" s="61">
        <v>0</v>
      </c>
      <c r="JW30" s="61">
        <v>0</v>
      </c>
      <c r="JX30" s="61">
        <v>0</v>
      </c>
      <c r="JY30" s="61">
        <v>0</v>
      </c>
      <c r="JZ30" s="61">
        <v>0</v>
      </c>
      <c r="KA30" s="62">
        <v>0</v>
      </c>
      <c r="KB30" s="63">
        <v>0</v>
      </c>
      <c r="KC30" s="60">
        <v>18</v>
      </c>
      <c r="KD30" s="61">
        <v>20</v>
      </c>
      <c r="KE30" s="62">
        <v>38</v>
      </c>
      <c r="KF30" s="228"/>
      <c r="KG30" s="61">
        <v>21</v>
      </c>
      <c r="KH30" s="61">
        <v>14</v>
      </c>
      <c r="KI30" s="61">
        <v>17</v>
      </c>
      <c r="KJ30" s="61">
        <v>8</v>
      </c>
      <c r="KK30" s="61">
        <v>4</v>
      </c>
      <c r="KL30" s="62">
        <v>64</v>
      </c>
      <c r="KM30" s="63">
        <v>102</v>
      </c>
    </row>
    <row r="31" spans="2:299" ht="21" customHeight="1" x14ac:dyDescent="0.2">
      <c r="B31" s="472" t="s">
        <v>28</v>
      </c>
      <c r="C31" s="293">
        <v>0</v>
      </c>
      <c r="D31" s="72">
        <v>2</v>
      </c>
      <c r="E31" s="73">
        <v>2</v>
      </c>
      <c r="F31" s="228"/>
      <c r="G31" s="72">
        <v>6</v>
      </c>
      <c r="H31" s="72">
        <v>3</v>
      </c>
      <c r="I31" s="72">
        <v>4</v>
      </c>
      <c r="J31" s="72">
        <v>2</v>
      </c>
      <c r="K31" s="72">
        <v>1</v>
      </c>
      <c r="L31" s="74">
        <v>16</v>
      </c>
      <c r="M31" s="75">
        <v>18</v>
      </c>
      <c r="N31" s="60">
        <v>0</v>
      </c>
      <c r="O31" s="61">
        <v>1</v>
      </c>
      <c r="P31" s="62">
        <v>1</v>
      </c>
      <c r="Q31" s="228"/>
      <c r="R31" s="61">
        <v>0</v>
      </c>
      <c r="S31" s="61">
        <v>0</v>
      </c>
      <c r="T31" s="61">
        <v>1</v>
      </c>
      <c r="U31" s="61">
        <v>0</v>
      </c>
      <c r="V31" s="61">
        <v>0</v>
      </c>
      <c r="W31" s="62">
        <v>1</v>
      </c>
      <c r="X31" s="63">
        <v>2</v>
      </c>
      <c r="Y31" s="60">
        <v>0</v>
      </c>
      <c r="Z31" s="61">
        <v>1</v>
      </c>
      <c r="AA31" s="62">
        <v>1</v>
      </c>
      <c r="AB31" s="228"/>
      <c r="AC31" s="61">
        <v>2</v>
      </c>
      <c r="AD31" s="61">
        <v>0</v>
      </c>
      <c r="AE31" s="61">
        <v>0</v>
      </c>
      <c r="AF31" s="61">
        <v>0</v>
      </c>
      <c r="AG31" s="61">
        <v>0</v>
      </c>
      <c r="AH31" s="62">
        <v>2</v>
      </c>
      <c r="AI31" s="63">
        <v>3</v>
      </c>
      <c r="AJ31" s="60">
        <v>0</v>
      </c>
      <c r="AK31" s="61">
        <v>0</v>
      </c>
      <c r="AL31" s="62">
        <v>0</v>
      </c>
      <c r="AM31" s="228"/>
      <c r="AN31" s="61">
        <v>1</v>
      </c>
      <c r="AO31" s="61">
        <v>1</v>
      </c>
      <c r="AP31" s="61">
        <v>0</v>
      </c>
      <c r="AQ31" s="61">
        <v>0</v>
      </c>
      <c r="AR31" s="61">
        <v>1</v>
      </c>
      <c r="AS31" s="62">
        <v>3</v>
      </c>
      <c r="AT31" s="63">
        <v>3</v>
      </c>
      <c r="AU31" s="60">
        <v>0</v>
      </c>
      <c r="AV31" s="61">
        <v>0</v>
      </c>
      <c r="AW31" s="62">
        <v>0</v>
      </c>
      <c r="AX31" s="228"/>
      <c r="AY31" s="61">
        <v>3</v>
      </c>
      <c r="AZ31" s="61">
        <v>1</v>
      </c>
      <c r="BA31" s="61">
        <v>0</v>
      </c>
      <c r="BB31" s="61">
        <v>1</v>
      </c>
      <c r="BC31" s="61">
        <v>0</v>
      </c>
      <c r="BD31" s="62">
        <v>5</v>
      </c>
      <c r="BE31" s="63">
        <v>5</v>
      </c>
      <c r="BF31" s="60">
        <v>0</v>
      </c>
      <c r="BG31" s="61">
        <v>0</v>
      </c>
      <c r="BH31" s="62">
        <v>0</v>
      </c>
      <c r="BI31" s="228"/>
      <c r="BJ31" s="61">
        <v>0</v>
      </c>
      <c r="BK31" s="61">
        <v>1</v>
      </c>
      <c r="BL31" s="61">
        <v>1</v>
      </c>
      <c r="BM31" s="61">
        <v>0</v>
      </c>
      <c r="BN31" s="61">
        <v>0</v>
      </c>
      <c r="BO31" s="62">
        <v>2</v>
      </c>
      <c r="BP31" s="63">
        <v>2</v>
      </c>
      <c r="BQ31" s="60">
        <v>0</v>
      </c>
      <c r="BR31" s="61">
        <v>0</v>
      </c>
      <c r="BS31" s="62">
        <v>0</v>
      </c>
      <c r="BT31" s="228"/>
      <c r="BU31" s="61">
        <v>0</v>
      </c>
      <c r="BV31" s="61">
        <v>0</v>
      </c>
      <c r="BW31" s="61">
        <v>2</v>
      </c>
      <c r="BX31" s="61">
        <v>1</v>
      </c>
      <c r="BY31" s="61">
        <v>0</v>
      </c>
      <c r="BZ31" s="62">
        <v>3</v>
      </c>
      <c r="CA31" s="63">
        <v>3</v>
      </c>
      <c r="CB31" s="60">
        <v>0</v>
      </c>
      <c r="CC31" s="61">
        <v>0</v>
      </c>
      <c r="CD31" s="62">
        <v>0</v>
      </c>
      <c r="CE31" s="228"/>
      <c r="CF31" s="61">
        <v>0</v>
      </c>
      <c r="CG31" s="61">
        <v>0</v>
      </c>
      <c r="CH31" s="61">
        <v>0</v>
      </c>
      <c r="CI31" s="61">
        <v>0</v>
      </c>
      <c r="CJ31" s="61">
        <v>0</v>
      </c>
      <c r="CK31" s="62">
        <v>0</v>
      </c>
      <c r="CL31" s="63">
        <v>0</v>
      </c>
      <c r="CM31" s="60">
        <v>0</v>
      </c>
      <c r="CN31" s="61">
        <v>2</v>
      </c>
      <c r="CO31" s="62">
        <v>2</v>
      </c>
      <c r="CP31" s="228"/>
      <c r="CQ31" s="61">
        <v>6</v>
      </c>
      <c r="CR31" s="61">
        <v>3</v>
      </c>
      <c r="CS31" s="61">
        <v>4</v>
      </c>
      <c r="CT31" s="61">
        <v>2</v>
      </c>
      <c r="CU31" s="61">
        <v>1</v>
      </c>
      <c r="CV31" s="62">
        <v>16</v>
      </c>
      <c r="CW31" s="63">
        <v>18</v>
      </c>
      <c r="CX31" s="113">
        <v>0</v>
      </c>
      <c r="CY31" s="72">
        <v>1</v>
      </c>
      <c r="CZ31" s="73">
        <v>1</v>
      </c>
      <c r="DA31" s="228"/>
      <c r="DB31" s="72">
        <v>0</v>
      </c>
      <c r="DC31" s="72">
        <v>2</v>
      </c>
      <c r="DD31" s="72">
        <v>1</v>
      </c>
      <c r="DE31" s="72">
        <v>2</v>
      </c>
      <c r="DF31" s="72">
        <v>0</v>
      </c>
      <c r="DG31" s="74">
        <v>5</v>
      </c>
      <c r="DH31" s="75">
        <v>6</v>
      </c>
      <c r="DI31" s="60">
        <v>0</v>
      </c>
      <c r="DJ31" s="61">
        <v>0</v>
      </c>
      <c r="DK31" s="62">
        <v>0</v>
      </c>
      <c r="DL31" s="228"/>
      <c r="DM31" s="61">
        <v>0</v>
      </c>
      <c r="DN31" s="61">
        <v>0</v>
      </c>
      <c r="DO31" s="61">
        <v>0</v>
      </c>
      <c r="DP31" s="61">
        <v>0</v>
      </c>
      <c r="DQ31" s="61">
        <v>0</v>
      </c>
      <c r="DR31" s="62">
        <v>0</v>
      </c>
      <c r="DS31" s="63">
        <v>0</v>
      </c>
      <c r="DT31" s="60">
        <v>0</v>
      </c>
      <c r="DU31" s="61">
        <v>1</v>
      </c>
      <c r="DV31" s="62">
        <v>1</v>
      </c>
      <c r="DW31" s="228"/>
      <c r="DX31" s="61">
        <v>0</v>
      </c>
      <c r="DY31" s="61">
        <v>0</v>
      </c>
      <c r="DZ31" s="61">
        <v>1</v>
      </c>
      <c r="EA31" s="61">
        <v>0</v>
      </c>
      <c r="EB31" s="61">
        <v>0</v>
      </c>
      <c r="EC31" s="62">
        <v>1</v>
      </c>
      <c r="ED31" s="63">
        <v>2</v>
      </c>
      <c r="EE31" s="60">
        <v>0</v>
      </c>
      <c r="EF31" s="61">
        <v>0</v>
      </c>
      <c r="EG31" s="62">
        <v>0</v>
      </c>
      <c r="EH31" s="228"/>
      <c r="EI31" s="61">
        <v>0</v>
      </c>
      <c r="EJ31" s="61">
        <v>0</v>
      </c>
      <c r="EK31" s="61">
        <v>0</v>
      </c>
      <c r="EL31" s="61">
        <v>0</v>
      </c>
      <c r="EM31" s="61">
        <v>0</v>
      </c>
      <c r="EN31" s="62">
        <v>0</v>
      </c>
      <c r="EO31" s="63">
        <v>0</v>
      </c>
      <c r="EP31" s="60">
        <v>0</v>
      </c>
      <c r="EQ31" s="61">
        <v>0</v>
      </c>
      <c r="ER31" s="62">
        <v>0</v>
      </c>
      <c r="ES31" s="228"/>
      <c r="ET31" s="61">
        <v>0</v>
      </c>
      <c r="EU31" s="61">
        <v>1</v>
      </c>
      <c r="EV31" s="61">
        <v>0</v>
      </c>
      <c r="EW31" s="61">
        <v>0</v>
      </c>
      <c r="EX31" s="61">
        <v>0</v>
      </c>
      <c r="EY31" s="62">
        <v>1</v>
      </c>
      <c r="EZ31" s="63">
        <v>1</v>
      </c>
      <c r="FA31" s="60">
        <v>0</v>
      </c>
      <c r="FB31" s="61">
        <v>0</v>
      </c>
      <c r="FC31" s="62">
        <v>0</v>
      </c>
      <c r="FD31" s="228"/>
      <c r="FE31" s="61">
        <v>0</v>
      </c>
      <c r="FF31" s="61">
        <v>0</v>
      </c>
      <c r="FG31" s="61">
        <v>0</v>
      </c>
      <c r="FH31" s="61">
        <v>2</v>
      </c>
      <c r="FI31" s="61">
        <v>0</v>
      </c>
      <c r="FJ31" s="62">
        <v>2</v>
      </c>
      <c r="FK31" s="63">
        <v>2</v>
      </c>
      <c r="FL31" s="60">
        <v>0</v>
      </c>
      <c r="FM31" s="61">
        <v>0</v>
      </c>
      <c r="FN31" s="62">
        <v>0</v>
      </c>
      <c r="FO31" s="228"/>
      <c r="FP31" s="61">
        <v>0</v>
      </c>
      <c r="FQ31" s="61">
        <v>1</v>
      </c>
      <c r="FR31" s="61">
        <v>0</v>
      </c>
      <c r="FS31" s="61">
        <v>0</v>
      </c>
      <c r="FT31" s="61">
        <v>0</v>
      </c>
      <c r="FU31" s="62">
        <v>1</v>
      </c>
      <c r="FV31" s="63">
        <v>1</v>
      </c>
      <c r="FW31" s="60">
        <v>0</v>
      </c>
      <c r="FX31" s="61">
        <v>0</v>
      </c>
      <c r="FY31" s="62">
        <v>0</v>
      </c>
      <c r="FZ31" s="228"/>
      <c r="GA31" s="61">
        <v>0</v>
      </c>
      <c r="GB31" s="61">
        <v>0</v>
      </c>
      <c r="GC31" s="61">
        <v>0</v>
      </c>
      <c r="GD31" s="61">
        <v>0</v>
      </c>
      <c r="GE31" s="61">
        <v>0</v>
      </c>
      <c r="GF31" s="62">
        <v>0</v>
      </c>
      <c r="GG31" s="63">
        <v>0</v>
      </c>
      <c r="GH31" s="60">
        <v>0</v>
      </c>
      <c r="GI31" s="61">
        <v>1</v>
      </c>
      <c r="GJ31" s="62">
        <v>1</v>
      </c>
      <c r="GK31" s="228"/>
      <c r="GL31" s="61">
        <v>0</v>
      </c>
      <c r="GM31" s="61">
        <v>2</v>
      </c>
      <c r="GN31" s="61">
        <v>1</v>
      </c>
      <c r="GO31" s="61">
        <v>2</v>
      </c>
      <c r="GP31" s="61">
        <v>0</v>
      </c>
      <c r="GQ31" s="62">
        <v>5</v>
      </c>
      <c r="GR31" s="63">
        <v>6</v>
      </c>
      <c r="GS31" s="113">
        <v>0</v>
      </c>
      <c r="GT31" s="72">
        <v>3</v>
      </c>
      <c r="GU31" s="73">
        <v>3</v>
      </c>
      <c r="GV31" s="228"/>
      <c r="GW31" s="72">
        <v>6</v>
      </c>
      <c r="GX31" s="72">
        <v>5</v>
      </c>
      <c r="GY31" s="72">
        <v>5</v>
      </c>
      <c r="GZ31" s="72">
        <v>4</v>
      </c>
      <c r="HA31" s="72">
        <v>1</v>
      </c>
      <c r="HB31" s="74">
        <v>21</v>
      </c>
      <c r="HC31" s="75">
        <v>24</v>
      </c>
      <c r="HD31" s="60">
        <v>0</v>
      </c>
      <c r="HE31" s="61">
        <v>1</v>
      </c>
      <c r="HF31" s="62">
        <v>1</v>
      </c>
      <c r="HG31" s="228"/>
      <c r="HH31" s="61">
        <v>0</v>
      </c>
      <c r="HI31" s="61">
        <v>0</v>
      </c>
      <c r="HJ31" s="61">
        <v>1</v>
      </c>
      <c r="HK31" s="61">
        <v>0</v>
      </c>
      <c r="HL31" s="61">
        <v>0</v>
      </c>
      <c r="HM31" s="62">
        <v>1</v>
      </c>
      <c r="HN31" s="63">
        <v>2</v>
      </c>
      <c r="HO31" s="60">
        <v>0</v>
      </c>
      <c r="HP31" s="61">
        <v>2</v>
      </c>
      <c r="HQ31" s="62">
        <v>2</v>
      </c>
      <c r="HR31" s="228"/>
      <c r="HS31" s="61">
        <v>2</v>
      </c>
      <c r="HT31" s="61">
        <v>0</v>
      </c>
      <c r="HU31" s="61">
        <v>1</v>
      </c>
      <c r="HV31" s="61">
        <v>0</v>
      </c>
      <c r="HW31" s="61">
        <v>0</v>
      </c>
      <c r="HX31" s="62">
        <v>3</v>
      </c>
      <c r="HY31" s="63">
        <v>5</v>
      </c>
      <c r="HZ31" s="60">
        <v>0</v>
      </c>
      <c r="IA31" s="61">
        <v>0</v>
      </c>
      <c r="IB31" s="62">
        <v>0</v>
      </c>
      <c r="IC31" s="228"/>
      <c r="ID31" s="61">
        <v>1</v>
      </c>
      <c r="IE31" s="61">
        <v>1</v>
      </c>
      <c r="IF31" s="61">
        <v>0</v>
      </c>
      <c r="IG31" s="61">
        <v>0</v>
      </c>
      <c r="IH31" s="61">
        <v>1</v>
      </c>
      <c r="II31" s="62">
        <v>3</v>
      </c>
      <c r="IJ31" s="63">
        <v>3</v>
      </c>
      <c r="IK31" s="60">
        <v>0</v>
      </c>
      <c r="IL31" s="61">
        <v>0</v>
      </c>
      <c r="IM31" s="62">
        <v>0</v>
      </c>
      <c r="IN31" s="228"/>
      <c r="IO31" s="61">
        <v>3</v>
      </c>
      <c r="IP31" s="61">
        <v>2</v>
      </c>
      <c r="IQ31" s="61">
        <v>0</v>
      </c>
      <c r="IR31" s="61">
        <v>1</v>
      </c>
      <c r="IS31" s="61">
        <v>0</v>
      </c>
      <c r="IT31" s="62">
        <v>6</v>
      </c>
      <c r="IU31" s="63">
        <v>6</v>
      </c>
      <c r="IV31" s="60">
        <v>0</v>
      </c>
      <c r="IW31" s="61">
        <v>0</v>
      </c>
      <c r="IX31" s="62">
        <v>0</v>
      </c>
      <c r="IY31" s="228"/>
      <c r="IZ31" s="61">
        <v>0</v>
      </c>
      <c r="JA31" s="61">
        <v>1</v>
      </c>
      <c r="JB31" s="61">
        <v>1</v>
      </c>
      <c r="JC31" s="61">
        <v>2</v>
      </c>
      <c r="JD31" s="61">
        <v>0</v>
      </c>
      <c r="JE31" s="62">
        <v>4</v>
      </c>
      <c r="JF31" s="63">
        <v>4</v>
      </c>
      <c r="JG31" s="60">
        <v>0</v>
      </c>
      <c r="JH31" s="61">
        <v>0</v>
      </c>
      <c r="JI31" s="62">
        <v>0</v>
      </c>
      <c r="JJ31" s="228"/>
      <c r="JK31" s="61">
        <v>0</v>
      </c>
      <c r="JL31" s="61">
        <v>1</v>
      </c>
      <c r="JM31" s="61">
        <v>2</v>
      </c>
      <c r="JN31" s="61">
        <v>1</v>
      </c>
      <c r="JO31" s="61">
        <v>0</v>
      </c>
      <c r="JP31" s="62">
        <v>4</v>
      </c>
      <c r="JQ31" s="63">
        <v>4</v>
      </c>
      <c r="JR31" s="60">
        <v>0</v>
      </c>
      <c r="JS31" s="61">
        <v>0</v>
      </c>
      <c r="JT31" s="62">
        <v>0</v>
      </c>
      <c r="JU31" s="228"/>
      <c r="JV31" s="61">
        <v>0</v>
      </c>
      <c r="JW31" s="61">
        <v>0</v>
      </c>
      <c r="JX31" s="61">
        <v>0</v>
      </c>
      <c r="JY31" s="61">
        <v>0</v>
      </c>
      <c r="JZ31" s="61">
        <v>0</v>
      </c>
      <c r="KA31" s="62">
        <v>0</v>
      </c>
      <c r="KB31" s="63">
        <v>0</v>
      </c>
      <c r="KC31" s="60">
        <v>0</v>
      </c>
      <c r="KD31" s="61">
        <v>3</v>
      </c>
      <c r="KE31" s="62">
        <v>3</v>
      </c>
      <c r="KF31" s="228"/>
      <c r="KG31" s="61">
        <v>6</v>
      </c>
      <c r="KH31" s="61">
        <v>5</v>
      </c>
      <c r="KI31" s="61">
        <v>5</v>
      </c>
      <c r="KJ31" s="61">
        <v>4</v>
      </c>
      <c r="KK31" s="61">
        <v>1</v>
      </c>
      <c r="KL31" s="62">
        <v>21</v>
      </c>
      <c r="KM31" s="63">
        <v>24</v>
      </c>
    </row>
    <row r="32" spans="2:299" ht="21" customHeight="1" x14ac:dyDescent="0.2">
      <c r="B32" s="472" t="s">
        <v>29</v>
      </c>
      <c r="C32" s="293">
        <v>1</v>
      </c>
      <c r="D32" s="72">
        <v>4</v>
      </c>
      <c r="E32" s="73">
        <v>5</v>
      </c>
      <c r="F32" s="228"/>
      <c r="G32" s="72">
        <v>6</v>
      </c>
      <c r="H32" s="72">
        <v>4</v>
      </c>
      <c r="I32" s="72">
        <v>4</v>
      </c>
      <c r="J32" s="72">
        <v>4</v>
      </c>
      <c r="K32" s="72">
        <v>1</v>
      </c>
      <c r="L32" s="74">
        <v>19</v>
      </c>
      <c r="M32" s="75">
        <v>24</v>
      </c>
      <c r="N32" s="60">
        <v>0</v>
      </c>
      <c r="O32" s="61">
        <v>0</v>
      </c>
      <c r="P32" s="62">
        <v>0</v>
      </c>
      <c r="Q32" s="228"/>
      <c r="R32" s="61">
        <v>0</v>
      </c>
      <c r="S32" s="61">
        <v>0</v>
      </c>
      <c r="T32" s="61">
        <v>1</v>
      </c>
      <c r="U32" s="61">
        <v>0</v>
      </c>
      <c r="V32" s="61">
        <v>0</v>
      </c>
      <c r="W32" s="62">
        <v>1</v>
      </c>
      <c r="X32" s="63">
        <v>1</v>
      </c>
      <c r="Y32" s="60">
        <v>0</v>
      </c>
      <c r="Z32" s="61">
        <v>0</v>
      </c>
      <c r="AA32" s="62">
        <v>0</v>
      </c>
      <c r="AB32" s="228"/>
      <c r="AC32" s="61">
        <v>0</v>
      </c>
      <c r="AD32" s="61">
        <v>1</v>
      </c>
      <c r="AE32" s="61">
        <v>0</v>
      </c>
      <c r="AF32" s="61">
        <v>0</v>
      </c>
      <c r="AG32" s="61">
        <v>0</v>
      </c>
      <c r="AH32" s="62">
        <v>1</v>
      </c>
      <c r="AI32" s="63">
        <v>1</v>
      </c>
      <c r="AJ32" s="60">
        <v>0</v>
      </c>
      <c r="AK32" s="61">
        <v>1</v>
      </c>
      <c r="AL32" s="62">
        <v>1</v>
      </c>
      <c r="AM32" s="228"/>
      <c r="AN32" s="61">
        <v>1</v>
      </c>
      <c r="AO32" s="61">
        <v>0</v>
      </c>
      <c r="AP32" s="61">
        <v>0</v>
      </c>
      <c r="AQ32" s="61">
        <v>1</v>
      </c>
      <c r="AR32" s="61">
        <v>0</v>
      </c>
      <c r="AS32" s="62">
        <v>2</v>
      </c>
      <c r="AT32" s="63">
        <v>3</v>
      </c>
      <c r="AU32" s="60">
        <v>0</v>
      </c>
      <c r="AV32" s="61">
        <v>1</v>
      </c>
      <c r="AW32" s="62">
        <v>1</v>
      </c>
      <c r="AX32" s="228"/>
      <c r="AY32" s="61">
        <v>3</v>
      </c>
      <c r="AZ32" s="61">
        <v>0</v>
      </c>
      <c r="BA32" s="61">
        <v>1</v>
      </c>
      <c r="BB32" s="61">
        <v>1</v>
      </c>
      <c r="BC32" s="61">
        <v>0</v>
      </c>
      <c r="BD32" s="62">
        <v>5</v>
      </c>
      <c r="BE32" s="63">
        <v>6</v>
      </c>
      <c r="BF32" s="60">
        <v>0</v>
      </c>
      <c r="BG32" s="61">
        <v>2</v>
      </c>
      <c r="BH32" s="62">
        <v>2</v>
      </c>
      <c r="BI32" s="228"/>
      <c r="BJ32" s="61">
        <v>0</v>
      </c>
      <c r="BK32" s="61">
        <v>1</v>
      </c>
      <c r="BL32" s="61">
        <v>1</v>
      </c>
      <c r="BM32" s="61">
        <v>1</v>
      </c>
      <c r="BN32" s="61">
        <v>0</v>
      </c>
      <c r="BO32" s="62">
        <v>3</v>
      </c>
      <c r="BP32" s="63">
        <v>5</v>
      </c>
      <c r="BQ32" s="60">
        <v>1</v>
      </c>
      <c r="BR32" s="61">
        <v>0</v>
      </c>
      <c r="BS32" s="62">
        <v>1</v>
      </c>
      <c r="BT32" s="228"/>
      <c r="BU32" s="61">
        <v>2</v>
      </c>
      <c r="BV32" s="61">
        <v>2</v>
      </c>
      <c r="BW32" s="61">
        <v>1</v>
      </c>
      <c r="BX32" s="61">
        <v>1</v>
      </c>
      <c r="BY32" s="61">
        <v>1</v>
      </c>
      <c r="BZ32" s="62">
        <v>7</v>
      </c>
      <c r="CA32" s="63">
        <v>8</v>
      </c>
      <c r="CB32" s="60">
        <v>0</v>
      </c>
      <c r="CC32" s="61">
        <v>0</v>
      </c>
      <c r="CD32" s="62">
        <v>0</v>
      </c>
      <c r="CE32" s="228"/>
      <c r="CF32" s="61">
        <v>0</v>
      </c>
      <c r="CG32" s="61">
        <v>0</v>
      </c>
      <c r="CH32" s="61">
        <v>0</v>
      </c>
      <c r="CI32" s="61">
        <v>0</v>
      </c>
      <c r="CJ32" s="61">
        <v>0</v>
      </c>
      <c r="CK32" s="62">
        <v>0</v>
      </c>
      <c r="CL32" s="63">
        <v>0</v>
      </c>
      <c r="CM32" s="60">
        <v>1</v>
      </c>
      <c r="CN32" s="61">
        <v>4</v>
      </c>
      <c r="CO32" s="62">
        <v>5</v>
      </c>
      <c r="CP32" s="228"/>
      <c r="CQ32" s="61">
        <v>6</v>
      </c>
      <c r="CR32" s="61">
        <v>4</v>
      </c>
      <c r="CS32" s="61">
        <v>4</v>
      </c>
      <c r="CT32" s="61">
        <v>4</v>
      </c>
      <c r="CU32" s="61">
        <v>1</v>
      </c>
      <c r="CV32" s="62">
        <v>19</v>
      </c>
      <c r="CW32" s="63">
        <v>24</v>
      </c>
      <c r="CX32" s="113">
        <v>1</v>
      </c>
      <c r="CY32" s="72">
        <v>2</v>
      </c>
      <c r="CZ32" s="73">
        <v>3</v>
      </c>
      <c r="DA32" s="228"/>
      <c r="DB32" s="72">
        <v>6</v>
      </c>
      <c r="DC32" s="72">
        <v>2</v>
      </c>
      <c r="DD32" s="72">
        <v>0</v>
      </c>
      <c r="DE32" s="72">
        <v>2</v>
      </c>
      <c r="DF32" s="72">
        <v>0</v>
      </c>
      <c r="DG32" s="74">
        <v>10</v>
      </c>
      <c r="DH32" s="75">
        <v>13</v>
      </c>
      <c r="DI32" s="60">
        <v>0</v>
      </c>
      <c r="DJ32" s="61">
        <v>0</v>
      </c>
      <c r="DK32" s="62">
        <v>0</v>
      </c>
      <c r="DL32" s="228"/>
      <c r="DM32" s="61">
        <v>0</v>
      </c>
      <c r="DN32" s="61">
        <v>0</v>
      </c>
      <c r="DO32" s="61">
        <v>0</v>
      </c>
      <c r="DP32" s="61">
        <v>0</v>
      </c>
      <c r="DQ32" s="61">
        <v>0</v>
      </c>
      <c r="DR32" s="62">
        <v>0</v>
      </c>
      <c r="DS32" s="63">
        <v>0</v>
      </c>
      <c r="DT32" s="60">
        <v>0</v>
      </c>
      <c r="DU32" s="61">
        <v>1</v>
      </c>
      <c r="DV32" s="62">
        <v>1</v>
      </c>
      <c r="DW32" s="228"/>
      <c r="DX32" s="61">
        <v>0</v>
      </c>
      <c r="DY32" s="61">
        <v>1</v>
      </c>
      <c r="DZ32" s="61">
        <v>0</v>
      </c>
      <c r="EA32" s="61">
        <v>0</v>
      </c>
      <c r="EB32" s="61">
        <v>0</v>
      </c>
      <c r="EC32" s="62">
        <v>1</v>
      </c>
      <c r="ED32" s="63">
        <v>2</v>
      </c>
      <c r="EE32" s="60">
        <v>1</v>
      </c>
      <c r="EF32" s="61">
        <v>0</v>
      </c>
      <c r="EG32" s="62">
        <v>1</v>
      </c>
      <c r="EH32" s="228"/>
      <c r="EI32" s="61">
        <v>0</v>
      </c>
      <c r="EJ32" s="61">
        <v>0</v>
      </c>
      <c r="EK32" s="61">
        <v>0</v>
      </c>
      <c r="EL32" s="61">
        <v>0</v>
      </c>
      <c r="EM32" s="61">
        <v>0</v>
      </c>
      <c r="EN32" s="62">
        <v>0</v>
      </c>
      <c r="EO32" s="63">
        <v>1</v>
      </c>
      <c r="EP32" s="60">
        <v>0</v>
      </c>
      <c r="EQ32" s="61">
        <v>1</v>
      </c>
      <c r="ER32" s="62">
        <v>1</v>
      </c>
      <c r="ES32" s="228"/>
      <c r="ET32" s="61">
        <v>3</v>
      </c>
      <c r="EU32" s="61">
        <v>0</v>
      </c>
      <c r="EV32" s="61">
        <v>0</v>
      </c>
      <c r="EW32" s="61">
        <v>1</v>
      </c>
      <c r="EX32" s="61">
        <v>0</v>
      </c>
      <c r="EY32" s="62">
        <v>4</v>
      </c>
      <c r="EZ32" s="63">
        <v>5</v>
      </c>
      <c r="FA32" s="60">
        <v>0</v>
      </c>
      <c r="FB32" s="61">
        <v>0</v>
      </c>
      <c r="FC32" s="62">
        <v>0</v>
      </c>
      <c r="FD32" s="228"/>
      <c r="FE32" s="61">
        <v>1</v>
      </c>
      <c r="FF32" s="61">
        <v>0</v>
      </c>
      <c r="FG32" s="61">
        <v>0</v>
      </c>
      <c r="FH32" s="61">
        <v>0</v>
      </c>
      <c r="FI32" s="61">
        <v>0</v>
      </c>
      <c r="FJ32" s="62">
        <v>1</v>
      </c>
      <c r="FK32" s="63">
        <v>1</v>
      </c>
      <c r="FL32" s="60">
        <v>0</v>
      </c>
      <c r="FM32" s="61">
        <v>0</v>
      </c>
      <c r="FN32" s="62">
        <v>0</v>
      </c>
      <c r="FO32" s="228"/>
      <c r="FP32" s="61">
        <v>2</v>
      </c>
      <c r="FQ32" s="61">
        <v>1</v>
      </c>
      <c r="FR32" s="61">
        <v>0</v>
      </c>
      <c r="FS32" s="61">
        <v>1</v>
      </c>
      <c r="FT32" s="61">
        <v>0</v>
      </c>
      <c r="FU32" s="62">
        <v>4</v>
      </c>
      <c r="FV32" s="63">
        <v>4</v>
      </c>
      <c r="FW32" s="60">
        <v>0</v>
      </c>
      <c r="FX32" s="61">
        <v>0</v>
      </c>
      <c r="FY32" s="62">
        <v>0</v>
      </c>
      <c r="FZ32" s="228"/>
      <c r="GA32" s="61">
        <v>0</v>
      </c>
      <c r="GB32" s="61">
        <v>0</v>
      </c>
      <c r="GC32" s="61">
        <v>0</v>
      </c>
      <c r="GD32" s="61">
        <v>0</v>
      </c>
      <c r="GE32" s="61">
        <v>0</v>
      </c>
      <c r="GF32" s="62">
        <v>0</v>
      </c>
      <c r="GG32" s="63">
        <v>0</v>
      </c>
      <c r="GH32" s="60">
        <v>1</v>
      </c>
      <c r="GI32" s="61">
        <v>2</v>
      </c>
      <c r="GJ32" s="62">
        <v>3</v>
      </c>
      <c r="GK32" s="228"/>
      <c r="GL32" s="61">
        <v>6</v>
      </c>
      <c r="GM32" s="61">
        <v>2</v>
      </c>
      <c r="GN32" s="61">
        <v>0</v>
      </c>
      <c r="GO32" s="61">
        <v>2</v>
      </c>
      <c r="GP32" s="61">
        <v>0</v>
      </c>
      <c r="GQ32" s="62">
        <v>10</v>
      </c>
      <c r="GR32" s="63">
        <v>13</v>
      </c>
      <c r="GS32" s="113">
        <v>2</v>
      </c>
      <c r="GT32" s="72">
        <v>6</v>
      </c>
      <c r="GU32" s="73">
        <v>8</v>
      </c>
      <c r="GV32" s="228"/>
      <c r="GW32" s="72">
        <v>12</v>
      </c>
      <c r="GX32" s="72">
        <v>6</v>
      </c>
      <c r="GY32" s="72">
        <v>4</v>
      </c>
      <c r="GZ32" s="72">
        <v>6</v>
      </c>
      <c r="HA32" s="72">
        <v>1</v>
      </c>
      <c r="HB32" s="74">
        <v>29</v>
      </c>
      <c r="HC32" s="75">
        <v>37</v>
      </c>
      <c r="HD32" s="60">
        <v>0</v>
      </c>
      <c r="HE32" s="61">
        <v>0</v>
      </c>
      <c r="HF32" s="62">
        <v>0</v>
      </c>
      <c r="HG32" s="228"/>
      <c r="HH32" s="61">
        <v>0</v>
      </c>
      <c r="HI32" s="61">
        <v>0</v>
      </c>
      <c r="HJ32" s="61">
        <v>1</v>
      </c>
      <c r="HK32" s="61">
        <v>0</v>
      </c>
      <c r="HL32" s="61">
        <v>0</v>
      </c>
      <c r="HM32" s="62">
        <v>1</v>
      </c>
      <c r="HN32" s="63">
        <v>1</v>
      </c>
      <c r="HO32" s="60">
        <v>0</v>
      </c>
      <c r="HP32" s="61">
        <v>1</v>
      </c>
      <c r="HQ32" s="62">
        <v>1</v>
      </c>
      <c r="HR32" s="228"/>
      <c r="HS32" s="61">
        <v>0</v>
      </c>
      <c r="HT32" s="61">
        <v>2</v>
      </c>
      <c r="HU32" s="61">
        <v>0</v>
      </c>
      <c r="HV32" s="61">
        <v>0</v>
      </c>
      <c r="HW32" s="61">
        <v>0</v>
      </c>
      <c r="HX32" s="62">
        <v>2</v>
      </c>
      <c r="HY32" s="63">
        <v>3</v>
      </c>
      <c r="HZ32" s="60">
        <v>1</v>
      </c>
      <c r="IA32" s="61">
        <v>1</v>
      </c>
      <c r="IB32" s="62">
        <v>2</v>
      </c>
      <c r="IC32" s="228"/>
      <c r="ID32" s="61">
        <v>1</v>
      </c>
      <c r="IE32" s="61">
        <v>0</v>
      </c>
      <c r="IF32" s="61">
        <v>0</v>
      </c>
      <c r="IG32" s="61">
        <v>1</v>
      </c>
      <c r="IH32" s="61">
        <v>0</v>
      </c>
      <c r="II32" s="62">
        <v>2</v>
      </c>
      <c r="IJ32" s="63">
        <v>4</v>
      </c>
      <c r="IK32" s="60">
        <v>0</v>
      </c>
      <c r="IL32" s="61">
        <v>2</v>
      </c>
      <c r="IM32" s="62">
        <v>2</v>
      </c>
      <c r="IN32" s="228"/>
      <c r="IO32" s="61">
        <v>6</v>
      </c>
      <c r="IP32" s="61">
        <v>0</v>
      </c>
      <c r="IQ32" s="61">
        <v>1</v>
      </c>
      <c r="IR32" s="61">
        <v>2</v>
      </c>
      <c r="IS32" s="61">
        <v>0</v>
      </c>
      <c r="IT32" s="62">
        <v>9</v>
      </c>
      <c r="IU32" s="63">
        <v>11</v>
      </c>
      <c r="IV32" s="60">
        <v>0</v>
      </c>
      <c r="IW32" s="61">
        <v>2</v>
      </c>
      <c r="IX32" s="62">
        <v>2</v>
      </c>
      <c r="IY32" s="228"/>
      <c r="IZ32" s="61">
        <v>1</v>
      </c>
      <c r="JA32" s="61">
        <v>1</v>
      </c>
      <c r="JB32" s="61">
        <v>1</v>
      </c>
      <c r="JC32" s="61">
        <v>1</v>
      </c>
      <c r="JD32" s="61">
        <v>0</v>
      </c>
      <c r="JE32" s="62">
        <v>4</v>
      </c>
      <c r="JF32" s="63">
        <v>6</v>
      </c>
      <c r="JG32" s="60">
        <v>1</v>
      </c>
      <c r="JH32" s="61">
        <v>0</v>
      </c>
      <c r="JI32" s="62">
        <v>1</v>
      </c>
      <c r="JJ32" s="228"/>
      <c r="JK32" s="61">
        <v>4</v>
      </c>
      <c r="JL32" s="61">
        <v>3</v>
      </c>
      <c r="JM32" s="61">
        <v>1</v>
      </c>
      <c r="JN32" s="61">
        <v>2</v>
      </c>
      <c r="JO32" s="61">
        <v>1</v>
      </c>
      <c r="JP32" s="62">
        <v>11</v>
      </c>
      <c r="JQ32" s="63">
        <v>12</v>
      </c>
      <c r="JR32" s="60">
        <v>0</v>
      </c>
      <c r="JS32" s="61">
        <v>0</v>
      </c>
      <c r="JT32" s="62">
        <v>0</v>
      </c>
      <c r="JU32" s="228"/>
      <c r="JV32" s="61">
        <v>0</v>
      </c>
      <c r="JW32" s="61">
        <v>0</v>
      </c>
      <c r="JX32" s="61">
        <v>0</v>
      </c>
      <c r="JY32" s="61">
        <v>0</v>
      </c>
      <c r="JZ32" s="61">
        <v>0</v>
      </c>
      <c r="KA32" s="62">
        <v>0</v>
      </c>
      <c r="KB32" s="63">
        <v>0</v>
      </c>
      <c r="KC32" s="60">
        <v>2</v>
      </c>
      <c r="KD32" s="61">
        <v>6</v>
      </c>
      <c r="KE32" s="62">
        <v>8</v>
      </c>
      <c r="KF32" s="228"/>
      <c r="KG32" s="61">
        <v>12</v>
      </c>
      <c r="KH32" s="61">
        <v>6</v>
      </c>
      <c r="KI32" s="61">
        <v>4</v>
      </c>
      <c r="KJ32" s="61">
        <v>6</v>
      </c>
      <c r="KK32" s="61">
        <v>1</v>
      </c>
      <c r="KL32" s="62">
        <v>29</v>
      </c>
      <c r="KM32" s="63">
        <v>37</v>
      </c>
    </row>
    <row r="33" spans="2:299" ht="21" customHeight="1" x14ac:dyDescent="0.2">
      <c r="B33" s="472" t="s">
        <v>30</v>
      </c>
      <c r="C33" s="293">
        <v>1</v>
      </c>
      <c r="D33" s="72">
        <v>2</v>
      </c>
      <c r="E33" s="73">
        <v>3</v>
      </c>
      <c r="F33" s="228"/>
      <c r="G33" s="72">
        <v>5</v>
      </c>
      <c r="H33" s="72">
        <v>3</v>
      </c>
      <c r="I33" s="72">
        <v>3</v>
      </c>
      <c r="J33" s="72">
        <v>4</v>
      </c>
      <c r="K33" s="72">
        <v>1</v>
      </c>
      <c r="L33" s="74">
        <v>16</v>
      </c>
      <c r="M33" s="75">
        <v>19</v>
      </c>
      <c r="N33" s="60">
        <v>0</v>
      </c>
      <c r="O33" s="61">
        <v>0</v>
      </c>
      <c r="P33" s="62">
        <v>0</v>
      </c>
      <c r="Q33" s="228"/>
      <c r="R33" s="61">
        <v>0</v>
      </c>
      <c r="S33" s="61">
        <v>0</v>
      </c>
      <c r="T33" s="61">
        <v>0</v>
      </c>
      <c r="U33" s="61">
        <v>0</v>
      </c>
      <c r="V33" s="61">
        <v>0</v>
      </c>
      <c r="W33" s="62">
        <v>0</v>
      </c>
      <c r="X33" s="63">
        <v>0</v>
      </c>
      <c r="Y33" s="60">
        <v>0</v>
      </c>
      <c r="Z33" s="61">
        <v>0</v>
      </c>
      <c r="AA33" s="62">
        <v>0</v>
      </c>
      <c r="AB33" s="228"/>
      <c r="AC33" s="61">
        <v>0</v>
      </c>
      <c r="AD33" s="61">
        <v>0</v>
      </c>
      <c r="AE33" s="61">
        <v>1</v>
      </c>
      <c r="AF33" s="61">
        <v>0</v>
      </c>
      <c r="AG33" s="61">
        <v>0</v>
      </c>
      <c r="AH33" s="62">
        <v>1</v>
      </c>
      <c r="AI33" s="63">
        <v>1</v>
      </c>
      <c r="AJ33" s="60">
        <v>0</v>
      </c>
      <c r="AK33" s="61">
        <v>0</v>
      </c>
      <c r="AL33" s="62">
        <v>0</v>
      </c>
      <c r="AM33" s="228"/>
      <c r="AN33" s="61">
        <v>1</v>
      </c>
      <c r="AO33" s="61">
        <v>0</v>
      </c>
      <c r="AP33" s="61">
        <v>0</v>
      </c>
      <c r="AQ33" s="61">
        <v>0</v>
      </c>
      <c r="AR33" s="61">
        <v>0</v>
      </c>
      <c r="AS33" s="62">
        <v>1</v>
      </c>
      <c r="AT33" s="63">
        <v>1</v>
      </c>
      <c r="AU33" s="60">
        <v>0</v>
      </c>
      <c r="AV33" s="61">
        <v>1</v>
      </c>
      <c r="AW33" s="62">
        <v>1</v>
      </c>
      <c r="AX33" s="228"/>
      <c r="AY33" s="61">
        <v>0</v>
      </c>
      <c r="AZ33" s="61">
        <v>1</v>
      </c>
      <c r="BA33" s="61">
        <v>0</v>
      </c>
      <c r="BB33" s="61">
        <v>1</v>
      </c>
      <c r="BC33" s="61">
        <v>0</v>
      </c>
      <c r="BD33" s="62">
        <v>2</v>
      </c>
      <c r="BE33" s="63">
        <v>3</v>
      </c>
      <c r="BF33" s="60">
        <v>0</v>
      </c>
      <c r="BG33" s="61">
        <v>0</v>
      </c>
      <c r="BH33" s="62">
        <v>0</v>
      </c>
      <c r="BI33" s="228"/>
      <c r="BJ33" s="61">
        <v>1</v>
      </c>
      <c r="BK33" s="61">
        <v>0</v>
      </c>
      <c r="BL33" s="61">
        <v>2</v>
      </c>
      <c r="BM33" s="61">
        <v>2</v>
      </c>
      <c r="BN33" s="61">
        <v>1</v>
      </c>
      <c r="BO33" s="62">
        <v>6</v>
      </c>
      <c r="BP33" s="63">
        <v>6</v>
      </c>
      <c r="BQ33" s="60">
        <v>1</v>
      </c>
      <c r="BR33" s="61">
        <v>1</v>
      </c>
      <c r="BS33" s="62">
        <v>2</v>
      </c>
      <c r="BT33" s="228"/>
      <c r="BU33" s="61">
        <v>3</v>
      </c>
      <c r="BV33" s="61">
        <v>2</v>
      </c>
      <c r="BW33" s="61">
        <v>0</v>
      </c>
      <c r="BX33" s="61">
        <v>1</v>
      </c>
      <c r="BY33" s="61">
        <v>0</v>
      </c>
      <c r="BZ33" s="62">
        <v>6</v>
      </c>
      <c r="CA33" s="63">
        <v>8</v>
      </c>
      <c r="CB33" s="60">
        <v>0</v>
      </c>
      <c r="CC33" s="61">
        <v>0</v>
      </c>
      <c r="CD33" s="62">
        <v>0</v>
      </c>
      <c r="CE33" s="228"/>
      <c r="CF33" s="61">
        <v>0</v>
      </c>
      <c r="CG33" s="61">
        <v>0</v>
      </c>
      <c r="CH33" s="61">
        <v>0</v>
      </c>
      <c r="CI33" s="61">
        <v>0</v>
      </c>
      <c r="CJ33" s="61">
        <v>0</v>
      </c>
      <c r="CK33" s="62">
        <v>0</v>
      </c>
      <c r="CL33" s="63">
        <v>0</v>
      </c>
      <c r="CM33" s="60">
        <v>1</v>
      </c>
      <c r="CN33" s="61">
        <v>2</v>
      </c>
      <c r="CO33" s="62">
        <v>3</v>
      </c>
      <c r="CP33" s="228"/>
      <c r="CQ33" s="61">
        <v>5</v>
      </c>
      <c r="CR33" s="61">
        <v>3</v>
      </c>
      <c r="CS33" s="61">
        <v>3</v>
      </c>
      <c r="CT33" s="61">
        <v>4</v>
      </c>
      <c r="CU33" s="61">
        <v>1</v>
      </c>
      <c r="CV33" s="62">
        <v>16</v>
      </c>
      <c r="CW33" s="63">
        <v>19</v>
      </c>
      <c r="CX33" s="113">
        <v>1</v>
      </c>
      <c r="CY33" s="72">
        <v>2</v>
      </c>
      <c r="CZ33" s="73">
        <v>3</v>
      </c>
      <c r="DA33" s="228"/>
      <c r="DB33" s="72">
        <v>3</v>
      </c>
      <c r="DC33" s="72">
        <v>2</v>
      </c>
      <c r="DD33" s="72">
        <v>1</v>
      </c>
      <c r="DE33" s="72">
        <v>0</v>
      </c>
      <c r="DF33" s="72">
        <v>0</v>
      </c>
      <c r="DG33" s="74">
        <v>6</v>
      </c>
      <c r="DH33" s="75">
        <v>9</v>
      </c>
      <c r="DI33" s="60">
        <v>0</v>
      </c>
      <c r="DJ33" s="61">
        <v>0</v>
      </c>
      <c r="DK33" s="62">
        <v>0</v>
      </c>
      <c r="DL33" s="228"/>
      <c r="DM33" s="61">
        <v>0</v>
      </c>
      <c r="DN33" s="61">
        <v>0</v>
      </c>
      <c r="DO33" s="61">
        <v>0</v>
      </c>
      <c r="DP33" s="61">
        <v>0</v>
      </c>
      <c r="DQ33" s="61">
        <v>0</v>
      </c>
      <c r="DR33" s="62">
        <v>0</v>
      </c>
      <c r="DS33" s="63">
        <v>0</v>
      </c>
      <c r="DT33" s="60">
        <v>0</v>
      </c>
      <c r="DU33" s="61">
        <v>0</v>
      </c>
      <c r="DV33" s="62">
        <v>0</v>
      </c>
      <c r="DW33" s="228"/>
      <c r="DX33" s="61">
        <v>0</v>
      </c>
      <c r="DY33" s="61">
        <v>0</v>
      </c>
      <c r="DZ33" s="61">
        <v>1</v>
      </c>
      <c r="EA33" s="61">
        <v>0</v>
      </c>
      <c r="EB33" s="61">
        <v>0</v>
      </c>
      <c r="EC33" s="62">
        <v>1</v>
      </c>
      <c r="ED33" s="63">
        <v>1</v>
      </c>
      <c r="EE33" s="60">
        <v>0</v>
      </c>
      <c r="EF33" s="61">
        <v>0</v>
      </c>
      <c r="EG33" s="62">
        <v>0</v>
      </c>
      <c r="EH33" s="228"/>
      <c r="EI33" s="61">
        <v>0</v>
      </c>
      <c r="EJ33" s="61">
        <v>0</v>
      </c>
      <c r="EK33" s="61">
        <v>0</v>
      </c>
      <c r="EL33" s="61">
        <v>0</v>
      </c>
      <c r="EM33" s="61">
        <v>0</v>
      </c>
      <c r="EN33" s="62">
        <v>0</v>
      </c>
      <c r="EO33" s="63">
        <v>0</v>
      </c>
      <c r="EP33" s="60">
        <v>1</v>
      </c>
      <c r="EQ33" s="61">
        <v>1</v>
      </c>
      <c r="ER33" s="62">
        <v>2</v>
      </c>
      <c r="ES33" s="228"/>
      <c r="ET33" s="61">
        <v>0</v>
      </c>
      <c r="EU33" s="61">
        <v>0</v>
      </c>
      <c r="EV33" s="61">
        <v>0</v>
      </c>
      <c r="EW33" s="61">
        <v>0</v>
      </c>
      <c r="EX33" s="61">
        <v>0</v>
      </c>
      <c r="EY33" s="62">
        <v>0</v>
      </c>
      <c r="EZ33" s="63">
        <v>2</v>
      </c>
      <c r="FA33" s="60">
        <v>0</v>
      </c>
      <c r="FB33" s="61">
        <v>0</v>
      </c>
      <c r="FC33" s="62">
        <v>0</v>
      </c>
      <c r="FD33" s="228"/>
      <c r="FE33" s="61">
        <v>3</v>
      </c>
      <c r="FF33" s="61">
        <v>0</v>
      </c>
      <c r="FG33" s="61">
        <v>0</v>
      </c>
      <c r="FH33" s="61">
        <v>0</v>
      </c>
      <c r="FI33" s="61">
        <v>0</v>
      </c>
      <c r="FJ33" s="62">
        <v>3</v>
      </c>
      <c r="FK33" s="63">
        <v>3</v>
      </c>
      <c r="FL33" s="60">
        <v>0</v>
      </c>
      <c r="FM33" s="61">
        <v>1</v>
      </c>
      <c r="FN33" s="62">
        <v>1</v>
      </c>
      <c r="FO33" s="228"/>
      <c r="FP33" s="61">
        <v>0</v>
      </c>
      <c r="FQ33" s="61">
        <v>2</v>
      </c>
      <c r="FR33" s="61">
        <v>0</v>
      </c>
      <c r="FS33" s="61">
        <v>0</v>
      </c>
      <c r="FT33" s="61">
        <v>0</v>
      </c>
      <c r="FU33" s="62">
        <v>2</v>
      </c>
      <c r="FV33" s="63">
        <v>3</v>
      </c>
      <c r="FW33" s="60">
        <v>0</v>
      </c>
      <c r="FX33" s="61">
        <v>0</v>
      </c>
      <c r="FY33" s="62">
        <v>0</v>
      </c>
      <c r="FZ33" s="228"/>
      <c r="GA33" s="61">
        <v>0</v>
      </c>
      <c r="GB33" s="61">
        <v>0</v>
      </c>
      <c r="GC33" s="61">
        <v>0</v>
      </c>
      <c r="GD33" s="61">
        <v>0</v>
      </c>
      <c r="GE33" s="61">
        <v>0</v>
      </c>
      <c r="GF33" s="62">
        <v>0</v>
      </c>
      <c r="GG33" s="63">
        <v>0</v>
      </c>
      <c r="GH33" s="60">
        <v>1</v>
      </c>
      <c r="GI33" s="61">
        <v>2</v>
      </c>
      <c r="GJ33" s="62">
        <v>3</v>
      </c>
      <c r="GK33" s="228"/>
      <c r="GL33" s="61">
        <v>3</v>
      </c>
      <c r="GM33" s="61">
        <v>2</v>
      </c>
      <c r="GN33" s="61">
        <v>1</v>
      </c>
      <c r="GO33" s="61">
        <v>0</v>
      </c>
      <c r="GP33" s="61">
        <v>0</v>
      </c>
      <c r="GQ33" s="62">
        <v>6</v>
      </c>
      <c r="GR33" s="63">
        <v>9</v>
      </c>
      <c r="GS33" s="113">
        <v>2</v>
      </c>
      <c r="GT33" s="72">
        <v>4</v>
      </c>
      <c r="GU33" s="73">
        <v>6</v>
      </c>
      <c r="GV33" s="228"/>
      <c r="GW33" s="72">
        <v>8</v>
      </c>
      <c r="GX33" s="72">
        <v>5</v>
      </c>
      <c r="GY33" s="72">
        <v>4</v>
      </c>
      <c r="GZ33" s="72">
        <v>4</v>
      </c>
      <c r="HA33" s="72">
        <v>1</v>
      </c>
      <c r="HB33" s="74">
        <v>22</v>
      </c>
      <c r="HC33" s="75">
        <v>28</v>
      </c>
      <c r="HD33" s="60">
        <v>0</v>
      </c>
      <c r="HE33" s="61">
        <v>0</v>
      </c>
      <c r="HF33" s="62">
        <v>0</v>
      </c>
      <c r="HG33" s="228"/>
      <c r="HH33" s="61">
        <v>0</v>
      </c>
      <c r="HI33" s="61">
        <v>0</v>
      </c>
      <c r="HJ33" s="61">
        <v>0</v>
      </c>
      <c r="HK33" s="61">
        <v>0</v>
      </c>
      <c r="HL33" s="61">
        <v>0</v>
      </c>
      <c r="HM33" s="62">
        <v>0</v>
      </c>
      <c r="HN33" s="63">
        <v>0</v>
      </c>
      <c r="HO33" s="60">
        <v>0</v>
      </c>
      <c r="HP33" s="61">
        <v>0</v>
      </c>
      <c r="HQ33" s="62">
        <v>0</v>
      </c>
      <c r="HR33" s="228"/>
      <c r="HS33" s="61">
        <v>0</v>
      </c>
      <c r="HT33" s="61">
        <v>0</v>
      </c>
      <c r="HU33" s="61">
        <v>2</v>
      </c>
      <c r="HV33" s="61">
        <v>0</v>
      </c>
      <c r="HW33" s="61">
        <v>0</v>
      </c>
      <c r="HX33" s="62">
        <v>2</v>
      </c>
      <c r="HY33" s="63">
        <v>2</v>
      </c>
      <c r="HZ33" s="60">
        <v>0</v>
      </c>
      <c r="IA33" s="61">
        <v>0</v>
      </c>
      <c r="IB33" s="62">
        <v>0</v>
      </c>
      <c r="IC33" s="228"/>
      <c r="ID33" s="61">
        <v>1</v>
      </c>
      <c r="IE33" s="61">
        <v>0</v>
      </c>
      <c r="IF33" s="61">
        <v>0</v>
      </c>
      <c r="IG33" s="61">
        <v>0</v>
      </c>
      <c r="IH33" s="61">
        <v>0</v>
      </c>
      <c r="II33" s="62">
        <v>1</v>
      </c>
      <c r="IJ33" s="63">
        <v>1</v>
      </c>
      <c r="IK33" s="60">
        <v>1</v>
      </c>
      <c r="IL33" s="61">
        <v>2</v>
      </c>
      <c r="IM33" s="62">
        <v>3</v>
      </c>
      <c r="IN33" s="228"/>
      <c r="IO33" s="61">
        <v>0</v>
      </c>
      <c r="IP33" s="61">
        <v>1</v>
      </c>
      <c r="IQ33" s="61">
        <v>0</v>
      </c>
      <c r="IR33" s="61">
        <v>1</v>
      </c>
      <c r="IS33" s="61">
        <v>0</v>
      </c>
      <c r="IT33" s="62">
        <v>2</v>
      </c>
      <c r="IU33" s="63">
        <v>5</v>
      </c>
      <c r="IV33" s="60">
        <v>0</v>
      </c>
      <c r="IW33" s="61">
        <v>0</v>
      </c>
      <c r="IX33" s="62">
        <v>0</v>
      </c>
      <c r="IY33" s="228"/>
      <c r="IZ33" s="61">
        <v>4</v>
      </c>
      <c r="JA33" s="61">
        <v>0</v>
      </c>
      <c r="JB33" s="61">
        <v>2</v>
      </c>
      <c r="JC33" s="61">
        <v>2</v>
      </c>
      <c r="JD33" s="61">
        <v>1</v>
      </c>
      <c r="JE33" s="62">
        <v>9</v>
      </c>
      <c r="JF33" s="63">
        <v>9</v>
      </c>
      <c r="JG33" s="60">
        <v>1</v>
      </c>
      <c r="JH33" s="61">
        <v>2</v>
      </c>
      <c r="JI33" s="62">
        <v>3</v>
      </c>
      <c r="JJ33" s="228"/>
      <c r="JK33" s="61">
        <v>3</v>
      </c>
      <c r="JL33" s="61">
        <v>4</v>
      </c>
      <c r="JM33" s="61">
        <v>0</v>
      </c>
      <c r="JN33" s="61">
        <v>1</v>
      </c>
      <c r="JO33" s="61">
        <v>0</v>
      </c>
      <c r="JP33" s="62">
        <v>8</v>
      </c>
      <c r="JQ33" s="63">
        <v>11</v>
      </c>
      <c r="JR33" s="60">
        <v>0</v>
      </c>
      <c r="JS33" s="61">
        <v>0</v>
      </c>
      <c r="JT33" s="62">
        <v>0</v>
      </c>
      <c r="JU33" s="228"/>
      <c r="JV33" s="61">
        <v>0</v>
      </c>
      <c r="JW33" s="61">
        <v>0</v>
      </c>
      <c r="JX33" s="61">
        <v>0</v>
      </c>
      <c r="JY33" s="61">
        <v>0</v>
      </c>
      <c r="JZ33" s="61">
        <v>0</v>
      </c>
      <c r="KA33" s="62">
        <v>0</v>
      </c>
      <c r="KB33" s="63">
        <v>0</v>
      </c>
      <c r="KC33" s="60">
        <v>2</v>
      </c>
      <c r="KD33" s="61">
        <v>4</v>
      </c>
      <c r="KE33" s="62">
        <v>6</v>
      </c>
      <c r="KF33" s="228"/>
      <c r="KG33" s="61">
        <v>8</v>
      </c>
      <c r="KH33" s="61">
        <v>5</v>
      </c>
      <c r="KI33" s="61">
        <v>4</v>
      </c>
      <c r="KJ33" s="61">
        <v>4</v>
      </c>
      <c r="KK33" s="61">
        <v>1</v>
      </c>
      <c r="KL33" s="62">
        <v>22</v>
      </c>
      <c r="KM33" s="63">
        <v>28</v>
      </c>
    </row>
    <row r="34" spans="2:299" ht="21" customHeight="1" x14ac:dyDescent="0.2">
      <c r="B34" s="472" t="s">
        <v>31</v>
      </c>
      <c r="C34" s="293">
        <v>4</v>
      </c>
      <c r="D34" s="72">
        <v>4</v>
      </c>
      <c r="E34" s="73">
        <v>8</v>
      </c>
      <c r="F34" s="228"/>
      <c r="G34" s="72">
        <v>7</v>
      </c>
      <c r="H34" s="72">
        <v>8</v>
      </c>
      <c r="I34" s="72">
        <v>5</v>
      </c>
      <c r="J34" s="72">
        <v>2</v>
      </c>
      <c r="K34" s="72">
        <v>3</v>
      </c>
      <c r="L34" s="74">
        <v>25</v>
      </c>
      <c r="M34" s="75">
        <v>33</v>
      </c>
      <c r="N34" s="60">
        <v>0</v>
      </c>
      <c r="O34" s="61">
        <v>0</v>
      </c>
      <c r="P34" s="62">
        <v>0</v>
      </c>
      <c r="Q34" s="228"/>
      <c r="R34" s="61">
        <v>0</v>
      </c>
      <c r="S34" s="61">
        <v>1</v>
      </c>
      <c r="T34" s="61">
        <v>0</v>
      </c>
      <c r="U34" s="61">
        <v>0</v>
      </c>
      <c r="V34" s="61">
        <v>0</v>
      </c>
      <c r="W34" s="62">
        <v>1</v>
      </c>
      <c r="X34" s="63">
        <v>1</v>
      </c>
      <c r="Y34" s="60">
        <v>1</v>
      </c>
      <c r="Z34" s="61">
        <v>1</v>
      </c>
      <c r="AA34" s="62">
        <v>2</v>
      </c>
      <c r="AB34" s="228"/>
      <c r="AC34" s="61">
        <v>2</v>
      </c>
      <c r="AD34" s="61">
        <v>0</v>
      </c>
      <c r="AE34" s="61">
        <v>2</v>
      </c>
      <c r="AF34" s="61">
        <v>1</v>
      </c>
      <c r="AG34" s="61">
        <v>2</v>
      </c>
      <c r="AH34" s="62">
        <v>7</v>
      </c>
      <c r="AI34" s="63">
        <v>9</v>
      </c>
      <c r="AJ34" s="60">
        <v>0</v>
      </c>
      <c r="AK34" s="61">
        <v>0</v>
      </c>
      <c r="AL34" s="62">
        <v>0</v>
      </c>
      <c r="AM34" s="228"/>
      <c r="AN34" s="61">
        <v>1</v>
      </c>
      <c r="AO34" s="61">
        <v>1</v>
      </c>
      <c r="AP34" s="61">
        <v>1</v>
      </c>
      <c r="AQ34" s="61">
        <v>1</v>
      </c>
      <c r="AR34" s="61">
        <v>0</v>
      </c>
      <c r="AS34" s="62">
        <v>4</v>
      </c>
      <c r="AT34" s="63">
        <v>4</v>
      </c>
      <c r="AU34" s="60">
        <v>1</v>
      </c>
      <c r="AV34" s="61">
        <v>1</v>
      </c>
      <c r="AW34" s="62">
        <v>2</v>
      </c>
      <c r="AX34" s="228"/>
      <c r="AY34" s="61">
        <v>0</v>
      </c>
      <c r="AZ34" s="61">
        <v>0</v>
      </c>
      <c r="BA34" s="61">
        <v>0</v>
      </c>
      <c r="BB34" s="61">
        <v>0</v>
      </c>
      <c r="BC34" s="61">
        <v>0</v>
      </c>
      <c r="BD34" s="62">
        <v>0</v>
      </c>
      <c r="BE34" s="63">
        <v>2</v>
      </c>
      <c r="BF34" s="60">
        <v>1</v>
      </c>
      <c r="BG34" s="61">
        <v>2</v>
      </c>
      <c r="BH34" s="62">
        <v>3</v>
      </c>
      <c r="BI34" s="228"/>
      <c r="BJ34" s="61">
        <v>1</v>
      </c>
      <c r="BK34" s="61">
        <v>2</v>
      </c>
      <c r="BL34" s="61">
        <v>0</v>
      </c>
      <c r="BM34" s="61">
        <v>0</v>
      </c>
      <c r="BN34" s="61">
        <v>0</v>
      </c>
      <c r="BO34" s="62">
        <v>3</v>
      </c>
      <c r="BP34" s="63">
        <v>6</v>
      </c>
      <c r="BQ34" s="60">
        <v>1</v>
      </c>
      <c r="BR34" s="61">
        <v>0</v>
      </c>
      <c r="BS34" s="62">
        <v>1</v>
      </c>
      <c r="BT34" s="228"/>
      <c r="BU34" s="61">
        <v>3</v>
      </c>
      <c r="BV34" s="61">
        <v>4</v>
      </c>
      <c r="BW34" s="61">
        <v>2</v>
      </c>
      <c r="BX34" s="61">
        <v>0</v>
      </c>
      <c r="BY34" s="61">
        <v>1</v>
      </c>
      <c r="BZ34" s="62">
        <v>10</v>
      </c>
      <c r="CA34" s="63">
        <v>11</v>
      </c>
      <c r="CB34" s="60">
        <v>0</v>
      </c>
      <c r="CC34" s="61">
        <v>0</v>
      </c>
      <c r="CD34" s="62">
        <v>0</v>
      </c>
      <c r="CE34" s="228"/>
      <c r="CF34" s="61">
        <v>0</v>
      </c>
      <c r="CG34" s="61">
        <v>0</v>
      </c>
      <c r="CH34" s="61">
        <v>0</v>
      </c>
      <c r="CI34" s="61">
        <v>0</v>
      </c>
      <c r="CJ34" s="61">
        <v>0</v>
      </c>
      <c r="CK34" s="62">
        <v>0</v>
      </c>
      <c r="CL34" s="63">
        <v>0</v>
      </c>
      <c r="CM34" s="60">
        <v>4</v>
      </c>
      <c r="CN34" s="61">
        <v>4</v>
      </c>
      <c r="CO34" s="62">
        <v>8</v>
      </c>
      <c r="CP34" s="228"/>
      <c r="CQ34" s="61">
        <v>7</v>
      </c>
      <c r="CR34" s="61">
        <v>8</v>
      </c>
      <c r="CS34" s="61">
        <v>5</v>
      </c>
      <c r="CT34" s="61">
        <v>2</v>
      </c>
      <c r="CU34" s="61">
        <v>3</v>
      </c>
      <c r="CV34" s="62">
        <v>25</v>
      </c>
      <c r="CW34" s="63">
        <v>33</v>
      </c>
      <c r="CX34" s="113">
        <v>1</v>
      </c>
      <c r="CY34" s="72">
        <v>2</v>
      </c>
      <c r="CZ34" s="73">
        <v>3</v>
      </c>
      <c r="DA34" s="228"/>
      <c r="DB34" s="72">
        <v>2</v>
      </c>
      <c r="DC34" s="72">
        <v>2</v>
      </c>
      <c r="DD34" s="72">
        <v>1</v>
      </c>
      <c r="DE34" s="72">
        <v>1</v>
      </c>
      <c r="DF34" s="72">
        <v>0</v>
      </c>
      <c r="DG34" s="74">
        <v>6</v>
      </c>
      <c r="DH34" s="75">
        <v>9</v>
      </c>
      <c r="DI34" s="60">
        <v>0</v>
      </c>
      <c r="DJ34" s="61">
        <v>0</v>
      </c>
      <c r="DK34" s="62">
        <v>0</v>
      </c>
      <c r="DL34" s="228"/>
      <c r="DM34" s="61">
        <v>0</v>
      </c>
      <c r="DN34" s="61">
        <v>0</v>
      </c>
      <c r="DO34" s="61">
        <v>0</v>
      </c>
      <c r="DP34" s="61">
        <v>0</v>
      </c>
      <c r="DQ34" s="61">
        <v>0</v>
      </c>
      <c r="DR34" s="62">
        <v>0</v>
      </c>
      <c r="DS34" s="63">
        <v>0</v>
      </c>
      <c r="DT34" s="60">
        <v>0</v>
      </c>
      <c r="DU34" s="61">
        <v>0</v>
      </c>
      <c r="DV34" s="62">
        <v>0</v>
      </c>
      <c r="DW34" s="228"/>
      <c r="DX34" s="61">
        <v>0</v>
      </c>
      <c r="DY34" s="61">
        <v>0</v>
      </c>
      <c r="DZ34" s="61">
        <v>0</v>
      </c>
      <c r="EA34" s="61">
        <v>0</v>
      </c>
      <c r="EB34" s="61">
        <v>0</v>
      </c>
      <c r="EC34" s="62">
        <v>0</v>
      </c>
      <c r="ED34" s="63">
        <v>0</v>
      </c>
      <c r="EE34" s="60">
        <v>0</v>
      </c>
      <c r="EF34" s="61">
        <v>0</v>
      </c>
      <c r="EG34" s="62">
        <v>0</v>
      </c>
      <c r="EH34" s="228"/>
      <c r="EI34" s="61">
        <v>0</v>
      </c>
      <c r="EJ34" s="61">
        <v>1</v>
      </c>
      <c r="EK34" s="61">
        <v>0</v>
      </c>
      <c r="EL34" s="61">
        <v>1</v>
      </c>
      <c r="EM34" s="61">
        <v>0</v>
      </c>
      <c r="EN34" s="62">
        <v>2</v>
      </c>
      <c r="EO34" s="63">
        <v>2</v>
      </c>
      <c r="EP34" s="60">
        <v>0</v>
      </c>
      <c r="EQ34" s="61">
        <v>1</v>
      </c>
      <c r="ER34" s="62">
        <v>1</v>
      </c>
      <c r="ES34" s="228"/>
      <c r="ET34" s="61">
        <v>1</v>
      </c>
      <c r="EU34" s="61">
        <v>0</v>
      </c>
      <c r="EV34" s="61">
        <v>0</v>
      </c>
      <c r="EW34" s="61">
        <v>0</v>
      </c>
      <c r="EX34" s="61">
        <v>0</v>
      </c>
      <c r="EY34" s="62">
        <v>1</v>
      </c>
      <c r="EZ34" s="63">
        <v>2</v>
      </c>
      <c r="FA34" s="60">
        <v>1</v>
      </c>
      <c r="FB34" s="61">
        <v>1</v>
      </c>
      <c r="FC34" s="62">
        <v>2</v>
      </c>
      <c r="FD34" s="228"/>
      <c r="FE34" s="61">
        <v>0</v>
      </c>
      <c r="FF34" s="61">
        <v>0</v>
      </c>
      <c r="FG34" s="61">
        <v>0</v>
      </c>
      <c r="FH34" s="61">
        <v>0</v>
      </c>
      <c r="FI34" s="61">
        <v>0</v>
      </c>
      <c r="FJ34" s="62">
        <v>0</v>
      </c>
      <c r="FK34" s="63">
        <v>2</v>
      </c>
      <c r="FL34" s="60">
        <v>0</v>
      </c>
      <c r="FM34" s="61">
        <v>0</v>
      </c>
      <c r="FN34" s="62">
        <v>0</v>
      </c>
      <c r="FO34" s="228"/>
      <c r="FP34" s="61">
        <v>1</v>
      </c>
      <c r="FQ34" s="61">
        <v>1</v>
      </c>
      <c r="FR34" s="61">
        <v>1</v>
      </c>
      <c r="FS34" s="61">
        <v>0</v>
      </c>
      <c r="FT34" s="61">
        <v>0</v>
      </c>
      <c r="FU34" s="62">
        <v>3</v>
      </c>
      <c r="FV34" s="63">
        <v>3</v>
      </c>
      <c r="FW34" s="60">
        <v>0</v>
      </c>
      <c r="FX34" s="61">
        <v>0</v>
      </c>
      <c r="FY34" s="62">
        <v>0</v>
      </c>
      <c r="FZ34" s="228"/>
      <c r="GA34" s="61">
        <v>0</v>
      </c>
      <c r="GB34" s="61">
        <v>0</v>
      </c>
      <c r="GC34" s="61">
        <v>0</v>
      </c>
      <c r="GD34" s="61">
        <v>0</v>
      </c>
      <c r="GE34" s="61">
        <v>0</v>
      </c>
      <c r="GF34" s="62">
        <v>0</v>
      </c>
      <c r="GG34" s="63">
        <v>0</v>
      </c>
      <c r="GH34" s="60">
        <v>1</v>
      </c>
      <c r="GI34" s="61">
        <v>2</v>
      </c>
      <c r="GJ34" s="62">
        <v>3</v>
      </c>
      <c r="GK34" s="228"/>
      <c r="GL34" s="61">
        <v>2</v>
      </c>
      <c r="GM34" s="61">
        <v>2</v>
      </c>
      <c r="GN34" s="61">
        <v>1</v>
      </c>
      <c r="GO34" s="61">
        <v>1</v>
      </c>
      <c r="GP34" s="61">
        <v>0</v>
      </c>
      <c r="GQ34" s="62">
        <v>6</v>
      </c>
      <c r="GR34" s="63">
        <v>9</v>
      </c>
      <c r="GS34" s="113">
        <v>5</v>
      </c>
      <c r="GT34" s="72">
        <v>6</v>
      </c>
      <c r="GU34" s="73">
        <v>11</v>
      </c>
      <c r="GV34" s="228"/>
      <c r="GW34" s="72">
        <v>9</v>
      </c>
      <c r="GX34" s="72">
        <v>10</v>
      </c>
      <c r="GY34" s="72">
        <v>6</v>
      </c>
      <c r="GZ34" s="72">
        <v>3</v>
      </c>
      <c r="HA34" s="72">
        <v>3</v>
      </c>
      <c r="HB34" s="74">
        <v>31</v>
      </c>
      <c r="HC34" s="75">
        <v>42</v>
      </c>
      <c r="HD34" s="60">
        <v>0</v>
      </c>
      <c r="HE34" s="61">
        <v>0</v>
      </c>
      <c r="HF34" s="62">
        <v>0</v>
      </c>
      <c r="HG34" s="228"/>
      <c r="HH34" s="61">
        <v>0</v>
      </c>
      <c r="HI34" s="61">
        <v>1</v>
      </c>
      <c r="HJ34" s="61">
        <v>0</v>
      </c>
      <c r="HK34" s="61">
        <v>0</v>
      </c>
      <c r="HL34" s="61">
        <v>0</v>
      </c>
      <c r="HM34" s="62">
        <v>1</v>
      </c>
      <c r="HN34" s="63">
        <v>1</v>
      </c>
      <c r="HO34" s="60">
        <v>1</v>
      </c>
      <c r="HP34" s="61">
        <v>1</v>
      </c>
      <c r="HQ34" s="62">
        <v>2</v>
      </c>
      <c r="HR34" s="228"/>
      <c r="HS34" s="61">
        <v>2</v>
      </c>
      <c r="HT34" s="61">
        <v>0</v>
      </c>
      <c r="HU34" s="61">
        <v>2</v>
      </c>
      <c r="HV34" s="61">
        <v>1</v>
      </c>
      <c r="HW34" s="61">
        <v>2</v>
      </c>
      <c r="HX34" s="62">
        <v>7</v>
      </c>
      <c r="HY34" s="63">
        <v>9</v>
      </c>
      <c r="HZ34" s="60">
        <v>0</v>
      </c>
      <c r="IA34" s="61">
        <v>0</v>
      </c>
      <c r="IB34" s="62">
        <v>0</v>
      </c>
      <c r="IC34" s="228"/>
      <c r="ID34" s="61">
        <v>1</v>
      </c>
      <c r="IE34" s="61">
        <v>2</v>
      </c>
      <c r="IF34" s="61">
        <v>1</v>
      </c>
      <c r="IG34" s="61">
        <v>2</v>
      </c>
      <c r="IH34" s="61">
        <v>0</v>
      </c>
      <c r="II34" s="62">
        <v>6</v>
      </c>
      <c r="IJ34" s="63">
        <v>6</v>
      </c>
      <c r="IK34" s="60">
        <v>1</v>
      </c>
      <c r="IL34" s="61">
        <v>2</v>
      </c>
      <c r="IM34" s="62">
        <v>3</v>
      </c>
      <c r="IN34" s="228"/>
      <c r="IO34" s="61">
        <v>1</v>
      </c>
      <c r="IP34" s="61">
        <v>0</v>
      </c>
      <c r="IQ34" s="61">
        <v>0</v>
      </c>
      <c r="IR34" s="61">
        <v>0</v>
      </c>
      <c r="IS34" s="61">
        <v>0</v>
      </c>
      <c r="IT34" s="62">
        <v>1</v>
      </c>
      <c r="IU34" s="63">
        <v>4</v>
      </c>
      <c r="IV34" s="60">
        <v>2</v>
      </c>
      <c r="IW34" s="61">
        <v>3</v>
      </c>
      <c r="IX34" s="62">
        <v>5</v>
      </c>
      <c r="IY34" s="228"/>
      <c r="IZ34" s="61">
        <v>1</v>
      </c>
      <c r="JA34" s="61">
        <v>2</v>
      </c>
      <c r="JB34" s="61">
        <v>0</v>
      </c>
      <c r="JC34" s="61">
        <v>0</v>
      </c>
      <c r="JD34" s="61">
        <v>0</v>
      </c>
      <c r="JE34" s="62">
        <v>3</v>
      </c>
      <c r="JF34" s="63">
        <v>8</v>
      </c>
      <c r="JG34" s="60">
        <v>1</v>
      </c>
      <c r="JH34" s="61">
        <v>0</v>
      </c>
      <c r="JI34" s="62">
        <v>1</v>
      </c>
      <c r="JJ34" s="228"/>
      <c r="JK34" s="61">
        <v>4</v>
      </c>
      <c r="JL34" s="61">
        <v>5</v>
      </c>
      <c r="JM34" s="61">
        <v>3</v>
      </c>
      <c r="JN34" s="61">
        <v>0</v>
      </c>
      <c r="JO34" s="61">
        <v>1</v>
      </c>
      <c r="JP34" s="62">
        <v>13</v>
      </c>
      <c r="JQ34" s="63">
        <v>14</v>
      </c>
      <c r="JR34" s="60">
        <v>0</v>
      </c>
      <c r="JS34" s="61">
        <v>0</v>
      </c>
      <c r="JT34" s="62">
        <v>0</v>
      </c>
      <c r="JU34" s="228"/>
      <c r="JV34" s="61">
        <v>0</v>
      </c>
      <c r="JW34" s="61">
        <v>0</v>
      </c>
      <c r="JX34" s="61">
        <v>0</v>
      </c>
      <c r="JY34" s="61">
        <v>0</v>
      </c>
      <c r="JZ34" s="61">
        <v>0</v>
      </c>
      <c r="KA34" s="62">
        <v>0</v>
      </c>
      <c r="KB34" s="63">
        <v>0</v>
      </c>
      <c r="KC34" s="60">
        <v>5</v>
      </c>
      <c r="KD34" s="61">
        <v>6</v>
      </c>
      <c r="KE34" s="62">
        <v>11</v>
      </c>
      <c r="KF34" s="228"/>
      <c r="KG34" s="61">
        <v>9</v>
      </c>
      <c r="KH34" s="61">
        <v>10</v>
      </c>
      <c r="KI34" s="61">
        <v>6</v>
      </c>
      <c r="KJ34" s="61">
        <v>3</v>
      </c>
      <c r="KK34" s="61">
        <v>3</v>
      </c>
      <c r="KL34" s="62">
        <v>31</v>
      </c>
      <c r="KM34" s="63">
        <v>42</v>
      </c>
    </row>
    <row r="35" spans="2:299" ht="21" customHeight="1" x14ac:dyDescent="0.2">
      <c r="B35" s="472" t="s">
        <v>32</v>
      </c>
      <c r="C35" s="293">
        <v>3</v>
      </c>
      <c r="D35" s="72">
        <v>1</v>
      </c>
      <c r="E35" s="73">
        <v>4</v>
      </c>
      <c r="F35" s="228"/>
      <c r="G35" s="72">
        <v>9</v>
      </c>
      <c r="H35" s="72">
        <v>5</v>
      </c>
      <c r="I35" s="72">
        <v>5</v>
      </c>
      <c r="J35" s="72">
        <v>4</v>
      </c>
      <c r="K35" s="72">
        <v>5</v>
      </c>
      <c r="L35" s="74">
        <v>28</v>
      </c>
      <c r="M35" s="75">
        <v>32</v>
      </c>
      <c r="N35" s="60">
        <v>0</v>
      </c>
      <c r="O35" s="61">
        <v>0</v>
      </c>
      <c r="P35" s="62">
        <v>0</v>
      </c>
      <c r="Q35" s="228"/>
      <c r="R35" s="61">
        <v>0</v>
      </c>
      <c r="S35" s="61">
        <v>0</v>
      </c>
      <c r="T35" s="61">
        <v>0</v>
      </c>
      <c r="U35" s="61">
        <v>0</v>
      </c>
      <c r="V35" s="61">
        <v>0</v>
      </c>
      <c r="W35" s="62">
        <v>0</v>
      </c>
      <c r="X35" s="63">
        <v>0</v>
      </c>
      <c r="Y35" s="60">
        <v>2</v>
      </c>
      <c r="Z35" s="61">
        <v>0</v>
      </c>
      <c r="AA35" s="62">
        <v>2</v>
      </c>
      <c r="AB35" s="228"/>
      <c r="AC35" s="61">
        <v>1</v>
      </c>
      <c r="AD35" s="61">
        <v>1</v>
      </c>
      <c r="AE35" s="61">
        <v>0</v>
      </c>
      <c r="AF35" s="61">
        <v>1</v>
      </c>
      <c r="AG35" s="61">
        <v>2</v>
      </c>
      <c r="AH35" s="62">
        <v>5</v>
      </c>
      <c r="AI35" s="63">
        <v>7</v>
      </c>
      <c r="AJ35" s="60">
        <v>1</v>
      </c>
      <c r="AK35" s="61">
        <v>0</v>
      </c>
      <c r="AL35" s="62">
        <v>1</v>
      </c>
      <c r="AM35" s="228"/>
      <c r="AN35" s="61">
        <v>0</v>
      </c>
      <c r="AO35" s="61">
        <v>1</v>
      </c>
      <c r="AP35" s="61">
        <v>0</v>
      </c>
      <c r="AQ35" s="61">
        <v>0</v>
      </c>
      <c r="AR35" s="61">
        <v>2</v>
      </c>
      <c r="AS35" s="62">
        <v>3</v>
      </c>
      <c r="AT35" s="63">
        <v>4</v>
      </c>
      <c r="AU35" s="60">
        <v>0</v>
      </c>
      <c r="AV35" s="61">
        <v>1</v>
      </c>
      <c r="AW35" s="62">
        <v>1</v>
      </c>
      <c r="AX35" s="228"/>
      <c r="AY35" s="61">
        <v>4</v>
      </c>
      <c r="AZ35" s="61">
        <v>0</v>
      </c>
      <c r="BA35" s="61">
        <v>0</v>
      </c>
      <c r="BB35" s="61">
        <v>0</v>
      </c>
      <c r="BC35" s="61">
        <v>0</v>
      </c>
      <c r="BD35" s="62">
        <v>4</v>
      </c>
      <c r="BE35" s="63">
        <v>5</v>
      </c>
      <c r="BF35" s="60">
        <v>0</v>
      </c>
      <c r="BG35" s="61">
        <v>0</v>
      </c>
      <c r="BH35" s="62">
        <v>0</v>
      </c>
      <c r="BI35" s="228"/>
      <c r="BJ35" s="61">
        <v>3</v>
      </c>
      <c r="BK35" s="61">
        <v>1</v>
      </c>
      <c r="BL35" s="61">
        <v>4</v>
      </c>
      <c r="BM35" s="61">
        <v>1</v>
      </c>
      <c r="BN35" s="61">
        <v>1</v>
      </c>
      <c r="BO35" s="62">
        <v>10</v>
      </c>
      <c r="BP35" s="63">
        <v>10</v>
      </c>
      <c r="BQ35" s="60">
        <v>0</v>
      </c>
      <c r="BR35" s="61">
        <v>0</v>
      </c>
      <c r="BS35" s="62">
        <v>0</v>
      </c>
      <c r="BT35" s="228"/>
      <c r="BU35" s="61">
        <v>1</v>
      </c>
      <c r="BV35" s="61">
        <v>2</v>
      </c>
      <c r="BW35" s="61">
        <v>1</v>
      </c>
      <c r="BX35" s="61">
        <v>2</v>
      </c>
      <c r="BY35" s="61">
        <v>0</v>
      </c>
      <c r="BZ35" s="62">
        <v>6</v>
      </c>
      <c r="CA35" s="63">
        <v>6</v>
      </c>
      <c r="CB35" s="60">
        <v>0</v>
      </c>
      <c r="CC35" s="61">
        <v>0</v>
      </c>
      <c r="CD35" s="62">
        <v>0</v>
      </c>
      <c r="CE35" s="228"/>
      <c r="CF35" s="61">
        <v>0</v>
      </c>
      <c r="CG35" s="61">
        <v>0</v>
      </c>
      <c r="CH35" s="61">
        <v>0</v>
      </c>
      <c r="CI35" s="61">
        <v>0</v>
      </c>
      <c r="CJ35" s="61">
        <v>0</v>
      </c>
      <c r="CK35" s="62">
        <v>0</v>
      </c>
      <c r="CL35" s="63">
        <v>0</v>
      </c>
      <c r="CM35" s="60">
        <v>3</v>
      </c>
      <c r="CN35" s="61">
        <v>1</v>
      </c>
      <c r="CO35" s="62">
        <v>4</v>
      </c>
      <c r="CP35" s="228"/>
      <c r="CQ35" s="61">
        <v>9</v>
      </c>
      <c r="CR35" s="61">
        <v>5</v>
      </c>
      <c r="CS35" s="61">
        <v>5</v>
      </c>
      <c r="CT35" s="61">
        <v>4</v>
      </c>
      <c r="CU35" s="61">
        <v>5</v>
      </c>
      <c r="CV35" s="62">
        <v>28</v>
      </c>
      <c r="CW35" s="63">
        <v>32</v>
      </c>
      <c r="CX35" s="113">
        <v>1</v>
      </c>
      <c r="CY35" s="72">
        <v>1</v>
      </c>
      <c r="CZ35" s="73">
        <v>2</v>
      </c>
      <c r="DA35" s="228"/>
      <c r="DB35" s="72">
        <v>4</v>
      </c>
      <c r="DC35" s="72">
        <v>2</v>
      </c>
      <c r="DD35" s="72">
        <v>1</v>
      </c>
      <c r="DE35" s="72">
        <v>1</v>
      </c>
      <c r="DF35" s="72">
        <v>0</v>
      </c>
      <c r="DG35" s="74">
        <v>8</v>
      </c>
      <c r="DH35" s="75">
        <v>10</v>
      </c>
      <c r="DI35" s="60">
        <v>0</v>
      </c>
      <c r="DJ35" s="61">
        <v>0</v>
      </c>
      <c r="DK35" s="62">
        <v>0</v>
      </c>
      <c r="DL35" s="228"/>
      <c r="DM35" s="61">
        <v>1</v>
      </c>
      <c r="DN35" s="61">
        <v>0</v>
      </c>
      <c r="DO35" s="61">
        <v>0</v>
      </c>
      <c r="DP35" s="61">
        <v>0</v>
      </c>
      <c r="DQ35" s="61">
        <v>0</v>
      </c>
      <c r="DR35" s="62">
        <v>1</v>
      </c>
      <c r="DS35" s="63">
        <v>1</v>
      </c>
      <c r="DT35" s="60">
        <v>0</v>
      </c>
      <c r="DU35" s="61">
        <v>0</v>
      </c>
      <c r="DV35" s="62">
        <v>0</v>
      </c>
      <c r="DW35" s="228"/>
      <c r="DX35" s="61">
        <v>1</v>
      </c>
      <c r="DY35" s="61">
        <v>0</v>
      </c>
      <c r="DZ35" s="61">
        <v>0</v>
      </c>
      <c r="EA35" s="61">
        <v>0</v>
      </c>
      <c r="EB35" s="61">
        <v>0</v>
      </c>
      <c r="EC35" s="62">
        <v>1</v>
      </c>
      <c r="ED35" s="63">
        <v>1</v>
      </c>
      <c r="EE35" s="60">
        <v>0</v>
      </c>
      <c r="EF35" s="61">
        <v>0</v>
      </c>
      <c r="EG35" s="62">
        <v>0</v>
      </c>
      <c r="EH35" s="228"/>
      <c r="EI35" s="61">
        <v>0</v>
      </c>
      <c r="EJ35" s="61">
        <v>0</v>
      </c>
      <c r="EK35" s="61">
        <v>0</v>
      </c>
      <c r="EL35" s="61">
        <v>0</v>
      </c>
      <c r="EM35" s="61">
        <v>0</v>
      </c>
      <c r="EN35" s="62">
        <v>0</v>
      </c>
      <c r="EO35" s="63">
        <v>0</v>
      </c>
      <c r="EP35" s="60">
        <v>0</v>
      </c>
      <c r="EQ35" s="61">
        <v>1</v>
      </c>
      <c r="ER35" s="62">
        <v>1</v>
      </c>
      <c r="ES35" s="228"/>
      <c r="ET35" s="61">
        <v>0</v>
      </c>
      <c r="EU35" s="61">
        <v>0</v>
      </c>
      <c r="EV35" s="61">
        <v>0</v>
      </c>
      <c r="EW35" s="61">
        <v>0</v>
      </c>
      <c r="EX35" s="61">
        <v>0</v>
      </c>
      <c r="EY35" s="62">
        <v>0</v>
      </c>
      <c r="EZ35" s="63">
        <v>1</v>
      </c>
      <c r="FA35" s="60">
        <v>1</v>
      </c>
      <c r="FB35" s="61">
        <v>0</v>
      </c>
      <c r="FC35" s="62">
        <v>1</v>
      </c>
      <c r="FD35" s="228"/>
      <c r="FE35" s="61">
        <v>0</v>
      </c>
      <c r="FF35" s="61">
        <v>1</v>
      </c>
      <c r="FG35" s="61">
        <v>0</v>
      </c>
      <c r="FH35" s="61">
        <v>0</v>
      </c>
      <c r="FI35" s="61">
        <v>0</v>
      </c>
      <c r="FJ35" s="62">
        <v>1</v>
      </c>
      <c r="FK35" s="63">
        <v>2</v>
      </c>
      <c r="FL35" s="60">
        <v>0</v>
      </c>
      <c r="FM35" s="61">
        <v>0</v>
      </c>
      <c r="FN35" s="62">
        <v>0</v>
      </c>
      <c r="FO35" s="228"/>
      <c r="FP35" s="61">
        <v>2</v>
      </c>
      <c r="FQ35" s="61">
        <v>1</v>
      </c>
      <c r="FR35" s="61">
        <v>1</v>
      </c>
      <c r="FS35" s="61">
        <v>1</v>
      </c>
      <c r="FT35" s="61">
        <v>0</v>
      </c>
      <c r="FU35" s="62">
        <v>5</v>
      </c>
      <c r="FV35" s="63">
        <v>5</v>
      </c>
      <c r="FW35" s="60">
        <v>0</v>
      </c>
      <c r="FX35" s="61">
        <v>0</v>
      </c>
      <c r="FY35" s="62">
        <v>0</v>
      </c>
      <c r="FZ35" s="228"/>
      <c r="GA35" s="61">
        <v>0</v>
      </c>
      <c r="GB35" s="61">
        <v>0</v>
      </c>
      <c r="GC35" s="61">
        <v>0</v>
      </c>
      <c r="GD35" s="61">
        <v>0</v>
      </c>
      <c r="GE35" s="61">
        <v>0</v>
      </c>
      <c r="GF35" s="62">
        <v>0</v>
      </c>
      <c r="GG35" s="63">
        <v>0</v>
      </c>
      <c r="GH35" s="60">
        <v>1</v>
      </c>
      <c r="GI35" s="61">
        <v>1</v>
      </c>
      <c r="GJ35" s="62">
        <v>2</v>
      </c>
      <c r="GK35" s="228"/>
      <c r="GL35" s="61">
        <v>4</v>
      </c>
      <c r="GM35" s="61">
        <v>2</v>
      </c>
      <c r="GN35" s="61">
        <v>1</v>
      </c>
      <c r="GO35" s="61">
        <v>1</v>
      </c>
      <c r="GP35" s="61">
        <v>0</v>
      </c>
      <c r="GQ35" s="62">
        <v>8</v>
      </c>
      <c r="GR35" s="63">
        <v>10</v>
      </c>
      <c r="GS35" s="113">
        <v>4</v>
      </c>
      <c r="GT35" s="72">
        <v>2</v>
      </c>
      <c r="GU35" s="73">
        <v>6</v>
      </c>
      <c r="GV35" s="228"/>
      <c r="GW35" s="72">
        <v>13</v>
      </c>
      <c r="GX35" s="72">
        <v>7</v>
      </c>
      <c r="GY35" s="72">
        <v>6</v>
      </c>
      <c r="GZ35" s="72">
        <v>5</v>
      </c>
      <c r="HA35" s="72">
        <v>5</v>
      </c>
      <c r="HB35" s="74">
        <v>36</v>
      </c>
      <c r="HC35" s="75">
        <v>42</v>
      </c>
      <c r="HD35" s="60">
        <v>0</v>
      </c>
      <c r="HE35" s="61">
        <v>0</v>
      </c>
      <c r="HF35" s="62">
        <v>0</v>
      </c>
      <c r="HG35" s="228"/>
      <c r="HH35" s="61">
        <v>1</v>
      </c>
      <c r="HI35" s="61">
        <v>0</v>
      </c>
      <c r="HJ35" s="61">
        <v>0</v>
      </c>
      <c r="HK35" s="61">
        <v>0</v>
      </c>
      <c r="HL35" s="61">
        <v>0</v>
      </c>
      <c r="HM35" s="62">
        <v>1</v>
      </c>
      <c r="HN35" s="63">
        <v>1</v>
      </c>
      <c r="HO35" s="60">
        <v>2</v>
      </c>
      <c r="HP35" s="61">
        <v>0</v>
      </c>
      <c r="HQ35" s="62">
        <v>2</v>
      </c>
      <c r="HR35" s="228"/>
      <c r="HS35" s="61">
        <v>2</v>
      </c>
      <c r="HT35" s="61">
        <v>1</v>
      </c>
      <c r="HU35" s="61">
        <v>0</v>
      </c>
      <c r="HV35" s="61">
        <v>1</v>
      </c>
      <c r="HW35" s="61">
        <v>2</v>
      </c>
      <c r="HX35" s="62">
        <v>6</v>
      </c>
      <c r="HY35" s="63">
        <v>8</v>
      </c>
      <c r="HZ35" s="60">
        <v>1</v>
      </c>
      <c r="IA35" s="61">
        <v>0</v>
      </c>
      <c r="IB35" s="62">
        <v>1</v>
      </c>
      <c r="IC35" s="228"/>
      <c r="ID35" s="61">
        <v>0</v>
      </c>
      <c r="IE35" s="61">
        <v>1</v>
      </c>
      <c r="IF35" s="61">
        <v>0</v>
      </c>
      <c r="IG35" s="61">
        <v>0</v>
      </c>
      <c r="IH35" s="61">
        <v>2</v>
      </c>
      <c r="II35" s="62">
        <v>3</v>
      </c>
      <c r="IJ35" s="63">
        <v>4</v>
      </c>
      <c r="IK35" s="60">
        <v>0</v>
      </c>
      <c r="IL35" s="61">
        <v>2</v>
      </c>
      <c r="IM35" s="62">
        <v>2</v>
      </c>
      <c r="IN35" s="228"/>
      <c r="IO35" s="61">
        <v>4</v>
      </c>
      <c r="IP35" s="61">
        <v>0</v>
      </c>
      <c r="IQ35" s="61">
        <v>0</v>
      </c>
      <c r="IR35" s="61">
        <v>0</v>
      </c>
      <c r="IS35" s="61">
        <v>0</v>
      </c>
      <c r="IT35" s="62">
        <v>4</v>
      </c>
      <c r="IU35" s="63">
        <v>6</v>
      </c>
      <c r="IV35" s="60">
        <v>1</v>
      </c>
      <c r="IW35" s="61">
        <v>0</v>
      </c>
      <c r="IX35" s="62">
        <v>1</v>
      </c>
      <c r="IY35" s="228"/>
      <c r="IZ35" s="61">
        <v>3</v>
      </c>
      <c r="JA35" s="61">
        <v>2</v>
      </c>
      <c r="JB35" s="61">
        <v>4</v>
      </c>
      <c r="JC35" s="61">
        <v>1</v>
      </c>
      <c r="JD35" s="61">
        <v>1</v>
      </c>
      <c r="JE35" s="62">
        <v>11</v>
      </c>
      <c r="JF35" s="63">
        <v>12</v>
      </c>
      <c r="JG35" s="60">
        <v>0</v>
      </c>
      <c r="JH35" s="61">
        <v>0</v>
      </c>
      <c r="JI35" s="62">
        <v>0</v>
      </c>
      <c r="JJ35" s="228"/>
      <c r="JK35" s="61">
        <v>3</v>
      </c>
      <c r="JL35" s="61">
        <v>3</v>
      </c>
      <c r="JM35" s="61">
        <v>2</v>
      </c>
      <c r="JN35" s="61">
        <v>3</v>
      </c>
      <c r="JO35" s="61">
        <v>0</v>
      </c>
      <c r="JP35" s="62">
        <v>11</v>
      </c>
      <c r="JQ35" s="63">
        <v>11</v>
      </c>
      <c r="JR35" s="60">
        <v>0</v>
      </c>
      <c r="JS35" s="61">
        <v>0</v>
      </c>
      <c r="JT35" s="62">
        <v>0</v>
      </c>
      <c r="JU35" s="228"/>
      <c r="JV35" s="61">
        <v>0</v>
      </c>
      <c r="JW35" s="61">
        <v>0</v>
      </c>
      <c r="JX35" s="61">
        <v>0</v>
      </c>
      <c r="JY35" s="61">
        <v>0</v>
      </c>
      <c r="JZ35" s="61">
        <v>0</v>
      </c>
      <c r="KA35" s="62">
        <v>0</v>
      </c>
      <c r="KB35" s="63">
        <v>0</v>
      </c>
      <c r="KC35" s="60">
        <v>4</v>
      </c>
      <c r="KD35" s="61">
        <v>2</v>
      </c>
      <c r="KE35" s="62">
        <v>6</v>
      </c>
      <c r="KF35" s="228"/>
      <c r="KG35" s="61">
        <v>13</v>
      </c>
      <c r="KH35" s="61">
        <v>7</v>
      </c>
      <c r="KI35" s="61">
        <v>6</v>
      </c>
      <c r="KJ35" s="61">
        <v>5</v>
      </c>
      <c r="KK35" s="61">
        <v>5</v>
      </c>
      <c r="KL35" s="62">
        <v>36</v>
      </c>
      <c r="KM35" s="63">
        <v>42</v>
      </c>
    </row>
    <row r="36" spans="2:299" ht="21" customHeight="1" x14ac:dyDescent="0.2">
      <c r="B36" s="472" t="s">
        <v>33</v>
      </c>
      <c r="C36" s="293">
        <v>1</v>
      </c>
      <c r="D36" s="72">
        <v>2</v>
      </c>
      <c r="E36" s="73">
        <v>3</v>
      </c>
      <c r="F36" s="228"/>
      <c r="G36" s="72">
        <v>7</v>
      </c>
      <c r="H36" s="72">
        <v>2</v>
      </c>
      <c r="I36" s="72">
        <v>4</v>
      </c>
      <c r="J36" s="72">
        <v>2</v>
      </c>
      <c r="K36" s="72">
        <v>5</v>
      </c>
      <c r="L36" s="74">
        <v>20</v>
      </c>
      <c r="M36" s="75">
        <v>23</v>
      </c>
      <c r="N36" s="60">
        <v>0</v>
      </c>
      <c r="O36" s="61">
        <v>0</v>
      </c>
      <c r="P36" s="62">
        <v>0</v>
      </c>
      <c r="Q36" s="228"/>
      <c r="R36" s="61">
        <v>1</v>
      </c>
      <c r="S36" s="61">
        <v>0</v>
      </c>
      <c r="T36" s="61">
        <v>0</v>
      </c>
      <c r="U36" s="61">
        <v>0</v>
      </c>
      <c r="V36" s="61">
        <v>1</v>
      </c>
      <c r="W36" s="62">
        <v>2</v>
      </c>
      <c r="X36" s="63">
        <v>2</v>
      </c>
      <c r="Y36" s="60">
        <v>0</v>
      </c>
      <c r="Z36" s="61">
        <v>0</v>
      </c>
      <c r="AA36" s="62">
        <v>0</v>
      </c>
      <c r="AB36" s="228"/>
      <c r="AC36" s="61">
        <v>1</v>
      </c>
      <c r="AD36" s="61">
        <v>0</v>
      </c>
      <c r="AE36" s="61">
        <v>1</v>
      </c>
      <c r="AF36" s="61">
        <v>0</v>
      </c>
      <c r="AG36" s="61">
        <v>1</v>
      </c>
      <c r="AH36" s="62">
        <v>3</v>
      </c>
      <c r="AI36" s="63">
        <v>3</v>
      </c>
      <c r="AJ36" s="60">
        <v>1</v>
      </c>
      <c r="AK36" s="61">
        <v>0</v>
      </c>
      <c r="AL36" s="62">
        <v>1</v>
      </c>
      <c r="AM36" s="228"/>
      <c r="AN36" s="61">
        <v>1</v>
      </c>
      <c r="AO36" s="61">
        <v>1</v>
      </c>
      <c r="AP36" s="61">
        <v>1</v>
      </c>
      <c r="AQ36" s="61">
        <v>0</v>
      </c>
      <c r="AR36" s="61">
        <v>2</v>
      </c>
      <c r="AS36" s="62">
        <v>5</v>
      </c>
      <c r="AT36" s="63">
        <v>6</v>
      </c>
      <c r="AU36" s="60">
        <v>0</v>
      </c>
      <c r="AV36" s="61">
        <v>1</v>
      </c>
      <c r="AW36" s="62">
        <v>1</v>
      </c>
      <c r="AX36" s="228"/>
      <c r="AY36" s="61">
        <v>0</v>
      </c>
      <c r="AZ36" s="61">
        <v>0</v>
      </c>
      <c r="BA36" s="61">
        <v>0</v>
      </c>
      <c r="BB36" s="61">
        <v>1</v>
      </c>
      <c r="BC36" s="61">
        <v>0</v>
      </c>
      <c r="BD36" s="62">
        <v>1</v>
      </c>
      <c r="BE36" s="63">
        <v>2</v>
      </c>
      <c r="BF36" s="60">
        <v>0</v>
      </c>
      <c r="BG36" s="61">
        <v>1</v>
      </c>
      <c r="BH36" s="62">
        <v>1</v>
      </c>
      <c r="BI36" s="228"/>
      <c r="BJ36" s="61">
        <v>1</v>
      </c>
      <c r="BK36" s="61">
        <v>1</v>
      </c>
      <c r="BL36" s="61">
        <v>2</v>
      </c>
      <c r="BM36" s="61">
        <v>0</v>
      </c>
      <c r="BN36" s="61">
        <v>1</v>
      </c>
      <c r="BO36" s="62">
        <v>5</v>
      </c>
      <c r="BP36" s="63">
        <v>6</v>
      </c>
      <c r="BQ36" s="60">
        <v>0</v>
      </c>
      <c r="BR36" s="61">
        <v>0</v>
      </c>
      <c r="BS36" s="62">
        <v>0</v>
      </c>
      <c r="BT36" s="228"/>
      <c r="BU36" s="61">
        <v>3</v>
      </c>
      <c r="BV36" s="61">
        <v>0</v>
      </c>
      <c r="BW36" s="61">
        <v>0</v>
      </c>
      <c r="BX36" s="61">
        <v>1</v>
      </c>
      <c r="BY36" s="61">
        <v>0</v>
      </c>
      <c r="BZ36" s="62">
        <v>4</v>
      </c>
      <c r="CA36" s="63">
        <v>4</v>
      </c>
      <c r="CB36" s="60">
        <v>0</v>
      </c>
      <c r="CC36" s="61">
        <v>0</v>
      </c>
      <c r="CD36" s="62">
        <v>0</v>
      </c>
      <c r="CE36" s="228"/>
      <c r="CF36" s="61">
        <v>0</v>
      </c>
      <c r="CG36" s="61">
        <v>0</v>
      </c>
      <c r="CH36" s="61">
        <v>0</v>
      </c>
      <c r="CI36" s="61">
        <v>0</v>
      </c>
      <c r="CJ36" s="61">
        <v>0</v>
      </c>
      <c r="CK36" s="62">
        <v>0</v>
      </c>
      <c r="CL36" s="63">
        <v>0</v>
      </c>
      <c r="CM36" s="60">
        <v>1</v>
      </c>
      <c r="CN36" s="61">
        <v>2</v>
      </c>
      <c r="CO36" s="62">
        <v>3</v>
      </c>
      <c r="CP36" s="228"/>
      <c r="CQ36" s="61">
        <v>7</v>
      </c>
      <c r="CR36" s="61">
        <v>2</v>
      </c>
      <c r="CS36" s="61">
        <v>4</v>
      </c>
      <c r="CT36" s="61">
        <v>2</v>
      </c>
      <c r="CU36" s="61">
        <v>5</v>
      </c>
      <c r="CV36" s="62">
        <v>20</v>
      </c>
      <c r="CW36" s="63">
        <v>23</v>
      </c>
      <c r="CX36" s="113">
        <v>1</v>
      </c>
      <c r="CY36" s="72">
        <v>2</v>
      </c>
      <c r="CZ36" s="73">
        <v>3</v>
      </c>
      <c r="DA36" s="228"/>
      <c r="DB36" s="72">
        <v>4</v>
      </c>
      <c r="DC36" s="72">
        <v>0</v>
      </c>
      <c r="DD36" s="72">
        <v>4</v>
      </c>
      <c r="DE36" s="72">
        <v>3</v>
      </c>
      <c r="DF36" s="72">
        <v>2</v>
      </c>
      <c r="DG36" s="74">
        <v>13</v>
      </c>
      <c r="DH36" s="75">
        <v>16</v>
      </c>
      <c r="DI36" s="60">
        <v>0</v>
      </c>
      <c r="DJ36" s="61">
        <v>0</v>
      </c>
      <c r="DK36" s="62">
        <v>0</v>
      </c>
      <c r="DL36" s="228"/>
      <c r="DM36" s="61">
        <v>0</v>
      </c>
      <c r="DN36" s="61">
        <v>0</v>
      </c>
      <c r="DO36" s="61">
        <v>0</v>
      </c>
      <c r="DP36" s="61">
        <v>0</v>
      </c>
      <c r="DQ36" s="61">
        <v>0</v>
      </c>
      <c r="DR36" s="62">
        <v>0</v>
      </c>
      <c r="DS36" s="63">
        <v>0</v>
      </c>
      <c r="DT36" s="60">
        <v>0</v>
      </c>
      <c r="DU36" s="61">
        <v>0</v>
      </c>
      <c r="DV36" s="62">
        <v>0</v>
      </c>
      <c r="DW36" s="228"/>
      <c r="DX36" s="61">
        <v>0</v>
      </c>
      <c r="DY36" s="61">
        <v>0</v>
      </c>
      <c r="DZ36" s="61">
        <v>0</v>
      </c>
      <c r="EA36" s="61">
        <v>0</v>
      </c>
      <c r="EB36" s="61">
        <v>0</v>
      </c>
      <c r="EC36" s="62">
        <v>0</v>
      </c>
      <c r="ED36" s="63">
        <v>0</v>
      </c>
      <c r="EE36" s="60">
        <v>0</v>
      </c>
      <c r="EF36" s="61">
        <v>1</v>
      </c>
      <c r="EG36" s="62">
        <v>1</v>
      </c>
      <c r="EH36" s="228"/>
      <c r="EI36" s="61">
        <v>0</v>
      </c>
      <c r="EJ36" s="61">
        <v>0</v>
      </c>
      <c r="EK36" s="61">
        <v>0</v>
      </c>
      <c r="EL36" s="61">
        <v>0</v>
      </c>
      <c r="EM36" s="61">
        <v>0</v>
      </c>
      <c r="EN36" s="62">
        <v>0</v>
      </c>
      <c r="EO36" s="63">
        <v>1</v>
      </c>
      <c r="EP36" s="60">
        <v>1</v>
      </c>
      <c r="EQ36" s="61">
        <v>0</v>
      </c>
      <c r="ER36" s="62">
        <v>1</v>
      </c>
      <c r="ES36" s="228"/>
      <c r="ET36" s="61">
        <v>0</v>
      </c>
      <c r="EU36" s="61">
        <v>0</v>
      </c>
      <c r="EV36" s="61">
        <v>0</v>
      </c>
      <c r="EW36" s="61">
        <v>0</v>
      </c>
      <c r="EX36" s="61">
        <v>0</v>
      </c>
      <c r="EY36" s="62">
        <v>0</v>
      </c>
      <c r="EZ36" s="63">
        <v>1</v>
      </c>
      <c r="FA36" s="60">
        <v>0</v>
      </c>
      <c r="FB36" s="61">
        <v>0</v>
      </c>
      <c r="FC36" s="62">
        <v>0</v>
      </c>
      <c r="FD36" s="228"/>
      <c r="FE36" s="61">
        <v>2</v>
      </c>
      <c r="FF36" s="61">
        <v>0</v>
      </c>
      <c r="FG36" s="61">
        <v>1</v>
      </c>
      <c r="FH36" s="61">
        <v>1</v>
      </c>
      <c r="FI36" s="61">
        <v>1</v>
      </c>
      <c r="FJ36" s="62">
        <v>5</v>
      </c>
      <c r="FK36" s="63">
        <v>5</v>
      </c>
      <c r="FL36" s="60">
        <v>0</v>
      </c>
      <c r="FM36" s="61">
        <v>1</v>
      </c>
      <c r="FN36" s="62">
        <v>1</v>
      </c>
      <c r="FO36" s="228"/>
      <c r="FP36" s="61">
        <v>2</v>
      </c>
      <c r="FQ36" s="61">
        <v>0</v>
      </c>
      <c r="FR36" s="61">
        <v>3</v>
      </c>
      <c r="FS36" s="61">
        <v>2</v>
      </c>
      <c r="FT36" s="61">
        <v>1</v>
      </c>
      <c r="FU36" s="62">
        <v>8</v>
      </c>
      <c r="FV36" s="63">
        <v>9</v>
      </c>
      <c r="FW36" s="60">
        <v>0</v>
      </c>
      <c r="FX36" s="61">
        <v>0</v>
      </c>
      <c r="FY36" s="62">
        <v>0</v>
      </c>
      <c r="FZ36" s="228"/>
      <c r="GA36" s="61">
        <v>0</v>
      </c>
      <c r="GB36" s="61">
        <v>0</v>
      </c>
      <c r="GC36" s="61">
        <v>0</v>
      </c>
      <c r="GD36" s="61">
        <v>0</v>
      </c>
      <c r="GE36" s="61">
        <v>0</v>
      </c>
      <c r="GF36" s="62">
        <v>0</v>
      </c>
      <c r="GG36" s="63">
        <v>0</v>
      </c>
      <c r="GH36" s="60">
        <v>1</v>
      </c>
      <c r="GI36" s="61">
        <v>2</v>
      </c>
      <c r="GJ36" s="62">
        <v>3</v>
      </c>
      <c r="GK36" s="228"/>
      <c r="GL36" s="61">
        <v>4</v>
      </c>
      <c r="GM36" s="61">
        <v>0</v>
      </c>
      <c r="GN36" s="61">
        <v>4</v>
      </c>
      <c r="GO36" s="61">
        <v>3</v>
      </c>
      <c r="GP36" s="61">
        <v>2</v>
      </c>
      <c r="GQ36" s="62">
        <v>13</v>
      </c>
      <c r="GR36" s="63">
        <v>16</v>
      </c>
      <c r="GS36" s="113">
        <v>2</v>
      </c>
      <c r="GT36" s="72">
        <v>4</v>
      </c>
      <c r="GU36" s="73">
        <v>6</v>
      </c>
      <c r="GV36" s="228"/>
      <c r="GW36" s="72">
        <v>11</v>
      </c>
      <c r="GX36" s="72">
        <v>2</v>
      </c>
      <c r="GY36" s="72">
        <v>8</v>
      </c>
      <c r="GZ36" s="72">
        <v>5</v>
      </c>
      <c r="HA36" s="72">
        <v>7</v>
      </c>
      <c r="HB36" s="74">
        <v>33</v>
      </c>
      <c r="HC36" s="75">
        <v>39</v>
      </c>
      <c r="HD36" s="60">
        <v>0</v>
      </c>
      <c r="HE36" s="61">
        <v>0</v>
      </c>
      <c r="HF36" s="62">
        <v>0</v>
      </c>
      <c r="HG36" s="228"/>
      <c r="HH36" s="61">
        <v>1</v>
      </c>
      <c r="HI36" s="61">
        <v>0</v>
      </c>
      <c r="HJ36" s="61">
        <v>0</v>
      </c>
      <c r="HK36" s="61">
        <v>0</v>
      </c>
      <c r="HL36" s="61">
        <v>1</v>
      </c>
      <c r="HM36" s="62">
        <v>2</v>
      </c>
      <c r="HN36" s="63">
        <v>2</v>
      </c>
      <c r="HO36" s="60">
        <v>0</v>
      </c>
      <c r="HP36" s="61">
        <v>0</v>
      </c>
      <c r="HQ36" s="62">
        <v>0</v>
      </c>
      <c r="HR36" s="228"/>
      <c r="HS36" s="61">
        <v>1</v>
      </c>
      <c r="HT36" s="61">
        <v>0</v>
      </c>
      <c r="HU36" s="61">
        <v>1</v>
      </c>
      <c r="HV36" s="61">
        <v>0</v>
      </c>
      <c r="HW36" s="61">
        <v>1</v>
      </c>
      <c r="HX36" s="62">
        <v>3</v>
      </c>
      <c r="HY36" s="63">
        <v>3</v>
      </c>
      <c r="HZ36" s="60">
        <v>1</v>
      </c>
      <c r="IA36" s="61">
        <v>1</v>
      </c>
      <c r="IB36" s="62">
        <v>2</v>
      </c>
      <c r="IC36" s="228"/>
      <c r="ID36" s="61">
        <v>1</v>
      </c>
      <c r="IE36" s="61">
        <v>1</v>
      </c>
      <c r="IF36" s="61">
        <v>1</v>
      </c>
      <c r="IG36" s="61">
        <v>0</v>
      </c>
      <c r="IH36" s="61">
        <v>2</v>
      </c>
      <c r="II36" s="62">
        <v>5</v>
      </c>
      <c r="IJ36" s="63">
        <v>7</v>
      </c>
      <c r="IK36" s="60">
        <v>1</v>
      </c>
      <c r="IL36" s="61">
        <v>1</v>
      </c>
      <c r="IM36" s="62">
        <v>2</v>
      </c>
      <c r="IN36" s="228"/>
      <c r="IO36" s="61">
        <v>0</v>
      </c>
      <c r="IP36" s="61">
        <v>0</v>
      </c>
      <c r="IQ36" s="61">
        <v>0</v>
      </c>
      <c r="IR36" s="61">
        <v>1</v>
      </c>
      <c r="IS36" s="61">
        <v>0</v>
      </c>
      <c r="IT36" s="62">
        <v>1</v>
      </c>
      <c r="IU36" s="63">
        <v>3</v>
      </c>
      <c r="IV36" s="60">
        <v>0</v>
      </c>
      <c r="IW36" s="61">
        <v>1</v>
      </c>
      <c r="IX36" s="62">
        <v>1</v>
      </c>
      <c r="IY36" s="228"/>
      <c r="IZ36" s="61">
        <v>3</v>
      </c>
      <c r="JA36" s="61">
        <v>1</v>
      </c>
      <c r="JB36" s="61">
        <v>3</v>
      </c>
      <c r="JC36" s="61">
        <v>1</v>
      </c>
      <c r="JD36" s="61">
        <v>2</v>
      </c>
      <c r="JE36" s="62">
        <v>10</v>
      </c>
      <c r="JF36" s="63">
        <v>11</v>
      </c>
      <c r="JG36" s="60">
        <v>0</v>
      </c>
      <c r="JH36" s="61">
        <v>1</v>
      </c>
      <c r="JI36" s="62">
        <v>1</v>
      </c>
      <c r="JJ36" s="228"/>
      <c r="JK36" s="61">
        <v>5</v>
      </c>
      <c r="JL36" s="61">
        <v>0</v>
      </c>
      <c r="JM36" s="61">
        <v>3</v>
      </c>
      <c r="JN36" s="61">
        <v>3</v>
      </c>
      <c r="JO36" s="61">
        <v>1</v>
      </c>
      <c r="JP36" s="62">
        <v>12</v>
      </c>
      <c r="JQ36" s="63">
        <v>13</v>
      </c>
      <c r="JR36" s="60">
        <v>0</v>
      </c>
      <c r="JS36" s="61">
        <v>0</v>
      </c>
      <c r="JT36" s="62">
        <v>0</v>
      </c>
      <c r="JU36" s="228"/>
      <c r="JV36" s="61">
        <v>0</v>
      </c>
      <c r="JW36" s="61">
        <v>0</v>
      </c>
      <c r="JX36" s="61">
        <v>0</v>
      </c>
      <c r="JY36" s="61">
        <v>0</v>
      </c>
      <c r="JZ36" s="61">
        <v>0</v>
      </c>
      <c r="KA36" s="62">
        <v>0</v>
      </c>
      <c r="KB36" s="63">
        <v>0</v>
      </c>
      <c r="KC36" s="60">
        <v>2</v>
      </c>
      <c r="KD36" s="61">
        <v>4</v>
      </c>
      <c r="KE36" s="62">
        <v>6</v>
      </c>
      <c r="KF36" s="228"/>
      <c r="KG36" s="61">
        <v>11</v>
      </c>
      <c r="KH36" s="61">
        <v>2</v>
      </c>
      <c r="KI36" s="61">
        <v>8</v>
      </c>
      <c r="KJ36" s="61">
        <v>5</v>
      </c>
      <c r="KK36" s="61">
        <v>7</v>
      </c>
      <c r="KL36" s="62">
        <v>33</v>
      </c>
      <c r="KM36" s="63">
        <v>39</v>
      </c>
    </row>
    <row r="37" spans="2:299" ht="21" customHeight="1" x14ac:dyDescent="0.2">
      <c r="B37" s="472" t="s">
        <v>34</v>
      </c>
      <c r="C37" s="293">
        <v>1</v>
      </c>
      <c r="D37" s="72">
        <v>1</v>
      </c>
      <c r="E37" s="73">
        <v>2</v>
      </c>
      <c r="F37" s="228"/>
      <c r="G37" s="72">
        <v>2</v>
      </c>
      <c r="H37" s="72">
        <v>3</v>
      </c>
      <c r="I37" s="72">
        <v>2</v>
      </c>
      <c r="J37" s="72">
        <v>0</v>
      </c>
      <c r="K37" s="72">
        <v>0</v>
      </c>
      <c r="L37" s="74">
        <v>7</v>
      </c>
      <c r="M37" s="75">
        <v>9</v>
      </c>
      <c r="N37" s="60">
        <v>0</v>
      </c>
      <c r="O37" s="61">
        <v>0</v>
      </c>
      <c r="P37" s="62">
        <v>0</v>
      </c>
      <c r="Q37" s="228"/>
      <c r="R37" s="61">
        <v>0</v>
      </c>
      <c r="S37" s="61">
        <v>1</v>
      </c>
      <c r="T37" s="61">
        <v>0</v>
      </c>
      <c r="U37" s="61">
        <v>0</v>
      </c>
      <c r="V37" s="61">
        <v>0</v>
      </c>
      <c r="W37" s="62">
        <v>1</v>
      </c>
      <c r="X37" s="63">
        <v>1</v>
      </c>
      <c r="Y37" s="60">
        <v>0</v>
      </c>
      <c r="Z37" s="61">
        <v>0</v>
      </c>
      <c r="AA37" s="62">
        <v>0</v>
      </c>
      <c r="AB37" s="228"/>
      <c r="AC37" s="61">
        <v>0</v>
      </c>
      <c r="AD37" s="61">
        <v>0</v>
      </c>
      <c r="AE37" s="61">
        <v>0</v>
      </c>
      <c r="AF37" s="61">
        <v>0</v>
      </c>
      <c r="AG37" s="61">
        <v>0</v>
      </c>
      <c r="AH37" s="62">
        <v>0</v>
      </c>
      <c r="AI37" s="63">
        <v>0</v>
      </c>
      <c r="AJ37" s="60">
        <v>1</v>
      </c>
      <c r="AK37" s="61">
        <v>0</v>
      </c>
      <c r="AL37" s="62">
        <v>1</v>
      </c>
      <c r="AM37" s="228"/>
      <c r="AN37" s="61">
        <v>1</v>
      </c>
      <c r="AO37" s="61">
        <v>0</v>
      </c>
      <c r="AP37" s="61">
        <v>0</v>
      </c>
      <c r="AQ37" s="61">
        <v>0</v>
      </c>
      <c r="AR37" s="61">
        <v>0</v>
      </c>
      <c r="AS37" s="62">
        <v>1</v>
      </c>
      <c r="AT37" s="63">
        <v>2</v>
      </c>
      <c r="AU37" s="60">
        <v>0</v>
      </c>
      <c r="AV37" s="61">
        <v>1</v>
      </c>
      <c r="AW37" s="62">
        <v>1</v>
      </c>
      <c r="AX37" s="228"/>
      <c r="AY37" s="61">
        <v>1</v>
      </c>
      <c r="AZ37" s="61">
        <v>1</v>
      </c>
      <c r="BA37" s="61">
        <v>0</v>
      </c>
      <c r="BB37" s="61">
        <v>0</v>
      </c>
      <c r="BC37" s="61">
        <v>0</v>
      </c>
      <c r="BD37" s="62">
        <v>2</v>
      </c>
      <c r="BE37" s="63">
        <v>3</v>
      </c>
      <c r="BF37" s="60">
        <v>0</v>
      </c>
      <c r="BG37" s="61">
        <v>0</v>
      </c>
      <c r="BH37" s="62">
        <v>0</v>
      </c>
      <c r="BI37" s="228"/>
      <c r="BJ37" s="61">
        <v>0</v>
      </c>
      <c r="BK37" s="61">
        <v>0</v>
      </c>
      <c r="BL37" s="61">
        <v>1</v>
      </c>
      <c r="BM37" s="61">
        <v>0</v>
      </c>
      <c r="BN37" s="61">
        <v>0</v>
      </c>
      <c r="BO37" s="62">
        <v>1</v>
      </c>
      <c r="BP37" s="63">
        <v>1</v>
      </c>
      <c r="BQ37" s="60">
        <v>0</v>
      </c>
      <c r="BR37" s="61">
        <v>0</v>
      </c>
      <c r="BS37" s="62">
        <v>0</v>
      </c>
      <c r="BT37" s="228"/>
      <c r="BU37" s="61">
        <v>0</v>
      </c>
      <c r="BV37" s="61">
        <v>1</v>
      </c>
      <c r="BW37" s="61">
        <v>1</v>
      </c>
      <c r="BX37" s="61">
        <v>0</v>
      </c>
      <c r="BY37" s="61">
        <v>0</v>
      </c>
      <c r="BZ37" s="62">
        <v>2</v>
      </c>
      <c r="CA37" s="63">
        <v>2</v>
      </c>
      <c r="CB37" s="60">
        <v>0</v>
      </c>
      <c r="CC37" s="61">
        <v>0</v>
      </c>
      <c r="CD37" s="62">
        <v>0</v>
      </c>
      <c r="CE37" s="228"/>
      <c r="CF37" s="61">
        <v>0</v>
      </c>
      <c r="CG37" s="61">
        <v>0</v>
      </c>
      <c r="CH37" s="61">
        <v>0</v>
      </c>
      <c r="CI37" s="61">
        <v>0</v>
      </c>
      <c r="CJ37" s="61">
        <v>0</v>
      </c>
      <c r="CK37" s="62">
        <v>0</v>
      </c>
      <c r="CL37" s="63">
        <v>0</v>
      </c>
      <c r="CM37" s="60">
        <v>1</v>
      </c>
      <c r="CN37" s="61">
        <v>1</v>
      </c>
      <c r="CO37" s="62">
        <v>2</v>
      </c>
      <c r="CP37" s="228"/>
      <c r="CQ37" s="61">
        <v>2</v>
      </c>
      <c r="CR37" s="61">
        <v>3</v>
      </c>
      <c r="CS37" s="61">
        <v>2</v>
      </c>
      <c r="CT37" s="61">
        <v>0</v>
      </c>
      <c r="CU37" s="61">
        <v>0</v>
      </c>
      <c r="CV37" s="62">
        <v>7</v>
      </c>
      <c r="CW37" s="63">
        <v>9</v>
      </c>
      <c r="CX37" s="113">
        <v>1</v>
      </c>
      <c r="CY37" s="72">
        <v>2</v>
      </c>
      <c r="CZ37" s="73">
        <v>3</v>
      </c>
      <c r="DA37" s="228"/>
      <c r="DB37" s="72">
        <v>1</v>
      </c>
      <c r="DC37" s="72">
        <v>1</v>
      </c>
      <c r="DD37" s="72">
        <v>2</v>
      </c>
      <c r="DE37" s="72">
        <v>0</v>
      </c>
      <c r="DF37" s="72">
        <v>0</v>
      </c>
      <c r="DG37" s="74">
        <v>4</v>
      </c>
      <c r="DH37" s="75">
        <v>7</v>
      </c>
      <c r="DI37" s="60">
        <v>0</v>
      </c>
      <c r="DJ37" s="61">
        <v>0</v>
      </c>
      <c r="DK37" s="62">
        <v>0</v>
      </c>
      <c r="DL37" s="228"/>
      <c r="DM37" s="61">
        <v>0</v>
      </c>
      <c r="DN37" s="61">
        <v>0</v>
      </c>
      <c r="DO37" s="61">
        <v>0</v>
      </c>
      <c r="DP37" s="61">
        <v>0</v>
      </c>
      <c r="DQ37" s="61">
        <v>0</v>
      </c>
      <c r="DR37" s="62">
        <v>0</v>
      </c>
      <c r="DS37" s="63">
        <v>0</v>
      </c>
      <c r="DT37" s="60">
        <v>0</v>
      </c>
      <c r="DU37" s="61">
        <v>0</v>
      </c>
      <c r="DV37" s="62">
        <v>0</v>
      </c>
      <c r="DW37" s="228"/>
      <c r="DX37" s="61">
        <v>0</v>
      </c>
      <c r="DY37" s="61">
        <v>0</v>
      </c>
      <c r="DZ37" s="61">
        <v>0</v>
      </c>
      <c r="EA37" s="61">
        <v>0</v>
      </c>
      <c r="EB37" s="61">
        <v>0</v>
      </c>
      <c r="EC37" s="62">
        <v>0</v>
      </c>
      <c r="ED37" s="63">
        <v>0</v>
      </c>
      <c r="EE37" s="60">
        <v>1</v>
      </c>
      <c r="EF37" s="61">
        <v>1</v>
      </c>
      <c r="EG37" s="62">
        <v>2</v>
      </c>
      <c r="EH37" s="228"/>
      <c r="EI37" s="61">
        <v>0</v>
      </c>
      <c r="EJ37" s="61">
        <v>0</v>
      </c>
      <c r="EK37" s="61">
        <v>1</v>
      </c>
      <c r="EL37" s="61">
        <v>0</v>
      </c>
      <c r="EM37" s="61">
        <v>0</v>
      </c>
      <c r="EN37" s="62">
        <v>1</v>
      </c>
      <c r="EO37" s="63">
        <v>3</v>
      </c>
      <c r="EP37" s="60">
        <v>0</v>
      </c>
      <c r="EQ37" s="61">
        <v>0</v>
      </c>
      <c r="ER37" s="62">
        <v>0</v>
      </c>
      <c r="ES37" s="228"/>
      <c r="ET37" s="61">
        <v>0</v>
      </c>
      <c r="EU37" s="61">
        <v>0</v>
      </c>
      <c r="EV37" s="61">
        <v>1</v>
      </c>
      <c r="EW37" s="61">
        <v>0</v>
      </c>
      <c r="EX37" s="61">
        <v>0</v>
      </c>
      <c r="EY37" s="62">
        <v>1</v>
      </c>
      <c r="EZ37" s="63">
        <v>1</v>
      </c>
      <c r="FA37" s="60">
        <v>0</v>
      </c>
      <c r="FB37" s="61">
        <v>1</v>
      </c>
      <c r="FC37" s="62">
        <v>1</v>
      </c>
      <c r="FD37" s="228"/>
      <c r="FE37" s="61">
        <v>1</v>
      </c>
      <c r="FF37" s="61">
        <v>1</v>
      </c>
      <c r="FG37" s="61">
        <v>0</v>
      </c>
      <c r="FH37" s="61">
        <v>0</v>
      </c>
      <c r="FI37" s="61">
        <v>0</v>
      </c>
      <c r="FJ37" s="62">
        <v>2</v>
      </c>
      <c r="FK37" s="63">
        <v>3</v>
      </c>
      <c r="FL37" s="60">
        <v>0</v>
      </c>
      <c r="FM37" s="61">
        <v>0</v>
      </c>
      <c r="FN37" s="62">
        <v>0</v>
      </c>
      <c r="FO37" s="228"/>
      <c r="FP37" s="61">
        <v>0</v>
      </c>
      <c r="FQ37" s="61">
        <v>0</v>
      </c>
      <c r="FR37" s="61">
        <v>0</v>
      </c>
      <c r="FS37" s="61">
        <v>0</v>
      </c>
      <c r="FT37" s="61">
        <v>0</v>
      </c>
      <c r="FU37" s="62">
        <v>0</v>
      </c>
      <c r="FV37" s="63">
        <v>0</v>
      </c>
      <c r="FW37" s="60">
        <v>0</v>
      </c>
      <c r="FX37" s="61">
        <v>0</v>
      </c>
      <c r="FY37" s="62">
        <v>0</v>
      </c>
      <c r="FZ37" s="228"/>
      <c r="GA37" s="61">
        <v>0</v>
      </c>
      <c r="GB37" s="61">
        <v>0</v>
      </c>
      <c r="GC37" s="61">
        <v>0</v>
      </c>
      <c r="GD37" s="61">
        <v>0</v>
      </c>
      <c r="GE37" s="61">
        <v>0</v>
      </c>
      <c r="GF37" s="62">
        <v>0</v>
      </c>
      <c r="GG37" s="63">
        <v>0</v>
      </c>
      <c r="GH37" s="60">
        <v>1</v>
      </c>
      <c r="GI37" s="61">
        <v>2</v>
      </c>
      <c r="GJ37" s="62">
        <v>3</v>
      </c>
      <c r="GK37" s="228"/>
      <c r="GL37" s="61">
        <v>1</v>
      </c>
      <c r="GM37" s="61">
        <v>1</v>
      </c>
      <c r="GN37" s="61">
        <v>2</v>
      </c>
      <c r="GO37" s="61">
        <v>0</v>
      </c>
      <c r="GP37" s="61">
        <v>0</v>
      </c>
      <c r="GQ37" s="62">
        <v>4</v>
      </c>
      <c r="GR37" s="63">
        <v>7</v>
      </c>
      <c r="GS37" s="113">
        <v>2</v>
      </c>
      <c r="GT37" s="72">
        <v>3</v>
      </c>
      <c r="GU37" s="73">
        <v>5</v>
      </c>
      <c r="GV37" s="228"/>
      <c r="GW37" s="72">
        <v>3</v>
      </c>
      <c r="GX37" s="72">
        <v>4</v>
      </c>
      <c r="GY37" s="72">
        <v>4</v>
      </c>
      <c r="GZ37" s="72">
        <v>0</v>
      </c>
      <c r="HA37" s="72">
        <v>0</v>
      </c>
      <c r="HB37" s="74">
        <v>11</v>
      </c>
      <c r="HC37" s="75">
        <v>16</v>
      </c>
      <c r="HD37" s="60">
        <v>0</v>
      </c>
      <c r="HE37" s="61">
        <v>0</v>
      </c>
      <c r="HF37" s="62">
        <v>0</v>
      </c>
      <c r="HG37" s="228"/>
      <c r="HH37" s="61">
        <v>0</v>
      </c>
      <c r="HI37" s="61">
        <v>1</v>
      </c>
      <c r="HJ37" s="61">
        <v>0</v>
      </c>
      <c r="HK37" s="61">
        <v>0</v>
      </c>
      <c r="HL37" s="61">
        <v>0</v>
      </c>
      <c r="HM37" s="62">
        <v>1</v>
      </c>
      <c r="HN37" s="63">
        <v>1</v>
      </c>
      <c r="HO37" s="60">
        <v>0</v>
      </c>
      <c r="HP37" s="61">
        <v>0</v>
      </c>
      <c r="HQ37" s="62">
        <v>0</v>
      </c>
      <c r="HR37" s="228"/>
      <c r="HS37" s="61">
        <v>0</v>
      </c>
      <c r="HT37" s="61">
        <v>0</v>
      </c>
      <c r="HU37" s="61">
        <v>0</v>
      </c>
      <c r="HV37" s="61">
        <v>0</v>
      </c>
      <c r="HW37" s="61">
        <v>0</v>
      </c>
      <c r="HX37" s="62">
        <v>0</v>
      </c>
      <c r="HY37" s="63">
        <v>0</v>
      </c>
      <c r="HZ37" s="60">
        <v>2</v>
      </c>
      <c r="IA37" s="61">
        <v>1</v>
      </c>
      <c r="IB37" s="62">
        <v>3</v>
      </c>
      <c r="IC37" s="228"/>
      <c r="ID37" s="61">
        <v>1</v>
      </c>
      <c r="IE37" s="61">
        <v>0</v>
      </c>
      <c r="IF37" s="61">
        <v>1</v>
      </c>
      <c r="IG37" s="61">
        <v>0</v>
      </c>
      <c r="IH37" s="61">
        <v>0</v>
      </c>
      <c r="II37" s="62">
        <v>2</v>
      </c>
      <c r="IJ37" s="63">
        <v>5</v>
      </c>
      <c r="IK37" s="60">
        <v>0</v>
      </c>
      <c r="IL37" s="61">
        <v>1</v>
      </c>
      <c r="IM37" s="62">
        <v>1</v>
      </c>
      <c r="IN37" s="228"/>
      <c r="IO37" s="61">
        <v>1</v>
      </c>
      <c r="IP37" s="61">
        <v>1</v>
      </c>
      <c r="IQ37" s="61">
        <v>1</v>
      </c>
      <c r="IR37" s="61">
        <v>0</v>
      </c>
      <c r="IS37" s="61">
        <v>0</v>
      </c>
      <c r="IT37" s="62">
        <v>3</v>
      </c>
      <c r="IU37" s="63">
        <v>4</v>
      </c>
      <c r="IV37" s="60">
        <v>0</v>
      </c>
      <c r="IW37" s="61">
        <v>1</v>
      </c>
      <c r="IX37" s="62">
        <v>1</v>
      </c>
      <c r="IY37" s="228"/>
      <c r="IZ37" s="61">
        <v>1</v>
      </c>
      <c r="JA37" s="61">
        <v>1</v>
      </c>
      <c r="JB37" s="61">
        <v>1</v>
      </c>
      <c r="JC37" s="61">
        <v>0</v>
      </c>
      <c r="JD37" s="61">
        <v>0</v>
      </c>
      <c r="JE37" s="62">
        <v>3</v>
      </c>
      <c r="JF37" s="63">
        <v>4</v>
      </c>
      <c r="JG37" s="60">
        <v>0</v>
      </c>
      <c r="JH37" s="61">
        <v>0</v>
      </c>
      <c r="JI37" s="62">
        <v>0</v>
      </c>
      <c r="JJ37" s="228"/>
      <c r="JK37" s="61">
        <v>0</v>
      </c>
      <c r="JL37" s="61">
        <v>1</v>
      </c>
      <c r="JM37" s="61">
        <v>1</v>
      </c>
      <c r="JN37" s="61">
        <v>0</v>
      </c>
      <c r="JO37" s="61">
        <v>0</v>
      </c>
      <c r="JP37" s="62">
        <v>2</v>
      </c>
      <c r="JQ37" s="63">
        <v>2</v>
      </c>
      <c r="JR37" s="60">
        <v>0</v>
      </c>
      <c r="JS37" s="61">
        <v>0</v>
      </c>
      <c r="JT37" s="62">
        <v>0</v>
      </c>
      <c r="JU37" s="228"/>
      <c r="JV37" s="61">
        <v>0</v>
      </c>
      <c r="JW37" s="61">
        <v>0</v>
      </c>
      <c r="JX37" s="61">
        <v>0</v>
      </c>
      <c r="JY37" s="61">
        <v>0</v>
      </c>
      <c r="JZ37" s="61">
        <v>0</v>
      </c>
      <c r="KA37" s="62">
        <v>0</v>
      </c>
      <c r="KB37" s="63">
        <v>0</v>
      </c>
      <c r="KC37" s="60">
        <v>2</v>
      </c>
      <c r="KD37" s="61">
        <v>3</v>
      </c>
      <c r="KE37" s="62">
        <v>5</v>
      </c>
      <c r="KF37" s="228"/>
      <c r="KG37" s="61">
        <v>3</v>
      </c>
      <c r="KH37" s="61">
        <v>4</v>
      </c>
      <c r="KI37" s="61">
        <v>4</v>
      </c>
      <c r="KJ37" s="61">
        <v>0</v>
      </c>
      <c r="KK37" s="61">
        <v>0</v>
      </c>
      <c r="KL37" s="62">
        <v>11</v>
      </c>
      <c r="KM37" s="63">
        <v>16</v>
      </c>
    </row>
    <row r="38" spans="2:299" ht="21" customHeight="1" x14ac:dyDescent="0.2">
      <c r="B38" s="472" t="s">
        <v>35</v>
      </c>
      <c r="C38" s="293">
        <v>5</v>
      </c>
      <c r="D38" s="72">
        <v>9</v>
      </c>
      <c r="E38" s="73">
        <v>14</v>
      </c>
      <c r="F38" s="228"/>
      <c r="G38" s="72">
        <v>16</v>
      </c>
      <c r="H38" s="72">
        <v>6</v>
      </c>
      <c r="I38" s="72">
        <v>3</v>
      </c>
      <c r="J38" s="72">
        <v>5</v>
      </c>
      <c r="K38" s="72">
        <v>2</v>
      </c>
      <c r="L38" s="74">
        <v>32</v>
      </c>
      <c r="M38" s="75">
        <v>46</v>
      </c>
      <c r="N38" s="60">
        <v>0</v>
      </c>
      <c r="O38" s="61">
        <v>0</v>
      </c>
      <c r="P38" s="62">
        <v>0</v>
      </c>
      <c r="Q38" s="228"/>
      <c r="R38" s="61">
        <v>0</v>
      </c>
      <c r="S38" s="61">
        <v>0</v>
      </c>
      <c r="T38" s="61">
        <v>0</v>
      </c>
      <c r="U38" s="61">
        <v>2</v>
      </c>
      <c r="V38" s="61">
        <v>0</v>
      </c>
      <c r="W38" s="62">
        <v>2</v>
      </c>
      <c r="X38" s="63">
        <v>2</v>
      </c>
      <c r="Y38" s="60">
        <v>1</v>
      </c>
      <c r="Z38" s="61">
        <v>0</v>
      </c>
      <c r="AA38" s="62">
        <v>1</v>
      </c>
      <c r="AB38" s="228"/>
      <c r="AC38" s="61">
        <v>1</v>
      </c>
      <c r="AD38" s="61">
        <v>0</v>
      </c>
      <c r="AE38" s="61">
        <v>0</v>
      </c>
      <c r="AF38" s="61">
        <v>0</v>
      </c>
      <c r="AG38" s="61">
        <v>0</v>
      </c>
      <c r="AH38" s="62">
        <v>1</v>
      </c>
      <c r="AI38" s="63">
        <v>2</v>
      </c>
      <c r="AJ38" s="60">
        <v>0</v>
      </c>
      <c r="AK38" s="61">
        <v>2</v>
      </c>
      <c r="AL38" s="62">
        <v>2</v>
      </c>
      <c r="AM38" s="228"/>
      <c r="AN38" s="61">
        <v>5</v>
      </c>
      <c r="AO38" s="61">
        <v>0</v>
      </c>
      <c r="AP38" s="61">
        <v>2</v>
      </c>
      <c r="AQ38" s="61">
        <v>1</v>
      </c>
      <c r="AR38" s="61">
        <v>0</v>
      </c>
      <c r="AS38" s="62">
        <v>8</v>
      </c>
      <c r="AT38" s="63">
        <v>10</v>
      </c>
      <c r="AU38" s="60">
        <v>1</v>
      </c>
      <c r="AV38" s="61">
        <v>1</v>
      </c>
      <c r="AW38" s="62">
        <v>2</v>
      </c>
      <c r="AX38" s="228"/>
      <c r="AY38" s="61">
        <v>4</v>
      </c>
      <c r="AZ38" s="61">
        <v>3</v>
      </c>
      <c r="BA38" s="61">
        <v>1</v>
      </c>
      <c r="BB38" s="61">
        <v>0</v>
      </c>
      <c r="BC38" s="61">
        <v>0</v>
      </c>
      <c r="BD38" s="62">
        <v>8</v>
      </c>
      <c r="BE38" s="63">
        <v>10</v>
      </c>
      <c r="BF38" s="60">
        <v>1</v>
      </c>
      <c r="BG38" s="61">
        <v>4</v>
      </c>
      <c r="BH38" s="62">
        <v>5</v>
      </c>
      <c r="BI38" s="228"/>
      <c r="BJ38" s="61">
        <v>5</v>
      </c>
      <c r="BK38" s="61">
        <v>1</v>
      </c>
      <c r="BL38" s="61">
        <v>0</v>
      </c>
      <c r="BM38" s="61">
        <v>0</v>
      </c>
      <c r="BN38" s="61">
        <v>2</v>
      </c>
      <c r="BO38" s="62">
        <v>8</v>
      </c>
      <c r="BP38" s="63">
        <v>13</v>
      </c>
      <c r="BQ38" s="60">
        <v>2</v>
      </c>
      <c r="BR38" s="61">
        <v>2</v>
      </c>
      <c r="BS38" s="62">
        <v>4</v>
      </c>
      <c r="BT38" s="228"/>
      <c r="BU38" s="61">
        <v>1</v>
      </c>
      <c r="BV38" s="61">
        <v>2</v>
      </c>
      <c r="BW38" s="61">
        <v>0</v>
      </c>
      <c r="BX38" s="61">
        <v>2</v>
      </c>
      <c r="BY38" s="61">
        <v>0</v>
      </c>
      <c r="BZ38" s="62">
        <v>5</v>
      </c>
      <c r="CA38" s="63">
        <v>9</v>
      </c>
      <c r="CB38" s="60">
        <v>0</v>
      </c>
      <c r="CC38" s="61">
        <v>0</v>
      </c>
      <c r="CD38" s="62">
        <v>0</v>
      </c>
      <c r="CE38" s="228"/>
      <c r="CF38" s="61">
        <v>0</v>
      </c>
      <c r="CG38" s="61">
        <v>0</v>
      </c>
      <c r="CH38" s="61">
        <v>0</v>
      </c>
      <c r="CI38" s="61">
        <v>0</v>
      </c>
      <c r="CJ38" s="61">
        <v>0</v>
      </c>
      <c r="CK38" s="62">
        <v>0</v>
      </c>
      <c r="CL38" s="63">
        <v>0</v>
      </c>
      <c r="CM38" s="60">
        <v>5</v>
      </c>
      <c r="CN38" s="61">
        <v>9</v>
      </c>
      <c r="CO38" s="62">
        <v>14</v>
      </c>
      <c r="CP38" s="228"/>
      <c r="CQ38" s="61">
        <v>16</v>
      </c>
      <c r="CR38" s="61">
        <v>6</v>
      </c>
      <c r="CS38" s="61">
        <v>3</v>
      </c>
      <c r="CT38" s="61">
        <v>5</v>
      </c>
      <c r="CU38" s="61">
        <v>2</v>
      </c>
      <c r="CV38" s="62">
        <v>32</v>
      </c>
      <c r="CW38" s="63">
        <v>46</v>
      </c>
      <c r="CX38" s="113">
        <v>3</v>
      </c>
      <c r="CY38" s="72">
        <v>1</v>
      </c>
      <c r="CZ38" s="73">
        <v>4</v>
      </c>
      <c r="DA38" s="228"/>
      <c r="DB38" s="72">
        <v>5</v>
      </c>
      <c r="DC38" s="72">
        <v>1</v>
      </c>
      <c r="DD38" s="72">
        <v>3</v>
      </c>
      <c r="DE38" s="72">
        <v>4</v>
      </c>
      <c r="DF38" s="72">
        <v>2</v>
      </c>
      <c r="DG38" s="74">
        <v>15</v>
      </c>
      <c r="DH38" s="75">
        <v>19</v>
      </c>
      <c r="DI38" s="60">
        <v>0</v>
      </c>
      <c r="DJ38" s="61">
        <v>0</v>
      </c>
      <c r="DK38" s="62">
        <v>0</v>
      </c>
      <c r="DL38" s="228"/>
      <c r="DM38" s="61">
        <v>0</v>
      </c>
      <c r="DN38" s="61">
        <v>0</v>
      </c>
      <c r="DO38" s="61">
        <v>0</v>
      </c>
      <c r="DP38" s="61">
        <v>0</v>
      </c>
      <c r="DQ38" s="61">
        <v>0</v>
      </c>
      <c r="DR38" s="62">
        <v>0</v>
      </c>
      <c r="DS38" s="63">
        <v>0</v>
      </c>
      <c r="DT38" s="60">
        <v>0</v>
      </c>
      <c r="DU38" s="61">
        <v>0</v>
      </c>
      <c r="DV38" s="62">
        <v>0</v>
      </c>
      <c r="DW38" s="228"/>
      <c r="DX38" s="61">
        <v>1</v>
      </c>
      <c r="DY38" s="61">
        <v>0</v>
      </c>
      <c r="DZ38" s="61">
        <v>0</v>
      </c>
      <c r="EA38" s="61">
        <v>0</v>
      </c>
      <c r="EB38" s="61">
        <v>0</v>
      </c>
      <c r="EC38" s="62">
        <v>1</v>
      </c>
      <c r="ED38" s="63">
        <v>1</v>
      </c>
      <c r="EE38" s="60">
        <v>0</v>
      </c>
      <c r="EF38" s="61">
        <v>0</v>
      </c>
      <c r="EG38" s="62">
        <v>0</v>
      </c>
      <c r="EH38" s="228"/>
      <c r="EI38" s="61">
        <v>0</v>
      </c>
      <c r="EJ38" s="61">
        <v>1</v>
      </c>
      <c r="EK38" s="61">
        <v>0</v>
      </c>
      <c r="EL38" s="61">
        <v>0</v>
      </c>
      <c r="EM38" s="61">
        <v>0</v>
      </c>
      <c r="EN38" s="62">
        <v>1</v>
      </c>
      <c r="EO38" s="63">
        <v>1</v>
      </c>
      <c r="EP38" s="60">
        <v>0</v>
      </c>
      <c r="EQ38" s="61">
        <v>0</v>
      </c>
      <c r="ER38" s="62">
        <v>0</v>
      </c>
      <c r="ES38" s="228"/>
      <c r="ET38" s="61">
        <v>1</v>
      </c>
      <c r="EU38" s="61">
        <v>0</v>
      </c>
      <c r="EV38" s="61">
        <v>0</v>
      </c>
      <c r="EW38" s="61">
        <v>2</v>
      </c>
      <c r="EX38" s="61">
        <v>0</v>
      </c>
      <c r="EY38" s="62">
        <v>3</v>
      </c>
      <c r="EZ38" s="63">
        <v>3</v>
      </c>
      <c r="FA38" s="60">
        <v>1</v>
      </c>
      <c r="FB38" s="61">
        <v>1</v>
      </c>
      <c r="FC38" s="62">
        <v>2</v>
      </c>
      <c r="FD38" s="228"/>
      <c r="FE38" s="61">
        <v>2</v>
      </c>
      <c r="FF38" s="61">
        <v>0</v>
      </c>
      <c r="FG38" s="61">
        <v>1</v>
      </c>
      <c r="FH38" s="61">
        <v>0</v>
      </c>
      <c r="FI38" s="61">
        <v>1</v>
      </c>
      <c r="FJ38" s="62">
        <v>4</v>
      </c>
      <c r="FK38" s="63">
        <v>6</v>
      </c>
      <c r="FL38" s="60">
        <v>2</v>
      </c>
      <c r="FM38" s="61">
        <v>0</v>
      </c>
      <c r="FN38" s="62">
        <v>2</v>
      </c>
      <c r="FO38" s="228"/>
      <c r="FP38" s="61">
        <v>1</v>
      </c>
      <c r="FQ38" s="61">
        <v>0</v>
      </c>
      <c r="FR38" s="61">
        <v>2</v>
      </c>
      <c r="FS38" s="61">
        <v>2</v>
      </c>
      <c r="FT38" s="61">
        <v>1</v>
      </c>
      <c r="FU38" s="62">
        <v>6</v>
      </c>
      <c r="FV38" s="63">
        <v>8</v>
      </c>
      <c r="FW38" s="60">
        <v>0</v>
      </c>
      <c r="FX38" s="61">
        <v>0</v>
      </c>
      <c r="FY38" s="62">
        <v>0</v>
      </c>
      <c r="FZ38" s="228"/>
      <c r="GA38" s="61">
        <v>0</v>
      </c>
      <c r="GB38" s="61">
        <v>0</v>
      </c>
      <c r="GC38" s="61">
        <v>0</v>
      </c>
      <c r="GD38" s="61">
        <v>0</v>
      </c>
      <c r="GE38" s="61">
        <v>0</v>
      </c>
      <c r="GF38" s="62">
        <v>0</v>
      </c>
      <c r="GG38" s="63">
        <v>0</v>
      </c>
      <c r="GH38" s="60">
        <v>3</v>
      </c>
      <c r="GI38" s="61">
        <v>1</v>
      </c>
      <c r="GJ38" s="62">
        <v>4</v>
      </c>
      <c r="GK38" s="228"/>
      <c r="GL38" s="61">
        <v>5</v>
      </c>
      <c r="GM38" s="61">
        <v>1</v>
      </c>
      <c r="GN38" s="61">
        <v>3</v>
      </c>
      <c r="GO38" s="61">
        <v>4</v>
      </c>
      <c r="GP38" s="61">
        <v>2</v>
      </c>
      <c r="GQ38" s="62">
        <v>15</v>
      </c>
      <c r="GR38" s="63">
        <v>19</v>
      </c>
      <c r="GS38" s="113">
        <v>8</v>
      </c>
      <c r="GT38" s="72">
        <v>10</v>
      </c>
      <c r="GU38" s="73">
        <v>18</v>
      </c>
      <c r="GV38" s="228"/>
      <c r="GW38" s="72">
        <v>21</v>
      </c>
      <c r="GX38" s="72">
        <v>7</v>
      </c>
      <c r="GY38" s="72">
        <v>6</v>
      </c>
      <c r="GZ38" s="72">
        <v>9</v>
      </c>
      <c r="HA38" s="72">
        <v>4</v>
      </c>
      <c r="HB38" s="74">
        <v>47</v>
      </c>
      <c r="HC38" s="75">
        <v>65</v>
      </c>
      <c r="HD38" s="60">
        <v>0</v>
      </c>
      <c r="HE38" s="61">
        <v>0</v>
      </c>
      <c r="HF38" s="62">
        <v>0</v>
      </c>
      <c r="HG38" s="228"/>
      <c r="HH38" s="61">
        <v>0</v>
      </c>
      <c r="HI38" s="61">
        <v>0</v>
      </c>
      <c r="HJ38" s="61">
        <v>0</v>
      </c>
      <c r="HK38" s="61">
        <v>2</v>
      </c>
      <c r="HL38" s="61">
        <v>0</v>
      </c>
      <c r="HM38" s="62">
        <v>2</v>
      </c>
      <c r="HN38" s="63">
        <v>2</v>
      </c>
      <c r="HO38" s="60">
        <v>1</v>
      </c>
      <c r="HP38" s="61">
        <v>0</v>
      </c>
      <c r="HQ38" s="62">
        <v>1</v>
      </c>
      <c r="HR38" s="228"/>
      <c r="HS38" s="61">
        <v>2</v>
      </c>
      <c r="HT38" s="61">
        <v>0</v>
      </c>
      <c r="HU38" s="61">
        <v>0</v>
      </c>
      <c r="HV38" s="61">
        <v>0</v>
      </c>
      <c r="HW38" s="61">
        <v>0</v>
      </c>
      <c r="HX38" s="62">
        <v>2</v>
      </c>
      <c r="HY38" s="63">
        <v>3</v>
      </c>
      <c r="HZ38" s="60">
        <v>0</v>
      </c>
      <c r="IA38" s="61">
        <v>2</v>
      </c>
      <c r="IB38" s="62">
        <v>2</v>
      </c>
      <c r="IC38" s="228"/>
      <c r="ID38" s="61">
        <v>5</v>
      </c>
      <c r="IE38" s="61">
        <v>1</v>
      </c>
      <c r="IF38" s="61">
        <v>2</v>
      </c>
      <c r="IG38" s="61">
        <v>1</v>
      </c>
      <c r="IH38" s="61">
        <v>0</v>
      </c>
      <c r="II38" s="62">
        <v>9</v>
      </c>
      <c r="IJ38" s="63">
        <v>11</v>
      </c>
      <c r="IK38" s="60">
        <v>1</v>
      </c>
      <c r="IL38" s="61">
        <v>1</v>
      </c>
      <c r="IM38" s="62">
        <v>2</v>
      </c>
      <c r="IN38" s="228"/>
      <c r="IO38" s="61">
        <v>5</v>
      </c>
      <c r="IP38" s="61">
        <v>3</v>
      </c>
      <c r="IQ38" s="61">
        <v>1</v>
      </c>
      <c r="IR38" s="61">
        <v>2</v>
      </c>
      <c r="IS38" s="61">
        <v>0</v>
      </c>
      <c r="IT38" s="62">
        <v>11</v>
      </c>
      <c r="IU38" s="63">
        <v>13</v>
      </c>
      <c r="IV38" s="60">
        <v>2</v>
      </c>
      <c r="IW38" s="61">
        <v>5</v>
      </c>
      <c r="IX38" s="62">
        <v>7</v>
      </c>
      <c r="IY38" s="228"/>
      <c r="IZ38" s="61">
        <v>7</v>
      </c>
      <c r="JA38" s="61">
        <v>1</v>
      </c>
      <c r="JB38" s="61">
        <v>1</v>
      </c>
      <c r="JC38" s="61">
        <v>0</v>
      </c>
      <c r="JD38" s="61">
        <v>3</v>
      </c>
      <c r="JE38" s="62">
        <v>12</v>
      </c>
      <c r="JF38" s="63">
        <v>19</v>
      </c>
      <c r="JG38" s="60">
        <v>4</v>
      </c>
      <c r="JH38" s="61">
        <v>2</v>
      </c>
      <c r="JI38" s="62">
        <v>6</v>
      </c>
      <c r="JJ38" s="228"/>
      <c r="JK38" s="61">
        <v>2</v>
      </c>
      <c r="JL38" s="61">
        <v>2</v>
      </c>
      <c r="JM38" s="61">
        <v>2</v>
      </c>
      <c r="JN38" s="61">
        <v>4</v>
      </c>
      <c r="JO38" s="61">
        <v>1</v>
      </c>
      <c r="JP38" s="62">
        <v>11</v>
      </c>
      <c r="JQ38" s="63">
        <v>17</v>
      </c>
      <c r="JR38" s="60">
        <v>0</v>
      </c>
      <c r="JS38" s="61">
        <v>0</v>
      </c>
      <c r="JT38" s="62">
        <v>0</v>
      </c>
      <c r="JU38" s="228"/>
      <c r="JV38" s="61">
        <v>0</v>
      </c>
      <c r="JW38" s="61">
        <v>0</v>
      </c>
      <c r="JX38" s="61">
        <v>0</v>
      </c>
      <c r="JY38" s="61">
        <v>0</v>
      </c>
      <c r="JZ38" s="61">
        <v>0</v>
      </c>
      <c r="KA38" s="62">
        <v>0</v>
      </c>
      <c r="KB38" s="63">
        <v>0</v>
      </c>
      <c r="KC38" s="60">
        <v>8</v>
      </c>
      <c r="KD38" s="61">
        <v>10</v>
      </c>
      <c r="KE38" s="62">
        <v>18</v>
      </c>
      <c r="KF38" s="228"/>
      <c r="KG38" s="61">
        <v>21</v>
      </c>
      <c r="KH38" s="61">
        <v>7</v>
      </c>
      <c r="KI38" s="61">
        <v>6</v>
      </c>
      <c r="KJ38" s="61">
        <v>9</v>
      </c>
      <c r="KK38" s="61">
        <v>4</v>
      </c>
      <c r="KL38" s="62">
        <v>47</v>
      </c>
      <c r="KM38" s="63">
        <v>65</v>
      </c>
    </row>
    <row r="39" spans="2:299" ht="21" customHeight="1" x14ac:dyDescent="0.2">
      <c r="B39" s="472" t="s">
        <v>36</v>
      </c>
      <c r="C39" s="293">
        <v>6</v>
      </c>
      <c r="D39" s="72">
        <v>6</v>
      </c>
      <c r="E39" s="73">
        <v>12</v>
      </c>
      <c r="F39" s="228"/>
      <c r="G39" s="72">
        <v>9</v>
      </c>
      <c r="H39" s="72">
        <v>7</v>
      </c>
      <c r="I39" s="72">
        <v>5</v>
      </c>
      <c r="J39" s="72">
        <v>4</v>
      </c>
      <c r="K39" s="72">
        <v>3</v>
      </c>
      <c r="L39" s="74">
        <v>28</v>
      </c>
      <c r="M39" s="75">
        <v>40</v>
      </c>
      <c r="N39" s="60">
        <v>0</v>
      </c>
      <c r="O39" s="61">
        <v>0</v>
      </c>
      <c r="P39" s="62">
        <v>0</v>
      </c>
      <c r="Q39" s="228"/>
      <c r="R39" s="61">
        <v>0</v>
      </c>
      <c r="S39" s="61">
        <v>1</v>
      </c>
      <c r="T39" s="61">
        <v>0</v>
      </c>
      <c r="U39" s="61">
        <v>0</v>
      </c>
      <c r="V39" s="61">
        <v>0</v>
      </c>
      <c r="W39" s="62">
        <v>1</v>
      </c>
      <c r="X39" s="63">
        <v>1</v>
      </c>
      <c r="Y39" s="60">
        <v>0</v>
      </c>
      <c r="Z39" s="61">
        <v>1</v>
      </c>
      <c r="AA39" s="62">
        <v>1</v>
      </c>
      <c r="AB39" s="228"/>
      <c r="AC39" s="61">
        <v>0</v>
      </c>
      <c r="AD39" s="61">
        <v>2</v>
      </c>
      <c r="AE39" s="61">
        <v>0</v>
      </c>
      <c r="AF39" s="61">
        <v>0</v>
      </c>
      <c r="AG39" s="61">
        <v>0</v>
      </c>
      <c r="AH39" s="62">
        <v>2</v>
      </c>
      <c r="AI39" s="63">
        <v>3</v>
      </c>
      <c r="AJ39" s="60">
        <v>2</v>
      </c>
      <c r="AK39" s="61">
        <v>0</v>
      </c>
      <c r="AL39" s="62">
        <v>2</v>
      </c>
      <c r="AM39" s="228"/>
      <c r="AN39" s="61">
        <v>1</v>
      </c>
      <c r="AO39" s="61">
        <v>1</v>
      </c>
      <c r="AP39" s="61">
        <v>1</v>
      </c>
      <c r="AQ39" s="61">
        <v>0</v>
      </c>
      <c r="AR39" s="61">
        <v>0</v>
      </c>
      <c r="AS39" s="62">
        <v>3</v>
      </c>
      <c r="AT39" s="63">
        <v>5</v>
      </c>
      <c r="AU39" s="60">
        <v>1</v>
      </c>
      <c r="AV39" s="61">
        <v>1</v>
      </c>
      <c r="AW39" s="62">
        <v>2</v>
      </c>
      <c r="AX39" s="228"/>
      <c r="AY39" s="61">
        <v>5</v>
      </c>
      <c r="AZ39" s="61">
        <v>1</v>
      </c>
      <c r="BA39" s="61">
        <v>2</v>
      </c>
      <c r="BB39" s="61">
        <v>0</v>
      </c>
      <c r="BC39" s="61">
        <v>2</v>
      </c>
      <c r="BD39" s="62">
        <v>10</v>
      </c>
      <c r="BE39" s="63">
        <v>12</v>
      </c>
      <c r="BF39" s="60">
        <v>3</v>
      </c>
      <c r="BG39" s="61">
        <v>2</v>
      </c>
      <c r="BH39" s="62">
        <v>5</v>
      </c>
      <c r="BI39" s="228"/>
      <c r="BJ39" s="61">
        <v>3</v>
      </c>
      <c r="BK39" s="61">
        <v>1</v>
      </c>
      <c r="BL39" s="61">
        <v>1</v>
      </c>
      <c r="BM39" s="61">
        <v>1</v>
      </c>
      <c r="BN39" s="61">
        <v>0</v>
      </c>
      <c r="BO39" s="62">
        <v>6</v>
      </c>
      <c r="BP39" s="63">
        <v>11</v>
      </c>
      <c r="BQ39" s="60">
        <v>0</v>
      </c>
      <c r="BR39" s="61">
        <v>2</v>
      </c>
      <c r="BS39" s="62">
        <v>2</v>
      </c>
      <c r="BT39" s="228"/>
      <c r="BU39" s="61">
        <v>0</v>
      </c>
      <c r="BV39" s="61">
        <v>1</v>
      </c>
      <c r="BW39" s="61">
        <v>1</v>
      </c>
      <c r="BX39" s="61">
        <v>3</v>
      </c>
      <c r="BY39" s="61">
        <v>1</v>
      </c>
      <c r="BZ39" s="62">
        <v>6</v>
      </c>
      <c r="CA39" s="63">
        <v>8</v>
      </c>
      <c r="CB39" s="60">
        <v>0</v>
      </c>
      <c r="CC39" s="61">
        <v>0</v>
      </c>
      <c r="CD39" s="62">
        <v>0</v>
      </c>
      <c r="CE39" s="228"/>
      <c r="CF39" s="61">
        <v>0</v>
      </c>
      <c r="CG39" s="61">
        <v>0</v>
      </c>
      <c r="CH39" s="61">
        <v>0</v>
      </c>
      <c r="CI39" s="61">
        <v>0</v>
      </c>
      <c r="CJ39" s="61">
        <v>0</v>
      </c>
      <c r="CK39" s="62">
        <v>0</v>
      </c>
      <c r="CL39" s="63">
        <v>0</v>
      </c>
      <c r="CM39" s="60">
        <v>6</v>
      </c>
      <c r="CN39" s="61">
        <v>6</v>
      </c>
      <c r="CO39" s="62">
        <v>12</v>
      </c>
      <c r="CP39" s="228"/>
      <c r="CQ39" s="61">
        <v>9</v>
      </c>
      <c r="CR39" s="61">
        <v>7</v>
      </c>
      <c r="CS39" s="61">
        <v>5</v>
      </c>
      <c r="CT39" s="61">
        <v>4</v>
      </c>
      <c r="CU39" s="61">
        <v>3</v>
      </c>
      <c r="CV39" s="62">
        <v>28</v>
      </c>
      <c r="CW39" s="63">
        <v>40</v>
      </c>
      <c r="CX39" s="113">
        <v>1</v>
      </c>
      <c r="CY39" s="72">
        <v>6</v>
      </c>
      <c r="CZ39" s="73">
        <v>7</v>
      </c>
      <c r="DA39" s="228"/>
      <c r="DB39" s="72">
        <v>1</v>
      </c>
      <c r="DC39" s="72">
        <v>7</v>
      </c>
      <c r="DD39" s="72">
        <v>3</v>
      </c>
      <c r="DE39" s="72">
        <v>3</v>
      </c>
      <c r="DF39" s="72">
        <v>2</v>
      </c>
      <c r="DG39" s="74">
        <v>16</v>
      </c>
      <c r="DH39" s="75">
        <v>23</v>
      </c>
      <c r="DI39" s="60">
        <v>0</v>
      </c>
      <c r="DJ39" s="61">
        <v>0</v>
      </c>
      <c r="DK39" s="62">
        <v>0</v>
      </c>
      <c r="DL39" s="228"/>
      <c r="DM39" s="61">
        <v>0</v>
      </c>
      <c r="DN39" s="61">
        <v>0</v>
      </c>
      <c r="DO39" s="61">
        <v>0</v>
      </c>
      <c r="DP39" s="61">
        <v>0</v>
      </c>
      <c r="DQ39" s="61">
        <v>0</v>
      </c>
      <c r="DR39" s="62">
        <v>0</v>
      </c>
      <c r="DS39" s="63">
        <v>0</v>
      </c>
      <c r="DT39" s="60">
        <v>0</v>
      </c>
      <c r="DU39" s="61">
        <v>0</v>
      </c>
      <c r="DV39" s="62">
        <v>0</v>
      </c>
      <c r="DW39" s="228"/>
      <c r="DX39" s="61">
        <v>0</v>
      </c>
      <c r="DY39" s="61">
        <v>0</v>
      </c>
      <c r="DZ39" s="61">
        <v>0</v>
      </c>
      <c r="EA39" s="61">
        <v>0</v>
      </c>
      <c r="EB39" s="61">
        <v>0</v>
      </c>
      <c r="EC39" s="62">
        <v>0</v>
      </c>
      <c r="ED39" s="63">
        <v>0</v>
      </c>
      <c r="EE39" s="60">
        <v>0</v>
      </c>
      <c r="EF39" s="61">
        <v>0</v>
      </c>
      <c r="EG39" s="62">
        <v>0</v>
      </c>
      <c r="EH39" s="228"/>
      <c r="EI39" s="61">
        <v>0</v>
      </c>
      <c r="EJ39" s="61">
        <v>0</v>
      </c>
      <c r="EK39" s="61">
        <v>0</v>
      </c>
      <c r="EL39" s="61">
        <v>0</v>
      </c>
      <c r="EM39" s="61">
        <v>0</v>
      </c>
      <c r="EN39" s="62">
        <v>0</v>
      </c>
      <c r="EO39" s="63">
        <v>0</v>
      </c>
      <c r="EP39" s="60">
        <v>0</v>
      </c>
      <c r="EQ39" s="61">
        <v>0</v>
      </c>
      <c r="ER39" s="62">
        <v>0</v>
      </c>
      <c r="ES39" s="228"/>
      <c r="ET39" s="61">
        <v>0</v>
      </c>
      <c r="EU39" s="61">
        <v>0</v>
      </c>
      <c r="EV39" s="61">
        <v>0</v>
      </c>
      <c r="EW39" s="61">
        <v>1</v>
      </c>
      <c r="EX39" s="61">
        <v>0</v>
      </c>
      <c r="EY39" s="62">
        <v>1</v>
      </c>
      <c r="EZ39" s="63">
        <v>1</v>
      </c>
      <c r="FA39" s="60">
        <v>0</v>
      </c>
      <c r="FB39" s="61">
        <v>4</v>
      </c>
      <c r="FC39" s="62">
        <v>4</v>
      </c>
      <c r="FD39" s="228"/>
      <c r="FE39" s="61">
        <v>1</v>
      </c>
      <c r="FF39" s="61">
        <v>3</v>
      </c>
      <c r="FG39" s="61">
        <v>2</v>
      </c>
      <c r="FH39" s="61">
        <v>2</v>
      </c>
      <c r="FI39" s="61">
        <v>0</v>
      </c>
      <c r="FJ39" s="62">
        <v>8</v>
      </c>
      <c r="FK39" s="63">
        <v>12</v>
      </c>
      <c r="FL39" s="60">
        <v>1</v>
      </c>
      <c r="FM39" s="61">
        <v>2</v>
      </c>
      <c r="FN39" s="62">
        <v>3</v>
      </c>
      <c r="FO39" s="228"/>
      <c r="FP39" s="61">
        <v>0</v>
      </c>
      <c r="FQ39" s="61">
        <v>4</v>
      </c>
      <c r="FR39" s="61">
        <v>1</v>
      </c>
      <c r="FS39" s="61">
        <v>0</v>
      </c>
      <c r="FT39" s="61">
        <v>2</v>
      </c>
      <c r="FU39" s="62">
        <v>7</v>
      </c>
      <c r="FV39" s="63">
        <v>10</v>
      </c>
      <c r="FW39" s="60">
        <v>0</v>
      </c>
      <c r="FX39" s="61">
        <v>0</v>
      </c>
      <c r="FY39" s="62">
        <v>0</v>
      </c>
      <c r="FZ39" s="228"/>
      <c r="GA39" s="61">
        <v>0</v>
      </c>
      <c r="GB39" s="61">
        <v>0</v>
      </c>
      <c r="GC39" s="61">
        <v>0</v>
      </c>
      <c r="GD39" s="61">
        <v>0</v>
      </c>
      <c r="GE39" s="61">
        <v>0</v>
      </c>
      <c r="GF39" s="62">
        <v>0</v>
      </c>
      <c r="GG39" s="63">
        <v>0</v>
      </c>
      <c r="GH39" s="60">
        <v>1</v>
      </c>
      <c r="GI39" s="61">
        <v>6</v>
      </c>
      <c r="GJ39" s="62">
        <v>7</v>
      </c>
      <c r="GK39" s="228"/>
      <c r="GL39" s="61">
        <v>1</v>
      </c>
      <c r="GM39" s="61">
        <v>7</v>
      </c>
      <c r="GN39" s="61">
        <v>3</v>
      </c>
      <c r="GO39" s="61">
        <v>3</v>
      </c>
      <c r="GP39" s="61">
        <v>2</v>
      </c>
      <c r="GQ39" s="62">
        <v>16</v>
      </c>
      <c r="GR39" s="63">
        <v>23</v>
      </c>
      <c r="GS39" s="113">
        <v>7</v>
      </c>
      <c r="GT39" s="72">
        <v>12</v>
      </c>
      <c r="GU39" s="73">
        <v>19</v>
      </c>
      <c r="GV39" s="228"/>
      <c r="GW39" s="72">
        <v>10</v>
      </c>
      <c r="GX39" s="72">
        <v>14</v>
      </c>
      <c r="GY39" s="72">
        <v>8</v>
      </c>
      <c r="GZ39" s="72">
        <v>7</v>
      </c>
      <c r="HA39" s="72">
        <v>5</v>
      </c>
      <c r="HB39" s="74">
        <v>44</v>
      </c>
      <c r="HC39" s="75">
        <v>63</v>
      </c>
      <c r="HD39" s="60">
        <v>0</v>
      </c>
      <c r="HE39" s="61">
        <v>0</v>
      </c>
      <c r="HF39" s="62">
        <v>0</v>
      </c>
      <c r="HG39" s="228"/>
      <c r="HH39" s="61">
        <v>0</v>
      </c>
      <c r="HI39" s="61">
        <v>1</v>
      </c>
      <c r="HJ39" s="61">
        <v>0</v>
      </c>
      <c r="HK39" s="61">
        <v>0</v>
      </c>
      <c r="HL39" s="61">
        <v>0</v>
      </c>
      <c r="HM39" s="62">
        <v>1</v>
      </c>
      <c r="HN39" s="63">
        <v>1</v>
      </c>
      <c r="HO39" s="60">
        <v>0</v>
      </c>
      <c r="HP39" s="61">
        <v>1</v>
      </c>
      <c r="HQ39" s="62">
        <v>1</v>
      </c>
      <c r="HR39" s="228"/>
      <c r="HS39" s="61">
        <v>0</v>
      </c>
      <c r="HT39" s="61">
        <v>2</v>
      </c>
      <c r="HU39" s="61">
        <v>0</v>
      </c>
      <c r="HV39" s="61">
        <v>0</v>
      </c>
      <c r="HW39" s="61">
        <v>0</v>
      </c>
      <c r="HX39" s="62">
        <v>2</v>
      </c>
      <c r="HY39" s="63">
        <v>3</v>
      </c>
      <c r="HZ39" s="60">
        <v>2</v>
      </c>
      <c r="IA39" s="61">
        <v>0</v>
      </c>
      <c r="IB39" s="62">
        <v>2</v>
      </c>
      <c r="IC39" s="228"/>
      <c r="ID39" s="61">
        <v>1</v>
      </c>
      <c r="IE39" s="61">
        <v>1</v>
      </c>
      <c r="IF39" s="61">
        <v>1</v>
      </c>
      <c r="IG39" s="61">
        <v>0</v>
      </c>
      <c r="IH39" s="61">
        <v>0</v>
      </c>
      <c r="II39" s="62">
        <v>3</v>
      </c>
      <c r="IJ39" s="63">
        <v>5</v>
      </c>
      <c r="IK39" s="60">
        <v>1</v>
      </c>
      <c r="IL39" s="61">
        <v>1</v>
      </c>
      <c r="IM39" s="62">
        <v>2</v>
      </c>
      <c r="IN39" s="228"/>
      <c r="IO39" s="61">
        <v>5</v>
      </c>
      <c r="IP39" s="61">
        <v>1</v>
      </c>
      <c r="IQ39" s="61">
        <v>2</v>
      </c>
      <c r="IR39" s="61">
        <v>1</v>
      </c>
      <c r="IS39" s="61">
        <v>2</v>
      </c>
      <c r="IT39" s="62">
        <v>11</v>
      </c>
      <c r="IU39" s="63">
        <v>13</v>
      </c>
      <c r="IV39" s="60">
        <v>3</v>
      </c>
      <c r="IW39" s="61">
        <v>6</v>
      </c>
      <c r="IX39" s="62">
        <v>9</v>
      </c>
      <c r="IY39" s="228"/>
      <c r="IZ39" s="61">
        <v>4</v>
      </c>
      <c r="JA39" s="61">
        <v>4</v>
      </c>
      <c r="JB39" s="61">
        <v>3</v>
      </c>
      <c r="JC39" s="61">
        <v>3</v>
      </c>
      <c r="JD39" s="61">
        <v>0</v>
      </c>
      <c r="JE39" s="62">
        <v>14</v>
      </c>
      <c r="JF39" s="63">
        <v>23</v>
      </c>
      <c r="JG39" s="60">
        <v>1</v>
      </c>
      <c r="JH39" s="61">
        <v>4</v>
      </c>
      <c r="JI39" s="62">
        <v>5</v>
      </c>
      <c r="JJ39" s="228"/>
      <c r="JK39" s="61">
        <v>0</v>
      </c>
      <c r="JL39" s="61">
        <v>5</v>
      </c>
      <c r="JM39" s="61">
        <v>2</v>
      </c>
      <c r="JN39" s="61">
        <v>3</v>
      </c>
      <c r="JO39" s="61">
        <v>3</v>
      </c>
      <c r="JP39" s="62">
        <v>13</v>
      </c>
      <c r="JQ39" s="63">
        <v>18</v>
      </c>
      <c r="JR39" s="60">
        <v>0</v>
      </c>
      <c r="JS39" s="61">
        <v>0</v>
      </c>
      <c r="JT39" s="62">
        <v>0</v>
      </c>
      <c r="JU39" s="228"/>
      <c r="JV39" s="61">
        <v>0</v>
      </c>
      <c r="JW39" s="61">
        <v>0</v>
      </c>
      <c r="JX39" s="61">
        <v>0</v>
      </c>
      <c r="JY39" s="61">
        <v>0</v>
      </c>
      <c r="JZ39" s="61">
        <v>0</v>
      </c>
      <c r="KA39" s="62">
        <v>0</v>
      </c>
      <c r="KB39" s="63">
        <v>0</v>
      </c>
      <c r="KC39" s="60">
        <v>7</v>
      </c>
      <c r="KD39" s="61">
        <v>12</v>
      </c>
      <c r="KE39" s="62">
        <v>19</v>
      </c>
      <c r="KF39" s="228"/>
      <c r="KG39" s="61">
        <v>10</v>
      </c>
      <c r="KH39" s="61">
        <v>14</v>
      </c>
      <c r="KI39" s="61">
        <v>8</v>
      </c>
      <c r="KJ39" s="61">
        <v>7</v>
      </c>
      <c r="KK39" s="61">
        <v>5</v>
      </c>
      <c r="KL39" s="62">
        <v>44</v>
      </c>
      <c r="KM39" s="63">
        <v>63</v>
      </c>
    </row>
    <row r="40" spans="2:299" ht="21" customHeight="1" thickBot="1" x14ac:dyDescent="0.25">
      <c r="B40" s="473" t="s">
        <v>37</v>
      </c>
      <c r="C40" s="294">
        <v>1</v>
      </c>
      <c r="D40" s="77">
        <v>0</v>
      </c>
      <c r="E40" s="78">
        <v>1</v>
      </c>
      <c r="F40" s="229"/>
      <c r="G40" s="77">
        <v>0</v>
      </c>
      <c r="H40" s="77">
        <v>0</v>
      </c>
      <c r="I40" s="77">
        <v>0</v>
      </c>
      <c r="J40" s="77">
        <v>2</v>
      </c>
      <c r="K40" s="77">
        <v>0</v>
      </c>
      <c r="L40" s="79">
        <v>2</v>
      </c>
      <c r="M40" s="80">
        <v>3</v>
      </c>
      <c r="N40" s="64">
        <v>0</v>
      </c>
      <c r="O40" s="65">
        <v>0</v>
      </c>
      <c r="P40" s="66">
        <v>0</v>
      </c>
      <c r="Q40" s="229"/>
      <c r="R40" s="65">
        <v>0</v>
      </c>
      <c r="S40" s="65">
        <v>0</v>
      </c>
      <c r="T40" s="65">
        <v>0</v>
      </c>
      <c r="U40" s="65">
        <v>0</v>
      </c>
      <c r="V40" s="65">
        <v>0</v>
      </c>
      <c r="W40" s="66">
        <v>0</v>
      </c>
      <c r="X40" s="67">
        <v>0</v>
      </c>
      <c r="Y40" s="64">
        <v>1</v>
      </c>
      <c r="Z40" s="65">
        <v>0</v>
      </c>
      <c r="AA40" s="66">
        <v>1</v>
      </c>
      <c r="AB40" s="229"/>
      <c r="AC40" s="65">
        <v>0</v>
      </c>
      <c r="AD40" s="65">
        <v>0</v>
      </c>
      <c r="AE40" s="65">
        <v>0</v>
      </c>
      <c r="AF40" s="65">
        <v>1</v>
      </c>
      <c r="AG40" s="65">
        <v>0</v>
      </c>
      <c r="AH40" s="66">
        <v>1</v>
      </c>
      <c r="AI40" s="67">
        <v>2</v>
      </c>
      <c r="AJ40" s="64">
        <v>0</v>
      </c>
      <c r="AK40" s="65">
        <v>0</v>
      </c>
      <c r="AL40" s="66">
        <v>0</v>
      </c>
      <c r="AM40" s="229"/>
      <c r="AN40" s="65">
        <v>0</v>
      </c>
      <c r="AO40" s="65">
        <v>0</v>
      </c>
      <c r="AP40" s="65">
        <v>0</v>
      </c>
      <c r="AQ40" s="65">
        <v>0</v>
      </c>
      <c r="AR40" s="65">
        <v>0</v>
      </c>
      <c r="AS40" s="66">
        <v>0</v>
      </c>
      <c r="AT40" s="67">
        <v>0</v>
      </c>
      <c r="AU40" s="64">
        <v>0</v>
      </c>
      <c r="AV40" s="65">
        <v>0</v>
      </c>
      <c r="AW40" s="66">
        <v>0</v>
      </c>
      <c r="AX40" s="229"/>
      <c r="AY40" s="65">
        <v>0</v>
      </c>
      <c r="AZ40" s="65">
        <v>0</v>
      </c>
      <c r="BA40" s="65">
        <v>0</v>
      </c>
      <c r="BB40" s="65">
        <v>1</v>
      </c>
      <c r="BC40" s="65">
        <v>0</v>
      </c>
      <c r="BD40" s="66">
        <v>1</v>
      </c>
      <c r="BE40" s="67">
        <v>1</v>
      </c>
      <c r="BF40" s="64">
        <v>0</v>
      </c>
      <c r="BG40" s="65">
        <v>0</v>
      </c>
      <c r="BH40" s="66">
        <v>0</v>
      </c>
      <c r="BI40" s="229"/>
      <c r="BJ40" s="65">
        <v>0</v>
      </c>
      <c r="BK40" s="65">
        <v>0</v>
      </c>
      <c r="BL40" s="65">
        <v>0</v>
      </c>
      <c r="BM40" s="65">
        <v>0</v>
      </c>
      <c r="BN40" s="65">
        <v>0</v>
      </c>
      <c r="BO40" s="66">
        <v>0</v>
      </c>
      <c r="BP40" s="67">
        <v>0</v>
      </c>
      <c r="BQ40" s="64">
        <v>0</v>
      </c>
      <c r="BR40" s="65">
        <v>0</v>
      </c>
      <c r="BS40" s="66">
        <v>0</v>
      </c>
      <c r="BT40" s="229"/>
      <c r="BU40" s="65">
        <v>0</v>
      </c>
      <c r="BV40" s="65">
        <v>0</v>
      </c>
      <c r="BW40" s="65">
        <v>0</v>
      </c>
      <c r="BX40" s="65">
        <v>0</v>
      </c>
      <c r="BY40" s="65">
        <v>0</v>
      </c>
      <c r="BZ40" s="66">
        <v>0</v>
      </c>
      <c r="CA40" s="67">
        <v>0</v>
      </c>
      <c r="CB40" s="64">
        <v>0</v>
      </c>
      <c r="CC40" s="65">
        <v>0</v>
      </c>
      <c r="CD40" s="66">
        <v>0</v>
      </c>
      <c r="CE40" s="229"/>
      <c r="CF40" s="65">
        <v>0</v>
      </c>
      <c r="CG40" s="65">
        <v>0</v>
      </c>
      <c r="CH40" s="65">
        <v>0</v>
      </c>
      <c r="CI40" s="65">
        <v>0</v>
      </c>
      <c r="CJ40" s="65">
        <v>0</v>
      </c>
      <c r="CK40" s="66">
        <v>0</v>
      </c>
      <c r="CL40" s="67">
        <v>0</v>
      </c>
      <c r="CM40" s="64">
        <v>1</v>
      </c>
      <c r="CN40" s="65">
        <v>0</v>
      </c>
      <c r="CO40" s="66">
        <v>1</v>
      </c>
      <c r="CP40" s="229"/>
      <c r="CQ40" s="65">
        <v>0</v>
      </c>
      <c r="CR40" s="65">
        <v>0</v>
      </c>
      <c r="CS40" s="65">
        <v>0</v>
      </c>
      <c r="CT40" s="65">
        <v>2</v>
      </c>
      <c r="CU40" s="65">
        <v>0</v>
      </c>
      <c r="CV40" s="66">
        <v>2</v>
      </c>
      <c r="CW40" s="67">
        <v>3</v>
      </c>
      <c r="CX40" s="114">
        <v>0</v>
      </c>
      <c r="CY40" s="77">
        <v>0</v>
      </c>
      <c r="CZ40" s="78">
        <v>0</v>
      </c>
      <c r="DA40" s="229"/>
      <c r="DB40" s="77">
        <v>0</v>
      </c>
      <c r="DC40" s="77">
        <v>0</v>
      </c>
      <c r="DD40" s="77">
        <v>0</v>
      </c>
      <c r="DE40" s="77">
        <v>0</v>
      </c>
      <c r="DF40" s="77">
        <v>1</v>
      </c>
      <c r="DG40" s="79">
        <v>1</v>
      </c>
      <c r="DH40" s="80">
        <v>1</v>
      </c>
      <c r="DI40" s="64">
        <v>0</v>
      </c>
      <c r="DJ40" s="65">
        <v>0</v>
      </c>
      <c r="DK40" s="66">
        <v>0</v>
      </c>
      <c r="DL40" s="229"/>
      <c r="DM40" s="65">
        <v>0</v>
      </c>
      <c r="DN40" s="65">
        <v>0</v>
      </c>
      <c r="DO40" s="65">
        <v>0</v>
      </c>
      <c r="DP40" s="65">
        <v>0</v>
      </c>
      <c r="DQ40" s="65">
        <v>0</v>
      </c>
      <c r="DR40" s="66">
        <v>0</v>
      </c>
      <c r="DS40" s="67">
        <v>0</v>
      </c>
      <c r="DT40" s="64">
        <v>0</v>
      </c>
      <c r="DU40" s="65">
        <v>0</v>
      </c>
      <c r="DV40" s="66">
        <v>0</v>
      </c>
      <c r="DW40" s="229"/>
      <c r="DX40" s="65">
        <v>0</v>
      </c>
      <c r="DY40" s="65">
        <v>0</v>
      </c>
      <c r="DZ40" s="65">
        <v>0</v>
      </c>
      <c r="EA40" s="65">
        <v>0</v>
      </c>
      <c r="EB40" s="65">
        <v>0</v>
      </c>
      <c r="EC40" s="66">
        <v>0</v>
      </c>
      <c r="ED40" s="67">
        <v>0</v>
      </c>
      <c r="EE40" s="64">
        <v>0</v>
      </c>
      <c r="EF40" s="65">
        <v>0</v>
      </c>
      <c r="EG40" s="66">
        <v>0</v>
      </c>
      <c r="EH40" s="229"/>
      <c r="EI40" s="65">
        <v>0</v>
      </c>
      <c r="EJ40" s="65">
        <v>0</v>
      </c>
      <c r="EK40" s="65">
        <v>0</v>
      </c>
      <c r="EL40" s="65">
        <v>0</v>
      </c>
      <c r="EM40" s="65">
        <v>0</v>
      </c>
      <c r="EN40" s="66">
        <v>0</v>
      </c>
      <c r="EO40" s="67">
        <v>0</v>
      </c>
      <c r="EP40" s="64">
        <v>0</v>
      </c>
      <c r="EQ40" s="65">
        <v>0</v>
      </c>
      <c r="ER40" s="66">
        <v>0</v>
      </c>
      <c r="ES40" s="229"/>
      <c r="ET40" s="65">
        <v>0</v>
      </c>
      <c r="EU40" s="65">
        <v>0</v>
      </c>
      <c r="EV40" s="65">
        <v>0</v>
      </c>
      <c r="EW40" s="65">
        <v>0</v>
      </c>
      <c r="EX40" s="65">
        <v>0</v>
      </c>
      <c r="EY40" s="66">
        <v>0</v>
      </c>
      <c r="EZ40" s="67">
        <v>0</v>
      </c>
      <c r="FA40" s="64">
        <v>0</v>
      </c>
      <c r="FB40" s="65">
        <v>0</v>
      </c>
      <c r="FC40" s="66">
        <v>0</v>
      </c>
      <c r="FD40" s="229"/>
      <c r="FE40" s="65">
        <v>0</v>
      </c>
      <c r="FF40" s="65">
        <v>0</v>
      </c>
      <c r="FG40" s="65">
        <v>0</v>
      </c>
      <c r="FH40" s="65">
        <v>0</v>
      </c>
      <c r="FI40" s="65">
        <v>0</v>
      </c>
      <c r="FJ40" s="66">
        <v>0</v>
      </c>
      <c r="FK40" s="67">
        <v>0</v>
      </c>
      <c r="FL40" s="64">
        <v>0</v>
      </c>
      <c r="FM40" s="65">
        <v>0</v>
      </c>
      <c r="FN40" s="66">
        <v>0</v>
      </c>
      <c r="FO40" s="229"/>
      <c r="FP40" s="65">
        <v>0</v>
      </c>
      <c r="FQ40" s="65">
        <v>0</v>
      </c>
      <c r="FR40" s="65">
        <v>0</v>
      </c>
      <c r="FS40" s="65">
        <v>0</v>
      </c>
      <c r="FT40" s="65">
        <v>1</v>
      </c>
      <c r="FU40" s="66">
        <v>1</v>
      </c>
      <c r="FV40" s="67">
        <v>1</v>
      </c>
      <c r="FW40" s="64">
        <v>0</v>
      </c>
      <c r="FX40" s="65">
        <v>0</v>
      </c>
      <c r="FY40" s="66">
        <v>0</v>
      </c>
      <c r="FZ40" s="229"/>
      <c r="GA40" s="65">
        <v>0</v>
      </c>
      <c r="GB40" s="65">
        <v>0</v>
      </c>
      <c r="GC40" s="65">
        <v>0</v>
      </c>
      <c r="GD40" s="65">
        <v>0</v>
      </c>
      <c r="GE40" s="65">
        <v>0</v>
      </c>
      <c r="GF40" s="66">
        <v>0</v>
      </c>
      <c r="GG40" s="67">
        <v>0</v>
      </c>
      <c r="GH40" s="64">
        <v>0</v>
      </c>
      <c r="GI40" s="65">
        <v>0</v>
      </c>
      <c r="GJ40" s="66">
        <v>0</v>
      </c>
      <c r="GK40" s="229"/>
      <c r="GL40" s="65">
        <v>0</v>
      </c>
      <c r="GM40" s="65">
        <v>0</v>
      </c>
      <c r="GN40" s="65">
        <v>0</v>
      </c>
      <c r="GO40" s="65">
        <v>0</v>
      </c>
      <c r="GP40" s="65">
        <v>1</v>
      </c>
      <c r="GQ40" s="66">
        <v>1</v>
      </c>
      <c r="GR40" s="67">
        <v>1</v>
      </c>
      <c r="GS40" s="114">
        <v>1</v>
      </c>
      <c r="GT40" s="77">
        <v>0</v>
      </c>
      <c r="GU40" s="78">
        <v>1</v>
      </c>
      <c r="GV40" s="229"/>
      <c r="GW40" s="77">
        <v>0</v>
      </c>
      <c r="GX40" s="77">
        <v>0</v>
      </c>
      <c r="GY40" s="77">
        <v>0</v>
      </c>
      <c r="GZ40" s="77">
        <v>2</v>
      </c>
      <c r="HA40" s="77">
        <v>1</v>
      </c>
      <c r="HB40" s="79">
        <v>3</v>
      </c>
      <c r="HC40" s="80">
        <v>4</v>
      </c>
      <c r="HD40" s="64">
        <v>0</v>
      </c>
      <c r="HE40" s="65">
        <v>0</v>
      </c>
      <c r="HF40" s="66">
        <v>0</v>
      </c>
      <c r="HG40" s="229"/>
      <c r="HH40" s="65">
        <v>0</v>
      </c>
      <c r="HI40" s="65">
        <v>0</v>
      </c>
      <c r="HJ40" s="65">
        <v>0</v>
      </c>
      <c r="HK40" s="65">
        <v>0</v>
      </c>
      <c r="HL40" s="65">
        <v>0</v>
      </c>
      <c r="HM40" s="66">
        <v>0</v>
      </c>
      <c r="HN40" s="67">
        <v>0</v>
      </c>
      <c r="HO40" s="64">
        <v>1</v>
      </c>
      <c r="HP40" s="65">
        <v>0</v>
      </c>
      <c r="HQ40" s="66">
        <v>1</v>
      </c>
      <c r="HR40" s="229"/>
      <c r="HS40" s="65">
        <v>0</v>
      </c>
      <c r="HT40" s="65">
        <v>0</v>
      </c>
      <c r="HU40" s="65">
        <v>0</v>
      </c>
      <c r="HV40" s="65">
        <v>1</v>
      </c>
      <c r="HW40" s="65">
        <v>0</v>
      </c>
      <c r="HX40" s="66">
        <v>1</v>
      </c>
      <c r="HY40" s="67">
        <v>2</v>
      </c>
      <c r="HZ40" s="64">
        <v>0</v>
      </c>
      <c r="IA40" s="65">
        <v>0</v>
      </c>
      <c r="IB40" s="66">
        <v>0</v>
      </c>
      <c r="IC40" s="229"/>
      <c r="ID40" s="65">
        <v>0</v>
      </c>
      <c r="IE40" s="65">
        <v>0</v>
      </c>
      <c r="IF40" s="65">
        <v>0</v>
      </c>
      <c r="IG40" s="65">
        <v>0</v>
      </c>
      <c r="IH40" s="65">
        <v>0</v>
      </c>
      <c r="II40" s="66">
        <v>0</v>
      </c>
      <c r="IJ40" s="67">
        <v>0</v>
      </c>
      <c r="IK40" s="64">
        <v>0</v>
      </c>
      <c r="IL40" s="65">
        <v>0</v>
      </c>
      <c r="IM40" s="66">
        <v>0</v>
      </c>
      <c r="IN40" s="229"/>
      <c r="IO40" s="65">
        <v>0</v>
      </c>
      <c r="IP40" s="65">
        <v>0</v>
      </c>
      <c r="IQ40" s="65">
        <v>0</v>
      </c>
      <c r="IR40" s="65">
        <v>1</v>
      </c>
      <c r="IS40" s="65">
        <v>0</v>
      </c>
      <c r="IT40" s="66">
        <v>1</v>
      </c>
      <c r="IU40" s="67">
        <v>1</v>
      </c>
      <c r="IV40" s="64">
        <v>0</v>
      </c>
      <c r="IW40" s="65">
        <v>0</v>
      </c>
      <c r="IX40" s="66">
        <v>0</v>
      </c>
      <c r="IY40" s="229"/>
      <c r="IZ40" s="65">
        <v>0</v>
      </c>
      <c r="JA40" s="65">
        <v>0</v>
      </c>
      <c r="JB40" s="65">
        <v>0</v>
      </c>
      <c r="JC40" s="65">
        <v>0</v>
      </c>
      <c r="JD40" s="65">
        <v>0</v>
      </c>
      <c r="JE40" s="66">
        <v>0</v>
      </c>
      <c r="JF40" s="67">
        <v>0</v>
      </c>
      <c r="JG40" s="64">
        <v>0</v>
      </c>
      <c r="JH40" s="65">
        <v>0</v>
      </c>
      <c r="JI40" s="66">
        <v>0</v>
      </c>
      <c r="JJ40" s="229"/>
      <c r="JK40" s="65">
        <v>0</v>
      </c>
      <c r="JL40" s="65">
        <v>0</v>
      </c>
      <c r="JM40" s="65">
        <v>0</v>
      </c>
      <c r="JN40" s="65">
        <v>0</v>
      </c>
      <c r="JO40" s="65">
        <v>1</v>
      </c>
      <c r="JP40" s="66">
        <v>1</v>
      </c>
      <c r="JQ40" s="67">
        <v>1</v>
      </c>
      <c r="JR40" s="64">
        <v>0</v>
      </c>
      <c r="JS40" s="65">
        <v>0</v>
      </c>
      <c r="JT40" s="66">
        <v>0</v>
      </c>
      <c r="JU40" s="229"/>
      <c r="JV40" s="65">
        <v>0</v>
      </c>
      <c r="JW40" s="65">
        <v>0</v>
      </c>
      <c r="JX40" s="65">
        <v>0</v>
      </c>
      <c r="JY40" s="65">
        <v>0</v>
      </c>
      <c r="JZ40" s="65">
        <v>0</v>
      </c>
      <c r="KA40" s="66">
        <v>0</v>
      </c>
      <c r="KB40" s="67">
        <v>0</v>
      </c>
      <c r="KC40" s="64">
        <v>1</v>
      </c>
      <c r="KD40" s="65">
        <v>0</v>
      </c>
      <c r="KE40" s="66">
        <v>1</v>
      </c>
      <c r="KF40" s="229"/>
      <c r="KG40" s="65">
        <v>0</v>
      </c>
      <c r="KH40" s="65">
        <v>0</v>
      </c>
      <c r="KI40" s="65">
        <v>0</v>
      </c>
      <c r="KJ40" s="65">
        <v>2</v>
      </c>
      <c r="KK40" s="65">
        <v>1</v>
      </c>
      <c r="KL40" s="66">
        <v>3</v>
      </c>
      <c r="KM40" s="67">
        <v>4</v>
      </c>
    </row>
    <row r="41" spans="2:299" ht="32.25" customHeight="1" x14ac:dyDescent="0.2">
      <c r="C41" s="289"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B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9.6" x14ac:dyDescent="0.2"/>
  <cols>
    <col min="1" max="1" width="3.77734375" style="18" customWidth="1"/>
    <col min="2" max="2" width="9.77734375" style="18" customWidth="1"/>
    <col min="3" max="6" width="7.77734375" style="16" customWidth="1"/>
    <col min="7" max="7" width="8.109375" style="16" customWidth="1"/>
    <col min="8" max="8" width="7.44140625" style="16" customWidth="1"/>
    <col min="9" max="9" width="9.109375" style="16" customWidth="1"/>
    <col min="10" max="10" width="7.77734375" style="16" customWidth="1"/>
    <col min="11" max="11" width="8.6640625" style="16" customWidth="1"/>
    <col min="12" max="12" width="9.33203125" style="16" customWidth="1"/>
    <col min="13" max="13" width="8.33203125" style="16" customWidth="1"/>
    <col min="14" max="26" width="7.77734375" style="16" customWidth="1"/>
    <col min="27" max="33" width="7.77734375" style="18" customWidth="1"/>
    <col min="34" max="34" width="9" style="18"/>
    <col min="35" max="35" width="8.6640625" style="18" customWidth="1"/>
    <col min="36" max="16384" width="9" style="18"/>
  </cols>
  <sheetData>
    <row r="1" spans="2:35" ht="24" customHeight="1" x14ac:dyDescent="0.2">
      <c r="B1" s="15" t="s">
        <v>133</v>
      </c>
      <c r="F1" s="17"/>
      <c r="G1" s="499">
        <f>第１表!F2</f>
        <v>5</v>
      </c>
      <c r="H1" s="499"/>
      <c r="I1" s="235">
        <f>第１表!G2</f>
        <v>9</v>
      </c>
      <c r="J1" s="504">
        <f>IF(I1&lt;3,I1+12-2,I1-2)</f>
        <v>7</v>
      </c>
      <c r="K1" s="504"/>
    </row>
    <row r="2" spans="2:35" ht="24" customHeight="1" thickBot="1" x14ac:dyDescent="0.25">
      <c r="B2" s="272"/>
      <c r="J2" s="19"/>
      <c r="K2" s="19"/>
      <c r="L2" s="19"/>
      <c r="M2" s="19"/>
      <c r="N2" s="19"/>
      <c r="O2" s="19"/>
      <c r="P2" s="20"/>
      <c r="Q2" s="20"/>
      <c r="R2" s="20"/>
    </row>
    <row r="3" spans="2:35" s="39" customFormat="1" ht="21" customHeight="1" thickBot="1" x14ac:dyDescent="0.25">
      <c r="B3" s="46"/>
      <c r="C3" s="501" t="s">
        <v>53</v>
      </c>
      <c r="D3" s="502"/>
      <c r="E3" s="502"/>
      <c r="F3" s="502"/>
      <c r="G3" s="502"/>
      <c r="H3" s="502"/>
      <c r="I3" s="502"/>
      <c r="J3" s="502"/>
      <c r="K3" s="502"/>
      <c r="L3" s="502"/>
      <c r="M3" s="503"/>
      <c r="N3" s="501" t="s">
        <v>54</v>
      </c>
      <c r="O3" s="502"/>
      <c r="P3" s="502"/>
      <c r="Q3" s="502"/>
      <c r="R3" s="502"/>
      <c r="S3" s="502"/>
      <c r="T3" s="502"/>
      <c r="U3" s="502"/>
      <c r="V3" s="502"/>
      <c r="W3" s="502"/>
      <c r="X3" s="503"/>
      <c r="Y3" s="501" t="s">
        <v>55</v>
      </c>
      <c r="Z3" s="502"/>
      <c r="AA3" s="502"/>
      <c r="AB3" s="502"/>
      <c r="AC3" s="502"/>
      <c r="AD3" s="502"/>
      <c r="AE3" s="502"/>
      <c r="AF3" s="502"/>
      <c r="AG3" s="502"/>
      <c r="AH3" s="502"/>
      <c r="AI3" s="503"/>
    </row>
    <row r="4" spans="2:35" s="39" customFormat="1" ht="30" customHeight="1" thickBot="1" x14ac:dyDescent="0.25">
      <c r="B4" s="46" t="s">
        <v>42</v>
      </c>
      <c r="C4" s="47" t="s">
        <v>43</v>
      </c>
      <c r="D4" s="48" t="s">
        <v>44</v>
      </c>
      <c r="E4" s="49" t="s">
        <v>45</v>
      </c>
      <c r="F4" s="50" t="s">
        <v>46</v>
      </c>
      <c r="G4" s="48" t="s">
        <v>47</v>
      </c>
      <c r="H4" s="48" t="s">
        <v>48</v>
      </c>
      <c r="I4" s="48" t="s">
        <v>49</v>
      </c>
      <c r="J4" s="48" t="s">
        <v>50</v>
      </c>
      <c r="K4" s="48" t="s">
        <v>51</v>
      </c>
      <c r="L4" s="49" t="s">
        <v>45</v>
      </c>
      <c r="M4" s="40" t="s">
        <v>52</v>
      </c>
      <c r="N4" s="47" t="s">
        <v>43</v>
      </c>
      <c r="O4" s="48" t="s">
        <v>44</v>
      </c>
      <c r="P4" s="49" t="s">
        <v>45</v>
      </c>
      <c r="Q4" s="50" t="s">
        <v>46</v>
      </c>
      <c r="R4" s="48" t="s">
        <v>47</v>
      </c>
      <c r="S4" s="48" t="s">
        <v>48</v>
      </c>
      <c r="T4" s="48" t="s">
        <v>49</v>
      </c>
      <c r="U4" s="48" t="s">
        <v>50</v>
      </c>
      <c r="V4" s="48" t="s">
        <v>51</v>
      </c>
      <c r="W4" s="49" t="s">
        <v>45</v>
      </c>
      <c r="X4" s="40" t="s">
        <v>52</v>
      </c>
      <c r="Y4" s="47" t="s">
        <v>43</v>
      </c>
      <c r="Z4" s="48" t="s">
        <v>44</v>
      </c>
      <c r="AA4" s="49" t="s">
        <v>45</v>
      </c>
      <c r="AB4" s="50" t="s">
        <v>46</v>
      </c>
      <c r="AC4" s="48" t="s">
        <v>47</v>
      </c>
      <c r="AD4" s="48" t="s">
        <v>48</v>
      </c>
      <c r="AE4" s="48" t="s">
        <v>49</v>
      </c>
      <c r="AF4" s="48" t="s">
        <v>50</v>
      </c>
      <c r="AG4" s="48" t="s">
        <v>51</v>
      </c>
      <c r="AH4" s="49" t="s">
        <v>45</v>
      </c>
      <c r="AI4" s="40" t="s">
        <v>52</v>
      </c>
    </row>
    <row r="5" spans="2:35" ht="21" customHeight="1" x14ac:dyDescent="0.2">
      <c r="B5" s="470" t="s">
        <v>4</v>
      </c>
      <c r="C5" s="202">
        <v>16894</v>
      </c>
      <c r="D5" s="203">
        <v>30183</v>
      </c>
      <c r="E5" s="204">
        <v>47077</v>
      </c>
      <c r="F5" s="199">
        <v>0</v>
      </c>
      <c r="G5" s="203">
        <v>60242</v>
      </c>
      <c r="H5" s="203">
        <v>61818</v>
      </c>
      <c r="I5" s="203">
        <v>36083</v>
      </c>
      <c r="J5" s="203">
        <v>27824</v>
      </c>
      <c r="K5" s="203">
        <v>16630</v>
      </c>
      <c r="L5" s="204">
        <v>202597</v>
      </c>
      <c r="M5" s="205">
        <v>249674</v>
      </c>
      <c r="N5" s="206">
        <v>320</v>
      </c>
      <c r="O5" s="203">
        <v>861</v>
      </c>
      <c r="P5" s="204">
        <v>1181</v>
      </c>
      <c r="Q5" s="199">
        <v>0</v>
      </c>
      <c r="R5" s="203">
        <v>1058</v>
      </c>
      <c r="S5" s="203">
        <v>1917</v>
      </c>
      <c r="T5" s="203">
        <v>1016</v>
      </c>
      <c r="U5" s="203">
        <v>831</v>
      </c>
      <c r="V5" s="203">
        <v>810</v>
      </c>
      <c r="W5" s="204">
        <v>5632</v>
      </c>
      <c r="X5" s="205">
        <v>6813</v>
      </c>
      <c r="Y5" s="202">
        <v>17214</v>
      </c>
      <c r="Z5" s="203">
        <v>31044</v>
      </c>
      <c r="AA5" s="204">
        <v>48258</v>
      </c>
      <c r="AB5" s="199">
        <v>0</v>
      </c>
      <c r="AC5" s="203">
        <v>61300</v>
      </c>
      <c r="AD5" s="203">
        <v>63735</v>
      </c>
      <c r="AE5" s="203">
        <v>37099</v>
      </c>
      <c r="AF5" s="203">
        <v>28655</v>
      </c>
      <c r="AG5" s="203">
        <v>17440</v>
      </c>
      <c r="AH5" s="204">
        <v>208229</v>
      </c>
      <c r="AI5" s="205">
        <v>256487</v>
      </c>
    </row>
    <row r="6" spans="2:35" ht="21" customHeight="1" x14ac:dyDescent="0.2">
      <c r="B6" s="471" t="s">
        <v>5</v>
      </c>
      <c r="C6" s="207">
        <v>6334</v>
      </c>
      <c r="D6" s="208">
        <v>13489</v>
      </c>
      <c r="E6" s="209">
        <v>19823</v>
      </c>
      <c r="F6" s="200">
        <v>0</v>
      </c>
      <c r="G6" s="208">
        <v>16010</v>
      </c>
      <c r="H6" s="208">
        <v>23026</v>
      </c>
      <c r="I6" s="208">
        <v>11860</v>
      </c>
      <c r="J6" s="208">
        <v>9450</v>
      </c>
      <c r="K6" s="208">
        <v>5591</v>
      </c>
      <c r="L6" s="209">
        <v>65937</v>
      </c>
      <c r="M6" s="210">
        <v>85760</v>
      </c>
      <c r="N6" s="211">
        <v>113</v>
      </c>
      <c r="O6" s="208">
        <v>369</v>
      </c>
      <c r="P6" s="209">
        <v>482</v>
      </c>
      <c r="Q6" s="200">
        <v>0</v>
      </c>
      <c r="R6" s="208">
        <v>214</v>
      </c>
      <c r="S6" s="208">
        <v>780</v>
      </c>
      <c r="T6" s="208">
        <v>382</v>
      </c>
      <c r="U6" s="208">
        <v>290</v>
      </c>
      <c r="V6" s="208">
        <v>303</v>
      </c>
      <c r="W6" s="209">
        <v>1969</v>
      </c>
      <c r="X6" s="210">
        <v>2451</v>
      </c>
      <c r="Y6" s="207">
        <v>6447</v>
      </c>
      <c r="Z6" s="208">
        <v>13858</v>
      </c>
      <c r="AA6" s="209">
        <v>20305</v>
      </c>
      <c r="AB6" s="200">
        <v>0</v>
      </c>
      <c r="AC6" s="208">
        <v>16224</v>
      </c>
      <c r="AD6" s="208">
        <v>23806</v>
      </c>
      <c r="AE6" s="208">
        <v>12242</v>
      </c>
      <c r="AF6" s="208">
        <v>9740</v>
      </c>
      <c r="AG6" s="208">
        <v>5894</v>
      </c>
      <c r="AH6" s="209">
        <v>67906</v>
      </c>
      <c r="AI6" s="210">
        <v>88211</v>
      </c>
    </row>
    <row r="7" spans="2:35" ht="21" customHeight="1" x14ac:dyDescent="0.2">
      <c r="B7" s="472" t="s">
        <v>6</v>
      </c>
      <c r="C7" s="207">
        <v>2373</v>
      </c>
      <c r="D7" s="208">
        <v>3688</v>
      </c>
      <c r="E7" s="209">
        <v>6061</v>
      </c>
      <c r="F7" s="200">
        <v>0</v>
      </c>
      <c r="G7" s="208">
        <v>10724</v>
      </c>
      <c r="H7" s="208">
        <v>9027</v>
      </c>
      <c r="I7" s="208">
        <v>5754</v>
      </c>
      <c r="J7" s="208">
        <v>4534</v>
      </c>
      <c r="K7" s="208">
        <v>2941</v>
      </c>
      <c r="L7" s="209">
        <v>32980</v>
      </c>
      <c r="M7" s="210">
        <v>39041</v>
      </c>
      <c r="N7" s="211">
        <v>63</v>
      </c>
      <c r="O7" s="208">
        <v>109</v>
      </c>
      <c r="P7" s="209">
        <v>172</v>
      </c>
      <c r="Q7" s="200">
        <v>0</v>
      </c>
      <c r="R7" s="208">
        <v>230</v>
      </c>
      <c r="S7" s="208">
        <v>268</v>
      </c>
      <c r="T7" s="208">
        <v>161</v>
      </c>
      <c r="U7" s="208">
        <v>148</v>
      </c>
      <c r="V7" s="208">
        <v>144</v>
      </c>
      <c r="W7" s="209">
        <v>951</v>
      </c>
      <c r="X7" s="210">
        <v>1123</v>
      </c>
      <c r="Y7" s="207">
        <v>2436</v>
      </c>
      <c r="Z7" s="208">
        <v>3797</v>
      </c>
      <c r="AA7" s="209">
        <v>6233</v>
      </c>
      <c r="AB7" s="200">
        <v>0</v>
      </c>
      <c r="AC7" s="208">
        <v>10954</v>
      </c>
      <c r="AD7" s="208">
        <v>9295</v>
      </c>
      <c r="AE7" s="208">
        <v>5915</v>
      </c>
      <c r="AF7" s="208">
        <v>4682</v>
      </c>
      <c r="AG7" s="208">
        <v>3085</v>
      </c>
      <c r="AH7" s="209">
        <v>33931</v>
      </c>
      <c r="AI7" s="210">
        <v>40164</v>
      </c>
    </row>
    <row r="8" spans="2:35" ht="21" customHeight="1" x14ac:dyDescent="0.2">
      <c r="B8" s="472" t="s">
        <v>14</v>
      </c>
      <c r="C8" s="207">
        <v>1181</v>
      </c>
      <c r="D8" s="208">
        <v>2712</v>
      </c>
      <c r="E8" s="209">
        <v>3893</v>
      </c>
      <c r="F8" s="200">
        <v>0</v>
      </c>
      <c r="G8" s="208">
        <v>4521</v>
      </c>
      <c r="H8" s="208">
        <v>5716</v>
      </c>
      <c r="I8" s="208">
        <v>3593</v>
      </c>
      <c r="J8" s="208">
        <v>2381</v>
      </c>
      <c r="K8" s="208">
        <v>1342</v>
      </c>
      <c r="L8" s="209">
        <v>17553</v>
      </c>
      <c r="M8" s="210">
        <v>21446</v>
      </c>
      <c r="N8" s="211">
        <v>20</v>
      </c>
      <c r="O8" s="208">
        <v>100</v>
      </c>
      <c r="P8" s="209">
        <v>120</v>
      </c>
      <c r="Q8" s="200">
        <v>0</v>
      </c>
      <c r="R8" s="208">
        <v>56</v>
      </c>
      <c r="S8" s="208">
        <v>179</v>
      </c>
      <c r="T8" s="208">
        <v>86</v>
      </c>
      <c r="U8" s="208">
        <v>81</v>
      </c>
      <c r="V8" s="208">
        <v>68</v>
      </c>
      <c r="W8" s="209">
        <v>470</v>
      </c>
      <c r="X8" s="210">
        <v>590</v>
      </c>
      <c r="Y8" s="207">
        <v>1201</v>
      </c>
      <c r="Z8" s="208">
        <v>2812</v>
      </c>
      <c r="AA8" s="209">
        <v>4013</v>
      </c>
      <c r="AB8" s="200">
        <v>0</v>
      </c>
      <c r="AC8" s="208">
        <v>4577</v>
      </c>
      <c r="AD8" s="208">
        <v>5895</v>
      </c>
      <c r="AE8" s="208">
        <v>3679</v>
      </c>
      <c r="AF8" s="208">
        <v>2462</v>
      </c>
      <c r="AG8" s="208">
        <v>1410</v>
      </c>
      <c r="AH8" s="209">
        <v>18023</v>
      </c>
      <c r="AI8" s="210">
        <v>22036</v>
      </c>
    </row>
    <row r="9" spans="2:35" ht="21" customHeight="1" x14ac:dyDescent="0.2">
      <c r="B9" s="472" t="s">
        <v>7</v>
      </c>
      <c r="C9" s="207">
        <v>557</v>
      </c>
      <c r="D9" s="208">
        <v>852</v>
      </c>
      <c r="E9" s="209">
        <v>1409</v>
      </c>
      <c r="F9" s="200">
        <v>0</v>
      </c>
      <c r="G9" s="208">
        <v>5085</v>
      </c>
      <c r="H9" s="208">
        <v>3532</v>
      </c>
      <c r="I9" s="208">
        <v>1989</v>
      </c>
      <c r="J9" s="208">
        <v>1540</v>
      </c>
      <c r="K9" s="208">
        <v>876</v>
      </c>
      <c r="L9" s="209">
        <v>13022</v>
      </c>
      <c r="M9" s="210">
        <v>14431</v>
      </c>
      <c r="N9" s="211">
        <v>9</v>
      </c>
      <c r="O9" s="208">
        <v>14</v>
      </c>
      <c r="P9" s="209">
        <v>23</v>
      </c>
      <c r="Q9" s="200">
        <v>0</v>
      </c>
      <c r="R9" s="208">
        <v>102</v>
      </c>
      <c r="S9" s="208">
        <v>97</v>
      </c>
      <c r="T9" s="208">
        <v>42</v>
      </c>
      <c r="U9" s="208">
        <v>40</v>
      </c>
      <c r="V9" s="208">
        <v>31</v>
      </c>
      <c r="W9" s="209">
        <v>312</v>
      </c>
      <c r="X9" s="210">
        <v>335</v>
      </c>
      <c r="Y9" s="207">
        <v>566</v>
      </c>
      <c r="Z9" s="208">
        <v>866</v>
      </c>
      <c r="AA9" s="209">
        <v>1432</v>
      </c>
      <c r="AB9" s="200">
        <v>0</v>
      </c>
      <c r="AC9" s="208">
        <v>5187</v>
      </c>
      <c r="AD9" s="208">
        <v>3629</v>
      </c>
      <c r="AE9" s="208">
        <v>2031</v>
      </c>
      <c r="AF9" s="208">
        <v>1580</v>
      </c>
      <c r="AG9" s="208">
        <v>907</v>
      </c>
      <c r="AH9" s="209">
        <v>13334</v>
      </c>
      <c r="AI9" s="210">
        <v>14766</v>
      </c>
    </row>
    <row r="10" spans="2:35" ht="21" customHeight="1" x14ac:dyDescent="0.2">
      <c r="B10" s="472" t="s">
        <v>8</v>
      </c>
      <c r="C10" s="207">
        <v>589</v>
      </c>
      <c r="D10" s="208">
        <v>693</v>
      </c>
      <c r="E10" s="209">
        <v>1282</v>
      </c>
      <c r="F10" s="200">
        <v>0</v>
      </c>
      <c r="G10" s="208">
        <v>2028</v>
      </c>
      <c r="H10" s="208">
        <v>2106</v>
      </c>
      <c r="I10" s="208">
        <v>1280</v>
      </c>
      <c r="J10" s="208">
        <v>894</v>
      </c>
      <c r="K10" s="208">
        <v>528</v>
      </c>
      <c r="L10" s="209">
        <v>6836</v>
      </c>
      <c r="M10" s="210">
        <v>8118</v>
      </c>
      <c r="N10" s="211">
        <v>9</v>
      </c>
      <c r="O10" s="208">
        <v>24</v>
      </c>
      <c r="P10" s="209">
        <v>33</v>
      </c>
      <c r="Q10" s="200">
        <v>0</v>
      </c>
      <c r="R10" s="208">
        <v>36</v>
      </c>
      <c r="S10" s="208">
        <v>69</v>
      </c>
      <c r="T10" s="208">
        <v>39</v>
      </c>
      <c r="U10" s="208">
        <v>26</v>
      </c>
      <c r="V10" s="208">
        <v>19</v>
      </c>
      <c r="W10" s="209">
        <v>189</v>
      </c>
      <c r="X10" s="210">
        <v>222</v>
      </c>
      <c r="Y10" s="207">
        <v>598</v>
      </c>
      <c r="Z10" s="208">
        <v>717</v>
      </c>
      <c r="AA10" s="209">
        <v>1315</v>
      </c>
      <c r="AB10" s="200">
        <v>0</v>
      </c>
      <c r="AC10" s="208">
        <v>2064</v>
      </c>
      <c r="AD10" s="208">
        <v>2175</v>
      </c>
      <c r="AE10" s="208">
        <v>1319</v>
      </c>
      <c r="AF10" s="208">
        <v>920</v>
      </c>
      <c r="AG10" s="208">
        <v>547</v>
      </c>
      <c r="AH10" s="209">
        <v>7025</v>
      </c>
      <c r="AI10" s="210">
        <v>8340</v>
      </c>
    </row>
    <row r="11" spans="2:35" ht="21" customHeight="1" x14ac:dyDescent="0.2">
      <c r="B11" s="472" t="s">
        <v>9</v>
      </c>
      <c r="C11" s="207">
        <v>506</v>
      </c>
      <c r="D11" s="208">
        <v>610</v>
      </c>
      <c r="E11" s="209">
        <v>1116</v>
      </c>
      <c r="F11" s="200">
        <v>0</v>
      </c>
      <c r="G11" s="208">
        <v>2032</v>
      </c>
      <c r="H11" s="208">
        <v>1496</v>
      </c>
      <c r="I11" s="208">
        <v>1008</v>
      </c>
      <c r="J11" s="208">
        <v>865</v>
      </c>
      <c r="K11" s="208">
        <v>532</v>
      </c>
      <c r="L11" s="209">
        <v>5933</v>
      </c>
      <c r="M11" s="210">
        <v>7049</v>
      </c>
      <c r="N11" s="211">
        <v>1</v>
      </c>
      <c r="O11" s="208">
        <v>14</v>
      </c>
      <c r="P11" s="209">
        <v>15</v>
      </c>
      <c r="Q11" s="200">
        <v>0</v>
      </c>
      <c r="R11" s="208">
        <v>34</v>
      </c>
      <c r="S11" s="208">
        <v>33</v>
      </c>
      <c r="T11" s="208">
        <v>25</v>
      </c>
      <c r="U11" s="208">
        <v>17</v>
      </c>
      <c r="V11" s="208">
        <v>17</v>
      </c>
      <c r="W11" s="209">
        <v>126</v>
      </c>
      <c r="X11" s="210">
        <v>141</v>
      </c>
      <c r="Y11" s="207">
        <v>507</v>
      </c>
      <c r="Z11" s="208">
        <v>624</v>
      </c>
      <c r="AA11" s="209">
        <v>1131</v>
      </c>
      <c r="AB11" s="200">
        <v>0</v>
      </c>
      <c r="AC11" s="208">
        <v>2066</v>
      </c>
      <c r="AD11" s="208">
        <v>1529</v>
      </c>
      <c r="AE11" s="208">
        <v>1033</v>
      </c>
      <c r="AF11" s="208">
        <v>882</v>
      </c>
      <c r="AG11" s="208">
        <v>549</v>
      </c>
      <c r="AH11" s="209">
        <v>6059</v>
      </c>
      <c r="AI11" s="210">
        <v>7190</v>
      </c>
    </row>
    <row r="12" spans="2:35" ht="21" customHeight="1" x14ac:dyDescent="0.2">
      <c r="B12" s="472" t="s">
        <v>10</v>
      </c>
      <c r="C12" s="207">
        <v>1304</v>
      </c>
      <c r="D12" s="208">
        <v>1613</v>
      </c>
      <c r="E12" s="209">
        <v>2917</v>
      </c>
      <c r="F12" s="200">
        <v>0</v>
      </c>
      <c r="G12" s="208">
        <v>4078</v>
      </c>
      <c r="H12" s="208">
        <v>2460</v>
      </c>
      <c r="I12" s="208">
        <v>1589</v>
      </c>
      <c r="J12" s="208">
        <v>1331</v>
      </c>
      <c r="K12" s="208">
        <v>896</v>
      </c>
      <c r="L12" s="209">
        <v>10354</v>
      </c>
      <c r="M12" s="210">
        <v>13271</v>
      </c>
      <c r="N12" s="211">
        <v>30</v>
      </c>
      <c r="O12" s="208">
        <v>36</v>
      </c>
      <c r="P12" s="209">
        <v>66</v>
      </c>
      <c r="Q12" s="200">
        <v>0</v>
      </c>
      <c r="R12" s="208">
        <v>107</v>
      </c>
      <c r="S12" s="208">
        <v>76</v>
      </c>
      <c r="T12" s="208">
        <v>41</v>
      </c>
      <c r="U12" s="208">
        <v>39</v>
      </c>
      <c r="V12" s="208">
        <v>48</v>
      </c>
      <c r="W12" s="209">
        <v>311</v>
      </c>
      <c r="X12" s="210">
        <v>377</v>
      </c>
      <c r="Y12" s="207">
        <v>1334</v>
      </c>
      <c r="Z12" s="208">
        <v>1649</v>
      </c>
      <c r="AA12" s="209">
        <v>2983</v>
      </c>
      <c r="AB12" s="200">
        <v>0</v>
      </c>
      <c r="AC12" s="208">
        <v>4185</v>
      </c>
      <c r="AD12" s="208">
        <v>2536</v>
      </c>
      <c r="AE12" s="208">
        <v>1630</v>
      </c>
      <c r="AF12" s="208">
        <v>1370</v>
      </c>
      <c r="AG12" s="208">
        <v>944</v>
      </c>
      <c r="AH12" s="209">
        <v>10665</v>
      </c>
      <c r="AI12" s="210">
        <v>13648</v>
      </c>
    </row>
    <row r="13" spans="2:35" ht="21" customHeight="1" x14ac:dyDescent="0.2">
      <c r="B13" s="472" t="s">
        <v>11</v>
      </c>
      <c r="C13" s="207">
        <v>485</v>
      </c>
      <c r="D13" s="208">
        <v>533</v>
      </c>
      <c r="E13" s="209">
        <v>1018</v>
      </c>
      <c r="F13" s="200">
        <v>0</v>
      </c>
      <c r="G13" s="208">
        <v>2145</v>
      </c>
      <c r="H13" s="208">
        <v>1380</v>
      </c>
      <c r="I13" s="208">
        <v>970</v>
      </c>
      <c r="J13" s="208">
        <v>776</v>
      </c>
      <c r="K13" s="208">
        <v>377</v>
      </c>
      <c r="L13" s="209">
        <v>5648</v>
      </c>
      <c r="M13" s="210">
        <v>6666</v>
      </c>
      <c r="N13" s="211">
        <v>8</v>
      </c>
      <c r="O13" s="208">
        <v>9</v>
      </c>
      <c r="P13" s="209">
        <v>17</v>
      </c>
      <c r="Q13" s="200">
        <v>0</v>
      </c>
      <c r="R13" s="208">
        <v>41</v>
      </c>
      <c r="S13" s="208">
        <v>33</v>
      </c>
      <c r="T13" s="208">
        <v>25</v>
      </c>
      <c r="U13" s="208">
        <v>19</v>
      </c>
      <c r="V13" s="208">
        <v>16</v>
      </c>
      <c r="W13" s="209">
        <v>134</v>
      </c>
      <c r="X13" s="210">
        <v>151</v>
      </c>
      <c r="Y13" s="207">
        <v>493</v>
      </c>
      <c r="Z13" s="208">
        <v>542</v>
      </c>
      <c r="AA13" s="209">
        <v>1035</v>
      </c>
      <c r="AB13" s="200">
        <v>0</v>
      </c>
      <c r="AC13" s="208">
        <v>2186</v>
      </c>
      <c r="AD13" s="208">
        <v>1413</v>
      </c>
      <c r="AE13" s="208">
        <v>995</v>
      </c>
      <c r="AF13" s="208">
        <v>795</v>
      </c>
      <c r="AG13" s="208">
        <v>393</v>
      </c>
      <c r="AH13" s="209">
        <v>5782</v>
      </c>
      <c r="AI13" s="210">
        <v>6817</v>
      </c>
    </row>
    <row r="14" spans="2:35" ht="21" customHeight="1" x14ac:dyDescent="0.2">
      <c r="B14" s="472" t="s">
        <v>12</v>
      </c>
      <c r="C14" s="207">
        <v>720</v>
      </c>
      <c r="D14" s="208">
        <v>1124</v>
      </c>
      <c r="E14" s="209">
        <v>1844</v>
      </c>
      <c r="F14" s="200">
        <v>0</v>
      </c>
      <c r="G14" s="208">
        <v>1707</v>
      </c>
      <c r="H14" s="208">
        <v>1473</v>
      </c>
      <c r="I14" s="208">
        <v>974</v>
      </c>
      <c r="J14" s="208">
        <v>866</v>
      </c>
      <c r="K14" s="208">
        <v>482</v>
      </c>
      <c r="L14" s="209">
        <v>5502</v>
      </c>
      <c r="M14" s="210">
        <v>7346</v>
      </c>
      <c r="N14" s="211">
        <v>13</v>
      </c>
      <c r="O14" s="208">
        <v>35</v>
      </c>
      <c r="P14" s="209">
        <v>48</v>
      </c>
      <c r="Q14" s="200">
        <v>0</v>
      </c>
      <c r="R14" s="208">
        <v>26</v>
      </c>
      <c r="S14" s="208">
        <v>30</v>
      </c>
      <c r="T14" s="208">
        <v>25</v>
      </c>
      <c r="U14" s="208">
        <v>21</v>
      </c>
      <c r="V14" s="208">
        <v>19</v>
      </c>
      <c r="W14" s="209">
        <v>121</v>
      </c>
      <c r="X14" s="210">
        <v>169</v>
      </c>
      <c r="Y14" s="207">
        <v>733</v>
      </c>
      <c r="Z14" s="208">
        <v>1159</v>
      </c>
      <c r="AA14" s="209">
        <v>1892</v>
      </c>
      <c r="AB14" s="200">
        <v>0</v>
      </c>
      <c r="AC14" s="208">
        <v>1733</v>
      </c>
      <c r="AD14" s="208">
        <v>1503</v>
      </c>
      <c r="AE14" s="208">
        <v>999</v>
      </c>
      <c r="AF14" s="208">
        <v>887</v>
      </c>
      <c r="AG14" s="208">
        <v>501</v>
      </c>
      <c r="AH14" s="209">
        <v>5623</v>
      </c>
      <c r="AI14" s="210">
        <v>7515</v>
      </c>
    </row>
    <row r="15" spans="2:35" ht="21" customHeight="1" x14ac:dyDescent="0.2">
      <c r="B15" s="472" t="s">
        <v>13</v>
      </c>
      <c r="C15" s="207">
        <v>128</v>
      </c>
      <c r="D15" s="208">
        <v>220</v>
      </c>
      <c r="E15" s="209">
        <v>348</v>
      </c>
      <c r="F15" s="200">
        <v>0</v>
      </c>
      <c r="G15" s="208">
        <v>661</v>
      </c>
      <c r="H15" s="208">
        <v>629</v>
      </c>
      <c r="I15" s="208">
        <v>371</v>
      </c>
      <c r="J15" s="208">
        <v>319</v>
      </c>
      <c r="K15" s="208">
        <v>222</v>
      </c>
      <c r="L15" s="209">
        <v>2202</v>
      </c>
      <c r="M15" s="210">
        <v>2550</v>
      </c>
      <c r="N15" s="211">
        <v>0</v>
      </c>
      <c r="O15" s="208">
        <v>3</v>
      </c>
      <c r="P15" s="209">
        <v>3</v>
      </c>
      <c r="Q15" s="200">
        <v>0</v>
      </c>
      <c r="R15" s="208">
        <v>13</v>
      </c>
      <c r="S15" s="208">
        <v>12</v>
      </c>
      <c r="T15" s="208">
        <v>10</v>
      </c>
      <c r="U15" s="208">
        <v>6</v>
      </c>
      <c r="V15" s="208">
        <v>10</v>
      </c>
      <c r="W15" s="209">
        <v>51</v>
      </c>
      <c r="X15" s="210">
        <v>54</v>
      </c>
      <c r="Y15" s="207">
        <v>128</v>
      </c>
      <c r="Z15" s="208">
        <v>223</v>
      </c>
      <c r="AA15" s="209">
        <v>351</v>
      </c>
      <c r="AB15" s="200">
        <v>0</v>
      </c>
      <c r="AC15" s="208">
        <v>674</v>
      </c>
      <c r="AD15" s="208">
        <v>641</v>
      </c>
      <c r="AE15" s="208">
        <v>381</v>
      </c>
      <c r="AF15" s="208">
        <v>325</v>
      </c>
      <c r="AG15" s="208">
        <v>232</v>
      </c>
      <c r="AH15" s="209">
        <v>2253</v>
      </c>
      <c r="AI15" s="210">
        <v>2604</v>
      </c>
    </row>
    <row r="16" spans="2:35" ht="21" customHeight="1" x14ac:dyDescent="0.2">
      <c r="B16" s="472" t="s">
        <v>15</v>
      </c>
      <c r="C16" s="207">
        <v>93</v>
      </c>
      <c r="D16" s="208">
        <v>188</v>
      </c>
      <c r="E16" s="209">
        <v>281</v>
      </c>
      <c r="F16" s="200">
        <v>0</v>
      </c>
      <c r="G16" s="208">
        <v>525</v>
      </c>
      <c r="H16" s="208">
        <v>552</v>
      </c>
      <c r="I16" s="208">
        <v>315</v>
      </c>
      <c r="J16" s="208">
        <v>213</v>
      </c>
      <c r="K16" s="208">
        <v>131</v>
      </c>
      <c r="L16" s="209">
        <v>1736</v>
      </c>
      <c r="M16" s="210">
        <v>2017</v>
      </c>
      <c r="N16" s="211">
        <v>0</v>
      </c>
      <c r="O16" s="208">
        <v>5</v>
      </c>
      <c r="P16" s="209">
        <v>5</v>
      </c>
      <c r="Q16" s="200">
        <v>0</v>
      </c>
      <c r="R16" s="208">
        <v>9</v>
      </c>
      <c r="S16" s="208">
        <v>12</v>
      </c>
      <c r="T16" s="208">
        <v>2</v>
      </c>
      <c r="U16" s="208">
        <v>2</v>
      </c>
      <c r="V16" s="208">
        <v>8</v>
      </c>
      <c r="W16" s="209">
        <v>33</v>
      </c>
      <c r="X16" s="210">
        <v>38</v>
      </c>
      <c r="Y16" s="207">
        <v>93</v>
      </c>
      <c r="Z16" s="208">
        <v>193</v>
      </c>
      <c r="AA16" s="209">
        <v>286</v>
      </c>
      <c r="AB16" s="200">
        <v>0</v>
      </c>
      <c r="AC16" s="208">
        <v>534</v>
      </c>
      <c r="AD16" s="208">
        <v>564</v>
      </c>
      <c r="AE16" s="208">
        <v>317</v>
      </c>
      <c r="AF16" s="208">
        <v>215</v>
      </c>
      <c r="AG16" s="208">
        <v>139</v>
      </c>
      <c r="AH16" s="209">
        <v>1769</v>
      </c>
      <c r="AI16" s="210">
        <v>2055</v>
      </c>
    </row>
    <row r="17" spans="2:35" ht="21" customHeight="1" x14ac:dyDescent="0.2">
      <c r="B17" s="472" t="s">
        <v>16</v>
      </c>
      <c r="C17" s="207">
        <v>255</v>
      </c>
      <c r="D17" s="208">
        <v>462</v>
      </c>
      <c r="E17" s="209">
        <v>717</v>
      </c>
      <c r="F17" s="200">
        <v>0</v>
      </c>
      <c r="G17" s="208">
        <v>1014</v>
      </c>
      <c r="H17" s="208">
        <v>1348</v>
      </c>
      <c r="I17" s="208">
        <v>716</v>
      </c>
      <c r="J17" s="208">
        <v>547</v>
      </c>
      <c r="K17" s="208">
        <v>340</v>
      </c>
      <c r="L17" s="209">
        <v>3965</v>
      </c>
      <c r="M17" s="210">
        <v>4682</v>
      </c>
      <c r="N17" s="211">
        <v>7</v>
      </c>
      <c r="O17" s="208">
        <v>16</v>
      </c>
      <c r="P17" s="209">
        <v>23</v>
      </c>
      <c r="Q17" s="200">
        <v>0</v>
      </c>
      <c r="R17" s="208">
        <v>13</v>
      </c>
      <c r="S17" s="208">
        <v>42</v>
      </c>
      <c r="T17" s="208">
        <v>26</v>
      </c>
      <c r="U17" s="208">
        <v>10</v>
      </c>
      <c r="V17" s="208">
        <v>15</v>
      </c>
      <c r="W17" s="209">
        <v>106</v>
      </c>
      <c r="X17" s="210">
        <v>129</v>
      </c>
      <c r="Y17" s="207">
        <v>262</v>
      </c>
      <c r="Z17" s="208">
        <v>478</v>
      </c>
      <c r="AA17" s="209">
        <v>740</v>
      </c>
      <c r="AB17" s="200">
        <v>0</v>
      </c>
      <c r="AC17" s="208">
        <v>1027</v>
      </c>
      <c r="AD17" s="208">
        <v>1390</v>
      </c>
      <c r="AE17" s="208">
        <v>742</v>
      </c>
      <c r="AF17" s="208">
        <v>557</v>
      </c>
      <c r="AG17" s="208">
        <v>355</v>
      </c>
      <c r="AH17" s="209">
        <v>4071</v>
      </c>
      <c r="AI17" s="210">
        <v>4811</v>
      </c>
    </row>
    <row r="18" spans="2:35" ht="21" customHeight="1" x14ac:dyDescent="0.2">
      <c r="B18" s="472" t="s">
        <v>17</v>
      </c>
      <c r="C18" s="207">
        <v>303</v>
      </c>
      <c r="D18" s="208">
        <v>605</v>
      </c>
      <c r="E18" s="209">
        <v>908</v>
      </c>
      <c r="F18" s="200">
        <v>0</v>
      </c>
      <c r="G18" s="208">
        <v>1182</v>
      </c>
      <c r="H18" s="208">
        <v>1679</v>
      </c>
      <c r="I18" s="208">
        <v>1049</v>
      </c>
      <c r="J18" s="208">
        <v>763</v>
      </c>
      <c r="K18" s="208">
        <v>452</v>
      </c>
      <c r="L18" s="209">
        <v>5125</v>
      </c>
      <c r="M18" s="210">
        <v>6033</v>
      </c>
      <c r="N18" s="211">
        <v>3</v>
      </c>
      <c r="O18" s="208">
        <v>29</v>
      </c>
      <c r="P18" s="209">
        <v>32</v>
      </c>
      <c r="Q18" s="200">
        <v>0</v>
      </c>
      <c r="R18" s="208">
        <v>17</v>
      </c>
      <c r="S18" s="208">
        <v>62</v>
      </c>
      <c r="T18" s="208">
        <v>35</v>
      </c>
      <c r="U18" s="208">
        <v>29</v>
      </c>
      <c r="V18" s="208">
        <v>21</v>
      </c>
      <c r="W18" s="209">
        <v>164</v>
      </c>
      <c r="X18" s="210">
        <v>196</v>
      </c>
      <c r="Y18" s="207">
        <v>306</v>
      </c>
      <c r="Z18" s="208">
        <v>634</v>
      </c>
      <c r="AA18" s="209">
        <v>940</v>
      </c>
      <c r="AB18" s="200">
        <v>0</v>
      </c>
      <c r="AC18" s="208">
        <v>1199</v>
      </c>
      <c r="AD18" s="208">
        <v>1741</v>
      </c>
      <c r="AE18" s="208">
        <v>1084</v>
      </c>
      <c r="AF18" s="208">
        <v>792</v>
      </c>
      <c r="AG18" s="208">
        <v>473</v>
      </c>
      <c r="AH18" s="209">
        <v>5289</v>
      </c>
      <c r="AI18" s="210">
        <v>6229</v>
      </c>
    </row>
    <row r="19" spans="2:35" ht="21" customHeight="1" x14ac:dyDescent="0.2">
      <c r="B19" s="472" t="s">
        <v>18</v>
      </c>
      <c r="C19" s="207">
        <v>355</v>
      </c>
      <c r="D19" s="208">
        <v>665</v>
      </c>
      <c r="E19" s="209">
        <v>1020</v>
      </c>
      <c r="F19" s="200">
        <v>0</v>
      </c>
      <c r="G19" s="208">
        <v>1832</v>
      </c>
      <c r="H19" s="208">
        <v>1726</v>
      </c>
      <c r="I19" s="208">
        <v>1099</v>
      </c>
      <c r="J19" s="208">
        <v>752</v>
      </c>
      <c r="K19" s="208">
        <v>453</v>
      </c>
      <c r="L19" s="209">
        <v>5862</v>
      </c>
      <c r="M19" s="210">
        <v>6882</v>
      </c>
      <c r="N19" s="211">
        <v>11</v>
      </c>
      <c r="O19" s="208">
        <v>22</v>
      </c>
      <c r="P19" s="209">
        <v>33</v>
      </c>
      <c r="Q19" s="200">
        <v>0</v>
      </c>
      <c r="R19" s="208">
        <v>44</v>
      </c>
      <c r="S19" s="208">
        <v>52</v>
      </c>
      <c r="T19" s="208">
        <v>27</v>
      </c>
      <c r="U19" s="208">
        <v>33</v>
      </c>
      <c r="V19" s="208">
        <v>25</v>
      </c>
      <c r="W19" s="209">
        <v>181</v>
      </c>
      <c r="X19" s="210">
        <v>214</v>
      </c>
      <c r="Y19" s="207">
        <v>366</v>
      </c>
      <c r="Z19" s="208">
        <v>687</v>
      </c>
      <c r="AA19" s="209">
        <v>1053</v>
      </c>
      <c r="AB19" s="200">
        <v>0</v>
      </c>
      <c r="AC19" s="208">
        <v>1876</v>
      </c>
      <c r="AD19" s="208">
        <v>1778</v>
      </c>
      <c r="AE19" s="208">
        <v>1126</v>
      </c>
      <c r="AF19" s="208">
        <v>785</v>
      </c>
      <c r="AG19" s="208">
        <v>478</v>
      </c>
      <c r="AH19" s="209">
        <v>6043</v>
      </c>
      <c r="AI19" s="210">
        <v>7096</v>
      </c>
    </row>
    <row r="20" spans="2:35" ht="21" customHeight="1" x14ac:dyDescent="0.2">
      <c r="B20" s="472" t="s">
        <v>19</v>
      </c>
      <c r="C20" s="207">
        <v>209</v>
      </c>
      <c r="D20" s="208">
        <v>304</v>
      </c>
      <c r="E20" s="209">
        <v>513</v>
      </c>
      <c r="F20" s="200">
        <v>0</v>
      </c>
      <c r="G20" s="208">
        <v>842</v>
      </c>
      <c r="H20" s="208">
        <v>739</v>
      </c>
      <c r="I20" s="208">
        <v>432</v>
      </c>
      <c r="J20" s="208">
        <v>290</v>
      </c>
      <c r="K20" s="208">
        <v>203</v>
      </c>
      <c r="L20" s="209">
        <v>2506</v>
      </c>
      <c r="M20" s="210">
        <v>3019</v>
      </c>
      <c r="N20" s="211">
        <v>6</v>
      </c>
      <c r="O20" s="208">
        <v>6</v>
      </c>
      <c r="P20" s="209">
        <v>12</v>
      </c>
      <c r="Q20" s="200">
        <v>0</v>
      </c>
      <c r="R20" s="208">
        <v>18</v>
      </c>
      <c r="S20" s="208">
        <v>18</v>
      </c>
      <c r="T20" s="208">
        <v>10</v>
      </c>
      <c r="U20" s="208">
        <v>11</v>
      </c>
      <c r="V20" s="208">
        <v>12</v>
      </c>
      <c r="W20" s="209">
        <v>69</v>
      </c>
      <c r="X20" s="210">
        <v>81</v>
      </c>
      <c r="Y20" s="207">
        <v>215</v>
      </c>
      <c r="Z20" s="208">
        <v>310</v>
      </c>
      <c r="AA20" s="209">
        <v>525</v>
      </c>
      <c r="AB20" s="200">
        <v>0</v>
      </c>
      <c r="AC20" s="208">
        <v>860</v>
      </c>
      <c r="AD20" s="208">
        <v>757</v>
      </c>
      <c r="AE20" s="208">
        <v>442</v>
      </c>
      <c r="AF20" s="208">
        <v>301</v>
      </c>
      <c r="AG20" s="208">
        <v>215</v>
      </c>
      <c r="AH20" s="209">
        <v>2575</v>
      </c>
      <c r="AI20" s="210">
        <v>3100</v>
      </c>
    </row>
    <row r="21" spans="2:35" ht="21" customHeight="1" x14ac:dyDescent="0.2">
      <c r="B21" s="472" t="s">
        <v>20</v>
      </c>
      <c r="C21" s="207">
        <v>214</v>
      </c>
      <c r="D21" s="208">
        <v>426</v>
      </c>
      <c r="E21" s="209">
        <v>640</v>
      </c>
      <c r="F21" s="200">
        <v>0</v>
      </c>
      <c r="G21" s="208">
        <v>1124</v>
      </c>
      <c r="H21" s="208">
        <v>732</v>
      </c>
      <c r="I21" s="208">
        <v>528</v>
      </c>
      <c r="J21" s="208">
        <v>343</v>
      </c>
      <c r="K21" s="208">
        <v>190</v>
      </c>
      <c r="L21" s="209">
        <v>2917</v>
      </c>
      <c r="M21" s="210">
        <v>3557</v>
      </c>
      <c r="N21" s="211">
        <v>3</v>
      </c>
      <c r="O21" s="208">
        <v>21</v>
      </c>
      <c r="P21" s="209">
        <v>24</v>
      </c>
      <c r="Q21" s="200">
        <v>0</v>
      </c>
      <c r="R21" s="208">
        <v>26</v>
      </c>
      <c r="S21" s="208">
        <v>23</v>
      </c>
      <c r="T21" s="208">
        <v>14</v>
      </c>
      <c r="U21" s="208">
        <v>16</v>
      </c>
      <c r="V21" s="208">
        <v>7</v>
      </c>
      <c r="W21" s="209">
        <v>86</v>
      </c>
      <c r="X21" s="210">
        <v>110</v>
      </c>
      <c r="Y21" s="207">
        <v>217</v>
      </c>
      <c r="Z21" s="208">
        <v>447</v>
      </c>
      <c r="AA21" s="209">
        <v>664</v>
      </c>
      <c r="AB21" s="200">
        <v>0</v>
      </c>
      <c r="AC21" s="208">
        <v>1150</v>
      </c>
      <c r="AD21" s="208">
        <v>755</v>
      </c>
      <c r="AE21" s="208">
        <v>542</v>
      </c>
      <c r="AF21" s="208">
        <v>359</v>
      </c>
      <c r="AG21" s="208">
        <v>197</v>
      </c>
      <c r="AH21" s="209">
        <v>3003</v>
      </c>
      <c r="AI21" s="210">
        <v>3667</v>
      </c>
    </row>
    <row r="22" spans="2:35" ht="21" customHeight="1" x14ac:dyDescent="0.2">
      <c r="B22" s="472" t="s">
        <v>21</v>
      </c>
      <c r="C22" s="207">
        <v>302</v>
      </c>
      <c r="D22" s="208">
        <v>443</v>
      </c>
      <c r="E22" s="209">
        <v>745</v>
      </c>
      <c r="F22" s="200">
        <v>0</v>
      </c>
      <c r="G22" s="208">
        <v>980</v>
      </c>
      <c r="H22" s="208">
        <v>1091</v>
      </c>
      <c r="I22" s="208">
        <v>646</v>
      </c>
      <c r="J22" s="208">
        <v>464</v>
      </c>
      <c r="K22" s="208">
        <v>276</v>
      </c>
      <c r="L22" s="209">
        <v>3457</v>
      </c>
      <c r="M22" s="210">
        <v>4202</v>
      </c>
      <c r="N22" s="211">
        <v>10</v>
      </c>
      <c r="O22" s="208">
        <v>17</v>
      </c>
      <c r="P22" s="209">
        <v>27</v>
      </c>
      <c r="Q22" s="200">
        <v>0</v>
      </c>
      <c r="R22" s="208">
        <v>4</v>
      </c>
      <c r="S22" s="208">
        <v>41</v>
      </c>
      <c r="T22" s="208">
        <v>20</v>
      </c>
      <c r="U22" s="208">
        <v>17</v>
      </c>
      <c r="V22" s="208">
        <v>16</v>
      </c>
      <c r="W22" s="209">
        <v>98</v>
      </c>
      <c r="X22" s="210">
        <v>125</v>
      </c>
      <c r="Y22" s="207">
        <v>312</v>
      </c>
      <c r="Z22" s="208">
        <v>460</v>
      </c>
      <c r="AA22" s="209">
        <v>772</v>
      </c>
      <c r="AB22" s="200">
        <v>0</v>
      </c>
      <c r="AC22" s="208">
        <v>984</v>
      </c>
      <c r="AD22" s="208">
        <v>1132</v>
      </c>
      <c r="AE22" s="208">
        <v>666</v>
      </c>
      <c r="AF22" s="208">
        <v>481</v>
      </c>
      <c r="AG22" s="208">
        <v>292</v>
      </c>
      <c r="AH22" s="209">
        <v>3555</v>
      </c>
      <c r="AI22" s="210">
        <v>4327</v>
      </c>
    </row>
    <row r="23" spans="2:35" ht="21" customHeight="1" x14ac:dyDescent="0.2">
      <c r="B23" s="472" t="s">
        <v>22</v>
      </c>
      <c r="C23" s="207">
        <v>60</v>
      </c>
      <c r="D23" s="208">
        <v>156</v>
      </c>
      <c r="E23" s="209">
        <v>216</v>
      </c>
      <c r="F23" s="200">
        <v>0</v>
      </c>
      <c r="G23" s="208">
        <v>391</v>
      </c>
      <c r="H23" s="208">
        <v>371</v>
      </c>
      <c r="I23" s="208">
        <v>205</v>
      </c>
      <c r="J23" s="208">
        <v>147</v>
      </c>
      <c r="K23" s="208">
        <v>84</v>
      </c>
      <c r="L23" s="209">
        <v>1198</v>
      </c>
      <c r="M23" s="210">
        <v>1414</v>
      </c>
      <c r="N23" s="211">
        <v>3</v>
      </c>
      <c r="O23" s="208">
        <v>5</v>
      </c>
      <c r="P23" s="209">
        <v>8</v>
      </c>
      <c r="Q23" s="200">
        <v>0</v>
      </c>
      <c r="R23" s="208">
        <v>9</v>
      </c>
      <c r="S23" s="208">
        <v>9</v>
      </c>
      <c r="T23" s="208">
        <v>5</v>
      </c>
      <c r="U23" s="208">
        <v>3</v>
      </c>
      <c r="V23" s="208">
        <v>3</v>
      </c>
      <c r="W23" s="209">
        <v>29</v>
      </c>
      <c r="X23" s="210">
        <v>37</v>
      </c>
      <c r="Y23" s="207">
        <v>63</v>
      </c>
      <c r="Z23" s="208">
        <v>161</v>
      </c>
      <c r="AA23" s="209">
        <v>224</v>
      </c>
      <c r="AB23" s="200">
        <v>0</v>
      </c>
      <c r="AC23" s="208">
        <v>400</v>
      </c>
      <c r="AD23" s="208">
        <v>380</v>
      </c>
      <c r="AE23" s="208">
        <v>210</v>
      </c>
      <c r="AF23" s="208">
        <v>150</v>
      </c>
      <c r="AG23" s="208">
        <v>87</v>
      </c>
      <c r="AH23" s="209">
        <v>1227</v>
      </c>
      <c r="AI23" s="210">
        <v>1451</v>
      </c>
    </row>
    <row r="24" spans="2:35" ht="21" customHeight="1" x14ac:dyDescent="0.2">
      <c r="B24" s="472" t="s">
        <v>23</v>
      </c>
      <c r="C24" s="207">
        <v>139</v>
      </c>
      <c r="D24" s="208">
        <v>270</v>
      </c>
      <c r="E24" s="209">
        <v>409</v>
      </c>
      <c r="F24" s="200">
        <v>0</v>
      </c>
      <c r="G24" s="208">
        <v>622</v>
      </c>
      <c r="H24" s="208">
        <v>584</v>
      </c>
      <c r="I24" s="208">
        <v>311</v>
      </c>
      <c r="J24" s="208">
        <v>293</v>
      </c>
      <c r="K24" s="208">
        <v>146</v>
      </c>
      <c r="L24" s="209">
        <v>1956</v>
      </c>
      <c r="M24" s="210">
        <v>2365</v>
      </c>
      <c r="N24" s="211">
        <v>3</v>
      </c>
      <c r="O24" s="208">
        <v>7</v>
      </c>
      <c r="P24" s="209">
        <v>10</v>
      </c>
      <c r="Q24" s="200">
        <v>0</v>
      </c>
      <c r="R24" s="208">
        <v>9</v>
      </c>
      <c r="S24" s="208">
        <v>20</v>
      </c>
      <c r="T24" s="208">
        <v>11</v>
      </c>
      <c r="U24" s="208">
        <v>4</v>
      </c>
      <c r="V24" s="208">
        <v>4</v>
      </c>
      <c r="W24" s="209">
        <v>48</v>
      </c>
      <c r="X24" s="210">
        <v>58</v>
      </c>
      <c r="Y24" s="207">
        <v>142</v>
      </c>
      <c r="Z24" s="208">
        <v>277</v>
      </c>
      <c r="AA24" s="209">
        <v>419</v>
      </c>
      <c r="AB24" s="200">
        <v>0</v>
      </c>
      <c r="AC24" s="208">
        <v>631</v>
      </c>
      <c r="AD24" s="208">
        <v>604</v>
      </c>
      <c r="AE24" s="208">
        <v>322</v>
      </c>
      <c r="AF24" s="208">
        <v>297</v>
      </c>
      <c r="AG24" s="208">
        <v>150</v>
      </c>
      <c r="AH24" s="209">
        <v>2004</v>
      </c>
      <c r="AI24" s="210">
        <v>2423</v>
      </c>
    </row>
    <row r="25" spans="2:35" ht="21" customHeight="1" x14ac:dyDescent="0.2">
      <c r="B25" s="472" t="s">
        <v>24</v>
      </c>
      <c r="C25" s="207">
        <v>137</v>
      </c>
      <c r="D25" s="208">
        <v>118</v>
      </c>
      <c r="E25" s="209">
        <v>255</v>
      </c>
      <c r="F25" s="200">
        <v>0</v>
      </c>
      <c r="G25" s="208">
        <v>328</v>
      </c>
      <c r="H25" s="208">
        <v>255</v>
      </c>
      <c r="I25" s="208">
        <v>160</v>
      </c>
      <c r="J25" s="208">
        <v>132</v>
      </c>
      <c r="K25" s="208">
        <v>78</v>
      </c>
      <c r="L25" s="209">
        <v>953</v>
      </c>
      <c r="M25" s="210">
        <v>1208</v>
      </c>
      <c r="N25" s="211">
        <v>1</v>
      </c>
      <c r="O25" s="208">
        <v>0</v>
      </c>
      <c r="P25" s="209">
        <v>1</v>
      </c>
      <c r="Q25" s="200">
        <v>0</v>
      </c>
      <c r="R25" s="208">
        <v>3</v>
      </c>
      <c r="S25" s="208">
        <v>7</v>
      </c>
      <c r="T25" s="208">
        <v>3</v>
      </c>
      <c r="U25" s="208">
        <v>3</v>
      </c>
      <c r="V25" s="208">
        <v>1</v>
      </c>
      <c r="W25" s="209">
        <v>17</v>
      </c>
      <c r="X25" s="210">
        <v>18</v>
      </c>
      <c r="Y25" s="207">
        <v>138</v>
      </c>
      <c r="Z25" s="208">
        <v>118</v>
      </c>
      <c r="AA25" s="209">
        <v>256</v>
      </c>
      <c r="AB25" s="200">
        <v>0</v>
      </c>
      <c r="AC25" s="208">
        <v>331</v>
      </c>
      <c r="AD25" s="208">
        <v>262</v>
      </c>
      <c r="AE25" s="208">
        <v>163</v>
      </c>
      <c r="AF25" s="208">
        <v>135</v>
      </c>
      <c r="AG25" s="208">
        <v>79</v>
      </c>
      <c r="AH25" s="209">
        <v>970</v>
      </c>
      <c r="AI25" s="210">
        <v>1226</v>
      </c>
    </row>
    <row r="26" spans="2:35" ht="21" customHeight="1" x14ac:dyDescent="0.2">
      <c r="B26" s="472" t="s">
        <v>25</v>
      </c>
      <c r="C26" s="207">
        <v>103</v>
      </c>
      <c r="D26" s="208">
        <v>162</v>
      </c>
      <c r="E26" s="209">
        <v>265</v>
      </c>
      <c r="F26" s="200">
        <v>0</v>
      </c>
      <c r="G26" s="208">
        <v>384</v>
      </c>
      <c r="H26" s="208">
        <v>290</v>
      </c>
      <c r="I26" s="208">
        <v>179</v>
      </c>
      <c r="J26" s="208">
        <v>146</v>
      </c>
      <c r="K26" s="208">
        <v>62</v>
      </c>
      <c r="L26" s="209">
        <v>1061</v>
      </c>
      <c r="M26" s="210">
        <v>1326</v>
      </c>
      <c r="N26" s="211">
        <v>1</v>
      </c>
      <c r="O26" s="208">
        <v>5</v>
      </c>
      <c r="P26" s="209">
        <v>6</v>
      </c>
      <c r="Q26" s="200">
        <v>0</v>
      </c>
      <c r="R26" s="208">
        <v>6</v>
      </c>
      <c r="S26" s="208">
        <v>14</v>
      </c>
      <c r="T26" s="208">
        <v>4</v>
      </c>
      <c r="U26" s="208">
        <v>3</v>
      </c>
      <c r="V26" s="208">
        <v>3</v>
      </c>
      <c r="W26" s="209">
        <v>30</v>
      </c>
      <c r="X26" s="210">
        <v>36</v>
      </c>
      <c r="Y26" s="207">
        <v>104</v>
      </c>
      <c r="Z26" s="208">
        <v>167</v>
      </c>
      <c r="AA26" s="209">
        <v>271</v>
      </c>
      <c r="AB26" s="200">
        <v>0</v>
      </c>
      <c r="AC26" s="208">
        <v>390</v>
      </c>
      <c r="AD26" s="208">
        <v>304</v>
      </c>
      <c r="AE26" s="208">
        <v>183</v>
      </c>
      <c r="AF26" s="208">
        <v>149</v>
      </c>
      <c r="AG26" s="208">
        <v>65</v>
      </c>
      <c r="AH26" s="209">
        <v>1091</v>
      </c>
      <c r="AI26" s="210">
        <v>1362</v>
      </c>
    </row>
    <row r="27" spans="2:35" ht="21" customHeight="1" x14ac:dyDescent="0.2">
      <c r="B27" s="472" t="s">
        <v>26</v>
      </c>
      <c r="C27" s="207">
        <v>79</v>
      </c>
      <c r="D27" s="208">
        <v>112</v>
      </c>
      <c r="E27" s="209">
        <v>191</v>
      </c>
      <c r="F27" s="200">
        <v>0</v>
      </c>
      <c r="G27" s="208">
        <v>310</v>
      </c>
      <c r="H27" s="208">
        <v>270</v>
      </c>
      <c r="I27" s="208">
        <v>195</v>
      </c>
      <c r="J27" s="208">
        <v>112</v>
      </c>
      <c r="K27" s="208">
        <v>72</v>
      </c>
      <c r="L27" s="209">
        <v>959</v>
      </c>
      <c r="M27" s="210">
        <v>1150</v>
      </c>
      <c r="N27" s="211">
        <v>1</v>
      </c>
      <c r="O27" s="208">
        <v>1</v>
      </c>
      <c r="P27" s="209">
        <v>2</v>
      </c>
      <c r="Q27" s="200">
        <v>0</v>
      </c>
      <c r="R27" s="208">
        <v>10</v>
      </c>
      <c r="S27" s="208">
        <v>5</v>
      </c>
      <c r="T27" s="208">
        <v>5</v>
      </c>
      <c r="U27" s="208">
        <v>2</v>
      </c>
      <c r="V27" s="208">
        <v>2</v>
      </c>
      <c r="W27" s="209">
        <v>24</v>
      </c>
      <c r="X27" s="210">
        <v>26</v>
      </c>
      <c r="Y27" s="207">
        <v>80</v>
      </c>
      <c r="Z27" s="208">
        <v>113</v>
      </c>
      <c r="AA27" s="209">
        <v>193</v>
      </c>
      <c r="AB27" s="200">
        <v>0</v>
      </c>
      <c r="AC27" s="208">
        <v>320</v>
      </c>
      <c r="AD27" s="208">
        <v>275</v>
      </c>
      <c r="AE27" s="208">
        <v>200</v>
      </c>
      <c r="AF27" s="208">
        <v>114</v>
      </c>
      <c r="AG27" s="208">
        <v>74</v>
      </c>
      <c r="AH27" s="209">
        <v>983</v>
      </c>
      <c r="AI27" s="210">
        <v>1176</v>
      </c>
    </row>
    <row r="28" spans="2:35" ht="21" customHeight="1" x14ac:dyDescent="0.2">
      <c r="B28" s="472" t="s">
        <v>27</v>
      </c>
      <c r="C28" s="207">
        <v>128</v>
      </c>
      <c r="D28" s="208">
        <v>193</v>
      </c>
      <c r="E28" s="209">
        <v>321</v>
      </c>
      <c r="F28" s="200">
        <v>0</v>
      </c>
      <c r="G28" s="208">
        <v>265</v>
      </c>
      <c r="H28" s="208">
        <v>192</v>
      </c>
      <c r="I28" s="208">
        <v>144</v>
      </c>
      <c r="J28" s="208">
        <v>109</v>
      </c>
      <c r="K28" s="208">
        <v>68</v>
      </c>
      <c r="L28" s="209">
        <v>778</v>
      </c>
      <c r="M28" s="210">
        <v>1099</v>
      </c>
      <c r="N28" s="211">
        <v>3</v>
      </c>
      <c r="O28" s="208">
        <v>2</v>
      </c>
      <c r="P28" s="209">
        <v>5</v>
      </c>
      <c r="Q28" s="200">
        <v>0</v>
      </c>
      <c r="R28" s="208">
        <v>6</v>
      </c>
      <c r="S28" s="208">
        <v>5</v>
      </c>
      <c r="T28" s="208">
        <v>2</v>
      </c>
      <c r="U28" s="208">
        <v>1</v>
      </c>
      <c r="V28" s="208">
        <v>3</v>
      </c>
      <c r="W28" s="209">
        <v>17</v>
      </c>
      <c r="X28" s="210">
        <v>22</v>
      </c>
      <c r="Y28" s="207">
        <v>131</v>
      </c>
      <c r="Z28" s="208">
        <v>195</v>
      </c>
      <c r="AA28" s="209">
        <v>326</v>
      </c>
      <c r="AB28" s="200">
        <v>0</v>
      </c>
      <c r="AC28" s="208">
        <v>271</v>
      </c>
      <c r="AD28" s="208">
        <v>197</v>
      </c>
      <c r="AE28" s="208">
        <v>146</v>
      </c>
      <c r="AF28" s="208">
        <v>110</v>
      </c>
      <c r="AG28" s="208">
        <v>71</v>
      </c>
      <c r="AH28" s="209">
        <v>795</v>
      </c>
      <c r="AI28" s="210">
        <v>1121</v>
      </c>
    </row>
    <row r="29" spans="2:35" ht="21" customHeight="1" x14ac:dyDescent="0.2">
      <c r="B29" s="472" t="s">
        <v>28</v>
      </c>
      <c r="C29" s="207">
        <v>11</v>
      </c>
      <c r="D29" s="208">
        <v>19</v>
      </c>
      <c r="E29" s="209">
        <v>30</v>
      </c>
      <c r="F29" s="200">
        <v>0</v>
      </c>
      <c r="G29" s="208">
        <v>82</v>
      </c>
      <c r="H29" s="208">
        <v>96</v>
      </c>
      <c r="I29" s="208">
        <v>48</v>
      </c>
      <c r="J29" s="208">
        <v>39</v>
      </c>
      <c r="K29" s="208">
        <v>17</v>
      </c>
      <c r="L29" s="209">
        <v>282</v>
      </c>
      <c r="M29" s="210">
        <v>312</v>
      </c>
      <c r="N29" s="211">
        <v>0</v>
      </c>
      <c r="O29" s="208">
        <v>0</v>
      </c>
      <c r="P29" s="209">
        <v>0</v>
      </c>
      <c r="Q29" s="200">
        <v>0</v>
      </c>
      <c r="R29" s="208">
        <v>0</v>
      </c>
      <c r="S29" s="208">
        <v>3</v>
      </c>
      <c r="T29" s="208">
        <v>0</v>
      </c>
      <c r="U29" s="208">
        <v>0</v>
      </c>
      <c r="V29" s="208">
        <v>3</v>
      </c>
      <c r="W29" s="209">
        <v>6</v>
      </c>
      <c r="X29" s="210">
        <v>6</v>
      </c>
      <c r="Y29" s="207">
        <v>11</v>
      </c>
      <c r="Z29" s="208">
        <v>19</v>
      </c>
      <c r="AA29" s="209">
        <v>30</v>
      </c>
      <c r="AB29" s="200">
        <v>0</v>
      </c>
      <c r="AC29" s="208">
        <v>82</v>
      </c>
      <c r="AD29" s="208">
        <v>99</v>
      </c>
      <c r="AE29" s="208">
        <v>48</v>
      </c>
      <c r="AF29" s="208">
        <v>39</v>
      </c>
      <c r="AG29" s="208">
        <v>20</v>
      </c>
      <c r="AH29" s="209">
        <v>288</v>
      </c>
      <c r="AI29" s="210">
        <v>318</v>
      </c>
    </row>
    <row r="30" spans="2:35" ht="21" customHeight="1" x14ac:dyDescent="0.2">
      <c r="B30" s="472" t="s">
        <v>29</v>
      </c>
      <c r="C30" s="207">
        <v>27</v>
      </c>
      <c r="D30" s="208">
        <v>39</v>
      </c>
      <c r="E30" s="209">
        <v>66</v>
      </c>
      <c r="F30" s="200">
        <v>0</v>
      </c>
      <c r="G30" s="208">
        <v>106</v>
      </c>
      <c r="H30" s="208">
        <v>96</v>
      </c>
      <c r="I30" s="208">
        <v>78</v>
      </c>
      <c r="J30" s="208">
        <v>45</v>
      </c>
      <c r="K30" s="208">
        <v>29</v>
      </c>
      <c r="L30" s="209">
        <v>354</v>
      </c>
      <c r="M30" s="210">
        <v>420</v>
      </c>
      <c r="N30" s="211">
        <v>1</v>
      </c>
      <c r="O30" s="208">
        <v>2</v>
      </c>
      <c r="P30" s="209">
        <v>3</v>
      </c>
      <c r="Q30" s="200">
        <v>0</v>
      </c>
      <c r="R30" s="208">
        <v>3</v>
      </c>
      <c r="S30" s="208">
        <v>5</v>
      </c>
      <c r="T30" s="208">
        <v>3</v>
      </c>
      <c r="U30" s="208">
        <v>1</v>
      </c>
      <c r="V30" s="208">
        <v>0</v>
      </c>
      <c r="W30" s="209">
        <v>12</v>
      </c>
      <c r="X30" s="210">
        <v>15</v>
      </c>
      <c r="Y30" s="207">
        <v>28</v>
      </c>
      <c r="Z30" s="208">
        <v>41</v>
      </c>
      <c r="AA30" s="209">
        <v>69</v>
      </c>
      <c r="AB30" s="200">
        <v>0</v>
      </c>
      <c r="AC30" s="208">
        <v>109</v>
      </c>
      <c r="AD30" s="208">
        <v>101</v>
      </c>
      <c r="AE30" s="208">
        <v>81</v>
      </c>
      <c r="AF30" s="208">
        <v>46</v>
      </c>
      <c r="AG30" s="208">
        <v>29</v>
      </c>
      <c r="AH30" s="209">
        <v>366</v>
      </c>
      <c r="AI30" s="210">
        <v>435</v>
      </c>
    </row>
    <row r="31" spans="2:35" ht="21" customHeight="1" x14ac:dyDescent="0.2">
      <c r="B31" s="472" t="s">
        <v>30</v>
      </c>
      <c r="C31" s="207">
        <v>49</v>
      </c>
      <c r="D31" s="208">
        <v>29</v>
      </c>
      <c r="E31" s="209">
        <v>78</v>
      </c>
      <c r="F31" s="200">
        <v>0</v>
      </c>
      <c r="G31" s="208">
        <v>91</v>
      </c>
      <c r="H31" s="208">
        <v>69</v>
      </c>
      <c r="I31" s="208">
        <v>62</v>
      </c>
      <c r="J31" s="208">
        <v>49</v>
      </c>
      <c r="K31" s="208">
        <v>13</v>
      </c>
      <c r="L31" s="209">
        <v>284</v>
      </c>
      <c r="M31" s="210">
        <v>362</v>
      </c>
      <c r="N31" s="211">
        <v>0</v>
      </c>
      <c r="O31" s="208">
        <v>0</v>
      </c>
      <c r="P31" s="209">
        <v>0</v>
      </c>
      <c r="Q31" s="200">
        <v>0</v>
      </c>
      <c r="R31" s="208">
        <v>2</v>
      </c>
      <c r="S31" s="208">
        <v>0</v>
      </c>
      <c r="T31" s="208">
        <v>3</v>
      </c>
      <c r="U31" s="208">
        <v>1</v>
      </c>
      <c r="V31" s="208">
        <v>1</v>
      </c>
      <c r="W31" s="209">
        <v>7</v>
      </c>
      <c r="X31" s="210">
        <v>7</v>
      </c>
      <c r="Y31" s="207">
        <v>49</v>
      </c>
      <c r="Z31" s="208">
        <v>29</v>
      </c>
      <c r="AA31" s="209">
        <v>78</v>
      </c>
      <c r="AB31" s="200">
        <v>0</v>
      </c>
      <c r="AC31" s="208">
        <v>93</v>
      </c>
      <c r="AD31" s="208">
        <v>69</v>
      </c>
      <c r="AE31" s="208">
        <v>65</v>
      </c>
      <c r="AF31" s="208">
        <v>50</v>
      </c>
      <c r="AG31" s="208">
        <v>14</v>
      </c>
      <c r="AH31" s="209">
        <v>291</v>
      </c>
      <c r="AI31" s="210">
        <v>369</v>
      </c>
    </row>
    <row r="32" spans="2:35" ht="21" customHeight="1" x14ac:dyDescent="0.2">
      <c r="B32" s="472" t="s">
        <v>31</v>
      </c>
      <c r="C32" s="207">
        <v>26</v>
      </c>
      <c r="D32" s="208">
        <v>58</v>
      </c>
      <c r="E32" s="209">
        <v>84</v>
      </c>
      <c r="F32" s="200">
        <v>0</v>
      </c>
      <c r="G32" s="208">
        <v>104</v>
      </c>
      <c r="H32" s="208">
        <v>93</v>
      </c>
      <c r="I32" s="208">
        <v>58</v>
      </c>
      <c r="J32" s="208">
        <v>44</v>
      </c>
      <c r="K32" s="208">
        <v>17</v>
      </c>
      <c r="L32" s="209">
        <v>316</v>
      </c>
      <c r="M32" s="210">
        <v>400</v>
      </c>
      <c r="N32" s="211">
        <v>0</v>
      </c>
      <c r="O32" s="208">
        <v>3</v>
      </c>
      <c r="P32" s="209">
        <v>3</v>
      </c>
      <c r="Q32" s="200">
        <v>0</v>
      </c>
      <c r="R32" s="208">
        <v>2</v>
      </c>
      <c r="S32" s="208">
        <v>0</v>
      </c>
      <c r="T32" s="208">
        <v>0</v>
      </c>
      <c r="U32" s="208">
        <v>2</v>
      </c>
      <c r="V32" s="208">
        <v>1</v>
      </c>
      <c r="W32" s="209">
        <v>5</v>
      </c>
      <c r="X32" s="210">
        <v>8</v>
      </c>
      <c r="Y32" s="207">
        <v>26</v>
      </c>
      <c r="Z32" s="208">
        <v>61</v>
      </c>
      <c r="AA32" s="209">
        <v>87</v>
      </c>
      <c r="AB32" s="200">
        <v>0</v>
      </c>
      <c r="AC32" s="208">
        <v>106</v>
      </c>
      <c r="AD32" s="208">
        <v>93</v>
      </c>
      <c r="AE32" s="208">
        <v>58</v>
      </c>
      <c r="AF32" s="208">
        <v>46</v>
      </c>
      <c r="AG32" s="208">
        <v>18</v>
      </c>
      <c r="AH32" s="209">
        <v>321</v>
      </c>
      <c r="AI32" s="210">
        <v>408</v>
      </c>
    </row>
    <row r="33" spans="2:35" ht="21" customHeight="1" x14ac:dyDescent="0.2">
      <c r="B33" s="472" t="s">
        <v>32</v>
      </c>
      <c r="C33" s="207">
        <v>24</v>
      </c>
      <c r="D33" s="208">
        <v>53</v>
      </c>
      <c r="E33" s="209">
        <v>77</v>
      </c>
      <c r="F33" s="200">
        <v>0</v>
      </c>
      <c r="G33" s="208">
        <v>140</v>
      </c>
      <c r="H33" s="208">
        <v>124</v>
      </c>
      <c r="I33" s="208">
        <v>73</v>
      </c>
      <c r="J33" s="208">
        <v>51</v>
      </c>
      <c r="K33" s="208">
        <v>29</v>
      </c>
      <c r="L33" s="209">
        <v>417</v>
      </c>
      <c r="M33" s="210">
        <v>494</v>
      </c>
      <c r="N33" s="211">
        <v>0</v>
      </c>
      <c r="O33" s="208">
        <v>1</v>
      </c>
      <c r="P33" s="209">
        <v>1</v>
      </c>
      <c r="Q33" s="200">
        <v>0</v>
      </c>
      <c r="R33" s="208">
        <v>6</v>
      </c>
      <c r="S33" s="208">
        <v>6</v>
      </c>
      <c r="T33" s="208">
        <v>1</v>
      </c>
      <c r="U33" s="208">
        <v>1</v>
      </c>
      <c r="V33" s="208">
        <v>3</v>
      </c>
      <c r="W33" s="209">
        <v>17</v>
      </c>
      <c r="X33" s="210">
        <v>18</v>
      </c>
      <c r="Y33" s="207">
        <v>24</v>
      </c>
      <c r="Z33" s="208">
        <v>54</v>
      </c>
      <c r="AA33" s="209">
        <v>78</v>
      </c>
      <c r="AB33" s="200">
        <v>0</v>
      </c>
      <c r="AC33" s="208">
        <v>146</v>
      </c>
      <c r="AD33" s="208">
        <v>130</v>
      </c>
      <c r="AE33" s="208">
        <v>74</v>
      </c>
      <c r="AF33" s="208">
        <v>52</v>
      </c>
      <c r="AG33" s="208">
        <v>32</v>
      </c>
      <c r="AH33" s="209">
        <v>434</v>
      </c>
      <c r="AI33" s="210">
        <v>512</v>
      </c>
    </row>
    <row r="34" spans="2:35" ht="21" customHeight="1" x14ac:dyDescent="0.2">
      <c r="B34" s="472" t="s">
        <v>33</v>
      </c>
      <c r="C34" s="207">
        <v>37</v>
      </c>
      <c r="D34" s="208">
        <v>65</v>
      </c>
      <c r="E34" s="209">
        <v>102</v>
      </c>
      <c r="F34" s="200">
        <v>0</v>
      </c>
      <c r="G34" s="208">
        <v>132</v>
      </c>
      <c r="H34" s="208">
        <v>87</v>
      </c>
      <c r="I34" s="208">
        <v>65</v>
      </c>
      <c r="J34" s="208">
        <v>26</v>
      </c>
      <c r="K34" s="208">
        <v>29</v>
      </c>
      <c r="L34" s="209">
        <v>339</v>
      </c>
      <c r="M34" s="210">
        <v>441</v>
      </c>
      <c r="N34" s="211">
        <v>0</v>
      </c>
      <c r="O34" s="208">
        <v>0</v>
      </c>
      <c r="P34" s="209">
        <v>0</v>
      </c>
      <c r="Q34" s="200">
        <v>0</v>
      </c>
      <c r="R34" s="208">
        <v>2</v>
      </c>
      <c r="S34" s="208">
        <v>1</v>
      </c>
      <c r="T34" s="208">
        <v>0</v>
      </c>
      <c r="U34" s="208">
        <v>0</v>
      </c>
      <c r="V34" s="208">
        <v>1</v>
      </c>
      <c r="W34" s="209">
        <v>4</v>
      </c>
      <c r="X34" s="210">
        <v>4</v>
      </c>
      <c r="Y34" s="207">
        <v>37</v>
      </c>
      <c r="Z34" s="208">
        <v>65</v>
      </c>
      <c r="AA34" s="209">
        <v>102</v>
      </c>
      <c r="AB34" s="200">
        <v>0</v>
      </c>
      <c r="AC34" s="208">
        <v>134</v>
      </c>
      <c r="AD34" s="208">
        <v>88</v>
      </c>
      <c r="AE34" s="208">
        <v>65</v>
      </c>
      <c r="AF34" s="208">
        <v>26</v>
      </c>
      <c r="AG34" s="208">
        <v>30</v>
      </c>
      <c r="AH34" s="209">
        <v>343</v>
      </c>
      <c r="AI34" s="210">
        <v>445</v>
      </c>
    </row>
    <row r="35" spans="2:35" ht="21" customHeight="1" x14ac:dyDescent="0.2">
      <c r="B35" s="472" t="s">
        <v>34</v>
      </c>
      <c r="C35" s="207">
        <v>21</v>
      </c>
      <c r="D35" s="208">
        <v>26</v>
      </c>
      <c r="E35" s="209">
        <v>47</v>
      </c>
      <c r="F35" s="200">
        <v>0</v>
      </c>
      <c r="G35" s="208">
        <v>92</v>
      </c>
      <c r="H35" s="208">
        <v>67</v>
      </c>
      <c r="I35" s="208">
        <v>37</v>
      </c>
      <c r="J35" s="208">
        <v>39</v>
      </c>
      <c r="K35" s="208">
        <v>19</v>
      </c>
      <c r="L35" s="209">
        <v>254</v>
      </c>
      <c r="M35" s="210">
        <v>301</v>
      </c>
      <c r="N35" s="211">
        <v>0</v>
      </c>
      <c r="O35" s="208">
        <v>0</v>
      </c>
      <c r="P35" s="209">
        <v>0</v>
      </c>
      <c r="Q35" s="200">
        <v>0</v>
      </c>
      <c r="R35" s="208">
        <v>3</v>
      </c>
      <c r="S35" s="208">
        <v>3</v>
      </c>
      <c r="T35" s="208">
        <v>1</v>
      </c>
      <c r="U35" s="208">
        <v>1</v>
      </c>
      <c r="V35" s="208">
        <v>1</v>
      </c>
      <c r="W35" s="209">
        <v>9</v>
      </c>
      <c r="X35" s="210">
        <v>9</v>
      </c>
      <c r="Y35" s="207">
        <v>21</v>
      </c>
      <c r="Z35" s="208">
        <v>26</v>
      </c>
      <c r="AA35" s="209">
        <v>47</v>
      </c>
      <c r="AB35" s="200">
        <v>0</v>
      </c>
      <c r="AC35" s="208">
        <v>95</v>
      </c>
      <c r="AD35" s="208">
        <v>70</v>
      </c>
      <c r="AE35" s="208">
        <v>38</v>
      </c>
      <c r="AF35" s="208">
        <v>40</v>
      </c>
      <c r="AG35" s="208">
        <v>20</v>
      </c>
      <c r="AH35" s="209">
        <v>263</v>
      </c>
      <c r="AI35" s="210">
        <v>310</v>
      </c>
    </row>
    <row r="36" spans="2:35" ht="21" customHeight="1" x14ac:dyDescent="0.2">
      <c r="B36" s="472" t="s">
        <v>35</v>
      </c>
      <c r="C36" s="207">
        <v>79</v>
      </c>
      <c r="D36" s="208">
        <v>126</v>
      </c>
      <c r="E36" s="209">
        <v>205</v>
      </c>
      <c r="F36" s="200">
        <v>0</v>
      </c>
      <c r="G36" s="208">
        <v>387</v>
      </c>
      <c r="H36" s="208">
        <v>215</v>
      </c>
      <c r="I36" s="208">
        <v>139</v>
      </c>
      <c r="J36" s="208">
        <v>132</v>
      </c>
      <c r="K36" s="208">
        <v>48</v>
      </c>
      <c r="L36" s="209">
        <v>921</v>
      </c>
      <c r="M36" s="210">
        <v>1126</v>
      </c>
      <c r="N36" s="211">
        <v>0</v>
      </c>
      <c r="O36" s="208">
        <v>1</v>
      </c>
      <c r="P36" s="209">
        <v>1</v>
      </c>
      <c r="Q36" s="200">
        <v>0</v>
      </c>
      <c r="R36" s="208">
        <v>2</v>
      </c>
      <c r="S36" s="208">
        <v>4</v>
      </c>
      <c r="T36" s="208">
        <v>2</v>
      </c>
      <c r="U36" s="208">
        <v>2</v>
      </c>
      <c r="V36" s="208">
        <v>2</v>
      </c>
      <c r="W36" s="209">
        <v>12</v>
      </c>
      <c r="X36" s="210">
        <v>13</v>
      </c>
      <c r="Y36" s="207">
        <v>79</v>
      </c>
      <c r="Z36" s="208">
        <v>127</v>
      </c>
      <c r="AA36" s="209">
        <v>206</v>
      </c>
      <c r="AB36" s="200">
        <v>0</v>
      </c>
      <c r="AC36" s="208">
        <v>389</v>
      </c>
      <c r="AD36" s="208">
        <v>219</v>
      </c>
      <c r="AE36" s="208">
        <v>141</v>
      </c>
      <c r="AF36" s="208">
        <v>134</v>
      </c>
      <c r="AG36" s="208">
        <v>50</v>
      </c>
      <c r="AH36" s="209">
        <v>933</v>
      </c>
      <c r="AI36" s="210">
        <v>1139</v>
      </c>
    </row>
    <row r="37" spans="2:35" ht="21" customHeight="1" x14ac:dyDescent="0.2">
      <c r="B37" s="472" t="s">
        <v>36</v>
      </c>
      <c r="C37" s="207">
        <v>49</v>
      </c>
      <c r="D37" s="208">
        <v>126</v>
      </c>
      <c r="E37" s="209">
        <v>175</v>
      </c>
      <c r="F37" s="200">
        <v>0</v>
      </c>
      <c r="G37" s="208">
        <v>292</v>
      </c>
      <c r="H37" s="208">
        <v>277</v>
      </c>
      <c r="I37" s="208">
        <v>139</v>
      </c>
      <c r="J37" s="208">
        <v>120</v>
      </c>
      <c r="K37" s="208">
        <v>79</v>
      </c>
      <c r="L37" s="209">
        <v>907</v>
      </c>
      <c r="M37" s="210">
        <v>1082</v>
      </c>
      <c r="N37" s="211">
        <v>1</v>
      </c>
      <c r="O37" s="208">
        <v>5</v>
      </c>
      <c r="P37" s="209">
        <v>6</v>
      </c>
      <c r="Q37" s="200">
        <v>0</v>
      </c>
      <c r="R37" s="208">
        <v>5</v>
      </c>
      <c r="S37" s="208">
        <v>5</v>
      </c>
      <c r="T37" s="208">
        <v>6</v>
      </c>
      <c r="U37" s="208">
        <v>1</v>
      </c>
      <c r="V37" s="208">
        <v>3</v>
      </c>
      <c r="W37" s="209">
        <v>20</v>
      </c>
      <c r="X37" s="210">
        <v>26</v>
      </c>
      <c r="Y37" s="207">
        <v>50</v>
      </c>
      <c r="Z37" s="208">
        <v>131</v>
      </c>
      <c r="AA37" s="209">
        <v>181</v>
      </c>
      <c r="AB37" s="200">
        <v>0</v>
      </c>
      <c r="AC37" s="208">
        <v>297</v>
      </c>
      <c r="AD37" s="208">
        <v>282</v>
      </c>
      <c r="AE37" s="208">
        <v>145</v>
      </c>
      <c r="AF37" s="208">
        <v>121</v>
      </c>
      <c r="AG37" s="208">
        <v>82</v>
      </c>
      <c r="AH37" s="209">
        <v>927</v>
      </c>
      <c r="AI37" s="210">
        <v>1108</v>
      </c>
    </row>
    <row r="38" spans="2:35" ht="21" customHeight="1" thickBot="1" x14ac:dyDescent="0.25">
      <c r="B38" s="473" t="s">
        <v>37</v>
      </c>
      <c r="C38" s="212">
        <v>17</v>
      </c>
      <c r="D38" s="213">
        <v>4</v>
      </c>
      <c r="E38" s="214">
        <v>21</v>
      </c>
      <c r="F38" s="201">
        <v>0</v>
      </c>
      <c r="G38" s="213">
        <v>26</v>
      </c>
      <c r="H38" s="213">
        <v>20</v>
      </c>
      <c r="I38" s="213">
        <v>17</v>
      </c>
      <c r="J38" s="213">
        <v>12</v>
      </c>
      <c r="K38" s="213">
        <v>8</v>
      </c>
      <c r="L38" s="214">
        <v>83</v>
      </c>
      <c r="M38" s="215">
        <v>104</v>
      </c>
      <c r="N38" s="216">
        <v>0</v>
      </c>
      <c r="O38" s="213">
        <v>0</v>
      </c>
      <c r="P38" s="214">
        <v>0</v>
      </c>
      <c r="Q38" s="201">
        <v>0</v>
      </c>
      <c r="R38" s="213">
        <v>0</v>
      </c>
      <c r="S38" s="213">
        <v>3</v>
      </c>
      <c r="T38" s="213">
        <v>0</v>
      </c>
      <c r="U38" s="213">
        <v>1</v>
      </c>
      <c r="V38" s="213">
        <v>0</v>
      </c>
      <c r="W38" s="214">
        <v>4</v>
      </c>
      <c r="X38" s="215">
        <v>4</v>
      </c>
      <c r="Y38" s="212">
        <v>17</v>
      </c>
      <c r="Z38" s="213">
        <v>4</v>
      </c>
      <c r="AA38" s="214">
        <v>21</v>
      </c>
      <c r="AB38" s="201">
        <v>0</v>
      </c>
      <c r="AC38" s="213">
        <v>26</v>
      </c>
      <c r="AD38" s="213">
        <v>23</v>
      </c>
      <c r="AE38" s="213">
        <v>17</v>
      </c>
      <c r="AF38" s="213">
        <v>13</v>
      </c>
      <c r="AG38" s="213">
        <v>8</v>
      </c>
      <c r="AH38" s="214">
        <v>87</v>
      </c>
      <c r="AI38" s="215">
        <v>108</v>
      </c>
    </row>
    <row r="39" spans="2:35" x14ac:dyDescent="0.2">
      <c r="AA39" s="16"/>
      <c r="AB39" s="16"/>
      <c r="AC39" s="16"/>
      <c r="AD39" s="16"/>
      <c r="AE39" s="16"/>
      <c r="AF39" s="16"/>
      <c r="AG39" s="16"/>
      <c r="AH39" s="16"/>
      <c r="AI39" s="16"/>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48"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9</v>
      </c>
      <c r="L1" s="504">
        <f>IF(K1&lt;3,K1+12-2,K1-2)</f>
        <v>7</v>
      </c>
      <c r="M1" s="504"/>
    </row>
    <row r="2" spans="2:156" ht="24" customHeight="1" thickBot="1" x14ac:dyDescent="0.25">
      <c r="B2" s="271" t="s">
        <v>137</v>
      </c>
      <c r="G2" s="234"/>
      <c r="H2" s="235"/>
      <c r="J2" s="241"/>
      <c r="K2" s="241"/>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244" t="s">
        <v>43</v>
      </c>
      <c r="D5" s="243" t="s">
        <v>44</v>
      </c>
      <c r="E5" s="356" t="s">
        <v>45</v>
      </c>
      <c r="F5" s="248" t="s">
        <v>83</v>
      </c>
      <c r="G5" s="243" t="s">
        <v>47</v>
      </c>
      <c r="H5" s="243" t="s">
        <v>48</v>
      </c>
      <c r="I5" s="243" t="s">
        <v>49</v>
      </c>
      <c r="J5" s="243" t="s">
        <v>50</v>
      </c>
      <c r="K5" s="243" t="s">
        <v>51</v>
      </c>
      <c r="L5" s="249" t="s">
        <v>45</v>
      </c>
      <c r="M5" s="506"/>
      <c r="N5" s="244" t="s">
        <v>43</v>
      </c>
      <c r="O5" s="243" t="s">
        <v>44</v>
      </c>
      <c r="P5" s="246" t="s">
        <v>45</v>
      </c>
      <c r="Q5" s="248" t="s">
        <v>83</v>
      </c>
      <c r="R5" s="243" t="s">
        <v>47</v>
      </c>
      <c r="S5" s="243" t="s">
        <v>48</v>
      </c>
      <c r="T5" s="243" t="s">
        <v>49</v>
      </c>
      <c r="U5" s="243" t="s">
        <v>50</v>
      </c>
      <c r="V5" s="243" t="s">
        <v>51</v>
      </c>
      <c r="W5" s="246" t="s">
        <v>45</v>
      </c>
      <c r="X5" s="506"/>
      <c r="Y5" s="244" t="s">
        <v>43</v>
      </c>
      <c r="Z5" s="243" t="s">
        <v>44</v>
      </c>
      <c r="AA5" s="246" t="s">
        <v>45</v>
      </c>
      <c r="AB5" s="248" t="s">
        <v>83</v>
      </c>
      <c r="AC5" s="243" t="s">
        <v>47</v>
      </c>
      <c r="AD5" s="243" t="s">
        <v>48</v>
      </c>
      <c r="AE5" s="243" t="s">
        <v>49</v>
      </c>
      <c r="AF5" s="243" t="s">
        <v>50</v>
      </c>
      <c r="AG5" s="243" t="s">
        <v>51</v>
      </c>
      <c r="AH5" s="246" t="s">
        <v>45</v>
      </c>
      <c r="AI5" s="506"/>
      <c r="AJ5" s="244" t="s">
        <v>43</v>
      </c>
      <c r="AK5" s="243" t="s">
        <v>44</v>
      </c>
      <c r="AL5" s="246" t="s">
        <v>45</v>
      </c>
      <c r="AM5" s="248" t="s">
        <v>83</v>
      </c>
      <c r="AN5" s="243" t="s">
        <v>47</v>
      </c>
      <c r="AO5" s="243" t="s">
        <v>48</v>
      </c>
      <c r="AP5" s="243" t="s">
        <v>49</v>
      </c>
      <c r="AQ5" s="243" t="s">
        <v>50</v>
      </c>
      <c r="AR5" s="243" t="s">
        <v>51</v>
      </c>
      <c r="AS5" s="246" t="s">
        <v>45</v>
      </c>
      <c r="AT5" s="506"/>
      <c r="AU5" s="244" t="s">
        <v>43</v>
      </c>
      <c r="AV5" s="243" t="s">
        <v>44</v>
      </c>
      <c r="AW5" s="246" t="s">
        <v>45</v>
      </c>
      <c r="AX5" s="248" t="s">
        <v>83</v>
      </c>
      <c r="AY5" s="243" t="s">
        <v>47</v>
      </c>
      <c r="AZ5" s="243" t="s">
        <v>48</v>
      </c>
      <c r="BA5" s="243" t="s">
        <v>49</v>
      </c>
      <c r="BB5" s="243" t="s">
        <v>50</v>
      </c>
      <c r="BC5" s="243" t="s">
        <v>51</v>
      </c>
      <c r="BD5" s="249" t="s">
        <v>45</v>
      </c>
      <c r="BE5" s="506"/>
      <c r="BF5" s="244" t="s">
        <v>43</v>
      </c>
      <c r="BG5" s="243" t="s">
        <v>44</v>
      </c>
      <c r="BH5" s="246" t="s">
        <v>45</v>
      </c>
      <c r="BI5" s="248" t="s">
        <v>83</v>
      </c>
      <c r="BJ5" s="243" t="s">
        <v>47</v>
      </c>
      <c r="BK5" s="243" t="s">
        <v>48</v>
      </c>
      <c r="BL5" s="243" t="s">
        <v>49</v>
      </c>
      <c r="BM5" s="243" t="s">
        <v>50</v>
      </c>
      <c r="BN5" s="243" t="s">
        <v>51</v>
      </c>
      <c r="BO5" s="246" t="s">
        <v>45</v>
      </c>
      <c r="BP5" s="506"/>
      <c r="BQ5" s="244" t="s">
        <v>43</v>
      </c>
      <c r="BR5" s="243" t="s">
        <v>44</v>
      </c>
      <c r="BS5" s="246" t="s">
        <v>45</v>
      </c>
      <c r="BT5" s="248" t="s">
        <v>83</v>
      </c>
      <c r="BU5" s="243" t="s">
        <v>47</v>
      </c>
      <c r="BV5" s="243" t="s">
        <v>48</v>
      </c>
      <c r="BW5" s="243" t="s">
        <v>49</v>
      </c>
      <c r="BX5" s="243" t="s">
        <v>50</v>
      </c>
      <c r="BY5" s="243" t="s">
        <v>51</v>
      </c>
      <c r="BZ5" s="246" t="s">
        <v>45</v>
      </c>
      <c r="CA5" s="506"/>
      <c r="CB5" s="244" t="s">
        <v>43</v>
      </c>
      <c r="CC5" s="243" t="s">
        <v>44</v>
      </c>
      <c r="CD5" s="246" t="s">
        <v>45</v>
      </c>
      <c r="CE5" s="248" t="s">
        <v>83</v>
      </c>
      <c r="CF5" s="243" t="s">
        <v>47</v>
      </c>
      <c r="CG5" s="243" t="s">
        <v>48</v>
      </c>
      <c r="CH5" s="243" t="s">
        <v>49</v>
      </c>
      <c r="CI5" s="243" t="s">
        <v>50</v>
      </c>
      <c r="CJ5" s="243" t="s">
        <v>51</v>
      </c>
      <c r="CK5" s="246" t="s">
        <v>45</v>
      </c>
      <c r="CL5" s="506"/>
      <c r="CM5" s="244" t="s">
        <v>43</v>
      </c>
      <c r="CN5" s="243" t="s">
        <v>44</v>
      </c>
      <c r="CO5" s="246" t="s">
        <v>45</v>
      </c>
      <c r="CP5" s="248" t="s">
        <v>83</v>
      </c>
      <c r="CQ5" s="243" t="s">
        <v>47</v>
      </c>
      <c r="CR5" s="243" t="s">
        <v>48</v>
      </c>
      <c r="CS5" s="243" t="s">
        <v>49</v>
      </c>
      <c r="CT5" s="243" t="s">
        <v>50</v>
      </c>
      <c r="CU5" s="243" t="s">
        <v>51</v>
      </c>
      <c r="CV5" s="246" t="s">
        <v>45</v>
      </c>
      <c r="CW5" s="506"/>
      <c r="CX5" s="244" t="s">
        <v>43</v>
      </c>
      <c r="CY5" s="243" t="s">
        <v>44</v>
      </c>
      <c r="CZ5" s="246" t="s">
        <v>45</v>
      </c>
      <c r="DA5" s="248" t="s">
        <v>83</v>
      </c>
      <c r="DB5" s="243" t="s">
        <v>47</v>
      </c>
      <c r="DC5" s="243" t="s">
        <v>48</v>
      </c>
      <c r="DD5" s="243" t="s">
        <v>49</v>
      </c>
      <c r="DE5" s="243" t="s">
        <v>50</v>
      </c>
      <c r="DF5" s="243" t="s">
        <v>51</v>
      </c>
      <c r="DG5" s="246" t="s">
        <v>45</v>
      </c>
      <c r="DH5" s="506"/>
      <c r="DI5" s="321" t="s">
        <v>43</v>
      </c>
      <c r="DJ5" s="243" t="s">
        <v>44</v>
      </c>
      <c r="DK5" s="246" t="s">
        <v>45</v>
      </c>
      <c r="DL5" s="248" t="s">
        <v>83</v>
      </c>
      <c r="DM5" s="243" t="s">
        <v>47</v>
      </c>
      <c r="DN5" s="243" t="s">
        <v>48</v>
      </c>
      <c r="DO5" s="243" t="s">
        <v>49</v>
      </c>
      <c r="DP5" s="243" t="s">
        <v>50</v>
      </c>
      <c r="DQ5" s="243" t="s">
        <v>51</v>
      </c>
      <c r="DR5" s="246" t="s">
        <v>45</v>
      </c>
      <c r="DS5" s="506"/>
      <c r="DT5" s="244" t="s">
        <v>43</v>
      </c>
      <c r="DU5" s="243" t="s">
        <v>44</v>
      </c>
      <c r="DV5" s="246" t="s">
        <v>45</v>
      </c>
      <c r="DW5" s="248" t="s">
        <v>83</v>
      </c>
      <c r="DX5" s="243" t="s">
        <v>47</v>
      </c>
      <c r="DY5" s="243" t="s">
        <v>48</v>
      </c>
      <c r="DZ5" s="243" t="s">
        <v>49</v>
      </c>
      <c r="EA5" s="243" t="s">
        <v>50</v>
      </c>
      <c r="EB5" s="243" t="s">
        <v>51</v>
      </c>
      <c r="EC5" s="246" t="s">
        <v>45</v>
      </c>
      <c r="ED5" s="506"/>
      <c r="EE5" s="244" t="s">
        <v>43</v>
      </c>
      <c r="EF5" s="243" t="s">
        <v>44</v>
      </c>
      <c r="EG5" s="246" t="s">
        <v>45</v>
      </c>
      <c r="EH5" s="248" t="s">
        <v>83</v>
      </c>
      <c r="EI5" s="243" t="s">
        <v>47</v>
      </c>
      <c r="EJ5" s="243" t="s">
        <v>48</v>
      </c>
      <c r="EK5" s="243" t="s">
        <v>49</v>
      </c>
      <c r="EL5" s="243" t="s">
        <v>50</v>
      </c>
      <c r="EM5" s="243" t="s">
        <v>51</v>
      </c>
      <c r="EN5" s="246" t="s">
        <v>45</v>
      </c>
      <c r="EO5" s="506"/>
      <c r="EP5" s="244"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9101</v>
      </c>
      <c r="H6" s="254">
        <v>22880</v>
      </c>
      <c r="I6" s="254">
        <v>12783</v>
      </c>
      <c r="J6" s="254">
        <v>10142</v>
      </c>
      <c r="K6" s="254">
        <v>7627</v>
      </c>
      <c r="L6" s="255">
        <v>72533</v>
      </c>
      <c r="M6" s="256">
        <v>72533</v>
      </c>
      <c r="N6" s="250">
        <v>1</v>
      </c>
      <c r="O6" s="254">
        <v>13</v>
      </c>
      <c r="P6" s="251">
        <v>14</v>
      </c>
      <c r="Q6" s="253">
        <v>0</v>
      </c>
      <c r="R6" s="254">
        <v>107</v>
      </c>
      <c r="S6" s="254">
        <v>445</v>
      </c>
      <c r="T6" s="254">
        <v>757</v>
      </c>
      <c r="U6" s="254">
        <v>1975</v>
      </c>
      <c r="V6" s="254">
        <v>3468</v>
      </c>
      <c r="W6" s="251">
        <v>6752</v>
      </c>
      <c r="X6" s="256">
        <v>6766</v>
      </c>
      <c r="Y6" s="250">
        <v>2331</v>
      </c>
      <c r="Z6" s="254">
        <v>5733</v>
      </c>
      <c r="AA6" s="251">
        <v>8064</v>
      </c>
      <c r="AB6" s="253">
        <v>0</v>
      </c>
      <c r="AC6" s="254">
        <v>11870</v>
      </c>
      <c r="AD6" s="254">
        <v>16792</v>
      </c>
      <c r="AE6" s="254">
        <v>10162</v>
      </c>
      <c r="AF6" s="254">
        <v>8754</v>
      </c>
      <c r="AG6" s="254">
        <v>6631</v>
      </c>
      <c r="AH6" s="251">
        <v>54209</v>
      </c>
      <c r="AI6" s="256">
        <v>62273</v>
      </c>
      <c r="AJ6" s="250">
        <v>259</v>
      </c>
      <c r="AK6" s="254">
        <v>819</v>
      </c>
      <c r="AL6" s="251">
        <v>1078</v>
      </c>
      <c r="AM6" s="253">
        <v>0</v>
      </c>
      <c r="AN6" s="254">
        <v>1081</v>
      </c>
      <c r="AO6" s="254">
        <v>1729</v>
      </c>
      <c r="AP6" s="254">
        <v>1099</v>
      </c>
      <c r="AQ6" s="254">
        <v>955</v>
      </c>
      <c r="AR6" s="254">
        <v>588</v>
      </c>
      <c r="AS6" s="251">
        <v>5452</v>
      </c>
      <c r="AT6" s="256">
        <v>6530</v>
      </c>
      <c r="AU6" s="250">
        <v>2872</v>
      </c>
      <c r="AV6" s="254">
        <v>3946</v>
      </c>
      <c r="AW6" s="251">
        <v>6818</v>
      </c>
      <c r="AX6" s="253">
        <v>0</v>
      </c>
      <c r="AY6" s="254">
        <v>18278</v>
      </c>
      <c r="AZ6" s="254">
        <v>22934</v>
      </c>
      <c r="BA6" s="254">
        <v>20111</v>
      </c>
      <c r="BB6" s="254">
        <v>19639</v>
      </c>
      <c r="BC6" s="254">
        <v>15003</v>
      </c>
      <c r="BD6" s="255">
        <v>95965</v>
      </c>
      <c r="BE6" s="256">
        <v>102783</v>
      </c>
      <c r="BF6" s="250">
        <v>0</v>
      </c>
      <c r="BG6" s="254">
        <v>0</v>
      </c>
      <c r="BH6" s="251">
        <v>0</v>
      </c>
      <c r="BI6" s="253">
        <v>0</v>
      </c>
      <c r="BJ6" s="254">
        <v>22047</v>
      </c>
      <c r="BK6" s="254">
        <v>21181</v>
      </c>
      <c r="BL6" s="254">
        <v>11258</v>
      </c>
      <c r="BM6" s="254">
        <v>6597</v>
      </c>
      <c r="BN6" s="254">
        <v>3162</v>
      </c>
      <c r="BO6" s="251">
        <v>64245</v>
      </c>
      <c r="BP6" s="256">
        <v>64245</v>
      </c>
      <c r="BQ6" s="250">
        <v>1580</v>
      </c>
      <c r="BR6" s="254">
        <v>2639</v>
      </c>
      <c r="BS6" s="251">
        <v>4219</v>
      </c>
      <c r="BT6" s="253">
        <v>0</v>
      </c>
      <c r="BU6" s="254">
        <v>4357</v>
      </c>
      <c r="BV6" s="254">
        <v>6494</v>
      </c>
      <c r="BW6" s="254">
        <v>3807</v>
      </c>
      <c r="BX6" s="254">
        <v>2396</v>
      </c>
      <c r="BY6" s="254">
        <v>894</v>
      </c>
      <c r="BZ6" s="251">
        <v>17948</v>
      </c>
      <c r="CA6" s="256">
        <v>22167</v>
      </c>
      <c r="CB6" s="250">
        <v>75</v>
      </c>
      <c r="CC6" s="254">
        <v>245</v>
      </c>
      <c r="CD6" s="251">
        <v>320</v>
      </c>
      <c r="CE6" s="253">
        <v>0</v>
      </c>
      <c r="CF6" s="254">
        <v>2237</v>
      </c>
      <c r="CG6" s="254">
        <v>3706</v>
      </c>
      <c r="CH6" s="254">
        <v>4487</v>
      </c>
      <c r="CI6" s="254">
        <v>3330</v>
      </c>
      <c r="CJ6" s="254">
        <v>1786</v>
      </c>
      <c r="CK6" s="251">
        <v>15546</v>
      </c>
      <c r="CL6" s="256">
        <v>15866</v>
      </c>
      <c r="CM6" s="250">
        <v>6</v>
      </c>
      <c r="CN6" s="254">
        <v>25</v>
      </c>
      <c r="CO6" s="251">
        <v>31</v>
      </c>
      <c r="CP6" s="253">
        <v>0</v>
      </c>
      <c r="CQ6" s="254">
        <v>228</v>
      </c>
      <c r="CR6" s="254">
        <v>517</v>
      </c>
      <c r="CS6" s="254">
        <v>610</v>
      </c>
      <c r="CT6" s="254">
        <v>571</v>
      </c>
      <c r="CU6" s="254">
        <v>362</v>
      </c>
      <c r="CV6" s="251">
        <v>2288</v>
      </c>
      <c r="CW6" s="256">
        <v>2319</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11064</v>
      </c>
      <c r="DU6" s="254">
        <v>23593</v>
      </c>
      <c r="DV6" s="251">
        <v>34657</v>
      </c>
      <c r="DW6" s="253">
        <v>0</v>
      </c>
      <c r="DX6" s="254">
        <v>27186</v>
      </c>
      <c r="DY6" s="254">
        <v>46071</v>
      </c>
      <c r="DZ6" s="254">
        <v>27101</v>
      </c>
      <c r="EA6" s="254">
        <v>20876</v>
      </c>
      <c r="EB6" s="254">
        <v>13242</v>
      </c>
      <c r="EC6" s="251">
        <v>134476</v>
      </c>
      <c r="ED6" s="256">
        <v>169133</v>
      </c>
      <c r="EE6" s="250">
        <v>1607</v>
      </c>
      <c r="EF6" s="254">
        <v>1245</v>
      </c>
      <c r="EG6" s="251">
        <v>2852</v>
      </c>
      <c r="EH6" s="253">
        <v>0</v>
      </c>
      <c r="EI6" s="254">
        <v>5941</v>
      </c>
      <c r="EJ6" s="254">
        <v>5484</v>
      </c>
      <c r="EK6" s="254">
        <v>4872</v>
      </c>
      <c r="EL6" s="254">
        <v>5569</v>
      </c>
      <c r="EM6" s="254">
        <v>3176</v>
      </c>
      <c r="EN6" s="251">
        <v>25042</v>
      </c>
      <c r="EO6" s="256">
        <v>27894</v>
      </c>
      <c r="EP6" s="250">
        <v>14219</v>
      </c>
      <c r="EQ6" s="254">
        <v>28164</v>
      </c>
      <c r="ER6" s="251">
        <v>42383</v>
      </c>
      <c r="ES6" s="253">
        <v>0</v>
      </c>
      <c r="ET6" s="254">
        <v>57523</v>
      </c>
      <c r="EU6" s="254">
        <v>61523</v>
      </c>
      <c r="EV6" s="254">
        <v>32279</v>
      </c>
      <c r="EW6" s="254">
        <v>22438</v>
      </c>
      <c r="EX6" s="254">
        <v>13618</v>
      </c>
      <c r="EY6" s="251">
        <v>187381</v>
      </c>
      <c r="EZ6" s="256">
        <v>229764</v>
      </c>
    </row>
    <row r="7" spans="2:156" ht="21" customHeight="1" x14ac:dyDescent="0.2">
      <c r="B7" s="471" t="s">
        <v>5</v>
      </c>
      <c r="C7" s="257">
        <v>0</v>
      </c>
      <c r="D7" s="261">
        <v>0</v>
      </c>
      <c r="E7" s="358">
        <v>0</v>
      </c>
      <c r="F7" s="260">
        <v>0</v>
      </c>
      <c r="G7" s="261">
        <v>6757</v>
      </c>
      <c r="H7" s="261">
        <v>11263</v>
      </c>
      <c r="I7" s="261">
        <v>5578</v>
      </c>
      <c r="J7" s="261">
        <v>4168</v>
      </c>
      <c r="K7" s="261">
        <v>3120</v>
      </c>
      <c r="L7" s="262">
        <v>30886</v>
      </c>
      <c r="M7" s="263">
        <v>30886</v>
      </c>
      <c r="N7" s="257">
        <v>0</v>
      </c>
      <c r="O7" s="261">
        <v>5</v>
      </c>
      <c r="P7" s="258">
        <v>5</v>
      </c>
      <c r="Q7" s="260">
        <v>0</v>
      </c>
      <c r="R7" s="261">
        <v>23</v>
      </c>
      <c r="S7" s="261">
        <v>162</v>
      </c>
      <c r="T7" s="261">
        <v>269</v>
      </c>
      <c r="U7" s="261">
        <v>776</v>
      </c>
      <c r="V7" s="261">
        <v>1511</v>
      </c>
      <c r="W7" s="258">
        <v>2741</v>
      </c>
      <c r="X7" s="263">
        <v>2746</v>
      </c>
      <c r="Y7" s="257">
        <v>1026</v>
      </c>
      <c r="Z7" s="261">
        <v>3003</v>
      </c>
      <c r="AA7" s="258">
        <v>4029</v>
      </c>
      <c r="AB7" s="260">
        <v>0</v>
      </c>
      <c r="AC7" s="261">
        <v>4256</v>
      </c>
      <c r="AD7" s="261">
        <v>8447</v>
      </c>
      <c r="AE7" s="261">
        <v>4831</v>
      </c>
      <c r="AF7" s="261">
        <v>3888</v>
      </c>
      <c r="AG7" s="261">
        <v>2947</v>
      </c>
      <c r="AH7" s="258">
        <v>24369</v>
      </c>
      <c r="AI7" s="263">
        <v>28398</v>
      </c>
      <c r="AJ7" s="257">
        <v>102</v>
      </c>
      <c r="AK7" s="261">
        <v>417</v>
      </c>
      <c r="AL7" s="258">
        <v>519</v>
      </c>
      <c r="AM7" s="260">
        <v>0</v>
      </c>
      <c r="AN7" s="261">
        <v>262</v>
      </c>
      <c r="AO7" s="261">
        <v>694</v>
      </c>
      <c r="AP7" s="261">
        <v>455</v>
      </c>
      <c r="AQ7" s="261">
        <v>382</v>
      </c>
      <c r="AR7" s="261">
        <v>226</v>
      </c>
      <c r="AS7" s="258">
        <v>2019</v>
      </c>
      <c r="AT7" s="263">
        <v>2538</v>
      </c>
      <c r="AU7" s="257">
        <v>1212</v>
      </c>
      <c r="AV7" s="261">
        <v>1930</v>
      </c>
      <c r="AW7" s="258">
        <v>3142</v>
      </c>
      <c r="AX7" s="260">
        <v>0</v>
      </c>
      <c r="AY7" s="261">
        <v>6644</v>
      </c>
      <c r="AZ7" s="261">
        <v>9987</v>
      </c>
      <c r="BA7" s="261">
        <v>8200</v>
      </c>
      <c r="BB7" s="261">
        <v>7963</v>
      </c>
      <c r="BC7" s="261">
        <v>6197</v>
      </c>
      <c r="BD7" s="262">
        <v>38991</v>
      </c>
      <c r="BE7" s="263">
        <v>42133</v>
      </c>
      <c r="BF7" s="257">
        <v>0</v>
      </c>
      <c r="BG7" s="261">
        <v>0</v>
      </c>
      <c r="BH7" s="258">
        <v>0</v>
      </c>
      <c r="BI7" s="260">
        <v>0</v>
      </c>
      <c r="BJ7" s="261">
        <v>6871</v>
      </c>
      <c r="BK7" s="261">
        <v>8697</v>
      </c>
      <c r="BL7" s="261">
        <v>4220</v>
      </c>
      <c r="BM7" s="261">
        <v>2316</v>
      </c>
      <c r="BN7" s="261">
        <v>1137</v>
      </c>
      <c r="BO7" s="258">
        <v>23241</v>
      </c>
      <c r="BP7" s="263">
        <v>23241</v>
      </c>
      <c r="BQ7" s="257">
        <v>689</v>
      </c>
      <c r="BR7" s="261">
        <v>1203</v>
      </c>
      <c r="BS7" s="258">
        <v>1892</v>
      </c>
      <c r="BT7" s="260">
        <v>0</v>
      </c>
      <c r="BU7" s="261">
        <v>1315</v>
      </c>
      <c r="BV7" s="261">
        <v>2946</v>
      </c>
      <c r="BW7" s="261">
        <v>1681</v>
      </c>
      <c r="BX7" s="261">
        <v>1067</v>
      </c>
      <c r="BY7" s="261">
        <v>390</v>
      </c>
      <c r="BZ7" s="258">
        <v>7399</v>
      </c>
      <c r="CA7" s="263">
        <v>9291</v>
      </c>
      <c r="CB7" s="257">
        <v>28</v>
      </c>
      <c r="CC7" s="261">
        <v>84</v>
      </c>
      <c r="CD7" s="258">
        <v>112</v>
      </c>
      <c r="CE7" s="260">
        <v>0</v>
      </c>
      <c r="CF7" s="261">
        <v>631</v>
      </c>
      <c r="CG7" s="261">
        <v>1349</v>
      </c>
      <c r="CH7" s="261">
        <v>1646</v>
      </c>
      <c r="CI7" s="261">
        <v>1183</v>
      </c>
      <c r="CJ7" s="261">
        <v>635</v>
      </c>
      <c r="CK7" s="258">
        <v>5444</v>
      </c>
      <c r="CL7" s="263">
        <v>5556</v>
      </c>
      <c r="CM7" s="257">
        <v>3</v>
      </c>
      <c r="CN7" s="261">
        <v>19</v>
      </c>
      <c r="CO7" s="258">
        <v>22</v>
      </c>
      <c r="CP7" s="260">
        <v>0</v>
      </c>
      <c r="CQ7" s="261">
        <v>118</v>
      </c>
      <c r="CR7" s="261">
        <v>296</v>
      </c>
      <c r="CS7" s="261">
        <v>345</v>
      </c>
      <c r="CT7" s="261">
        <v>307</v>
      </c>
      <c r="CU7" s="261">
        <v>210</v>
      </c>
      <c r="CV7" s="258">
        <v>1276</v>
      </c>
      <c r="CW7" s="263">
        <v>1298</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3726</v>
      </c>
      <c r="DU7" s="261">
        <v>10136</v>
      </c>
      <c r="DV7" s="258">
        <v>13862</v>
      </c>
      <c r="DW7" s="260">
        <v>0</v>
      </c>
      <c r="DX7" s="261">
        <v>7665</v>
      </c>
      <c r="DY7" s="261">
        <v>20351</v>
      </c>
      <c r="DZ7" s="261">
        <v>11031</v>
      </c>
      <c r="EA7" s="261">
        <v>8268</v>
      </c>
      <c r="EB7" s="261">
        <v>5369</v>
      </c>
      <c r="EC7" s="258">
        <v>52684</v>
      </c>
      <c r="ED7" s="263">
        <v>66546</v>
      </c>
      <c r="EE7" s="257">
        <v>689</v>
      </c>
      <c r="EF7" s="261">
        <v>567</v>
      </c>
      <c r="EG7" s="258">
        <v>1256</v>
      </c>
      <c r="EH7" s="260">
        <v>0</v>
      </c>
      <c r="EI7" s="261">
        <v>2372</v>
      </c>
      <c r="EJ7" s="261">
        <v>2594</v>
      </c>
      <c r="EK7" s="261">
        <v>2092</v>
      </c>
      <c r="EL7" s="261">
        <v>2487</v>
      </c>
      <c r="EM7" s="261">
        <v>1392</v>
      </c>
      <c r="EN7" s="258">
        <v>10937</v>
      </c>
      <c r="EO7" s="263">
        <v>12193</v>
      </c>
      <c r="EP7" s="257">
        <v>5187</v>
      </c>
      <c r="EQ7" s="261">
        <v>12519</v>
      </c>
      <c r="ER7" s="258">
        <v>17706</v>
      </c>
      <c r="ES7" s="260">
        <v>0</v>
      </c>
      <c r="ET7" s="261">
        <v>18784</v>
      </c>
      <c r="EU7" s="261">
        <v>27658</v>
      </c>
      <c r="EV7" s="261">
        <v>13390</v>
      </c>
      <c r="EW7" s="261">
        <v>9050</v>
      </c>
      <c r="EX7" s="261">
        <v>5581</v>
      </c>
      <c r="EY7" s="258">
        <v>74463</v>
      </c>
      <c r="EZ7" s="263">
        <v>92169</v>
      </c>
    </row>
    <row r="8" spans="2:156" ht="21" customHeight="1" x14ac:dyDescent="0.2">
      <c r="B8" s="472" t="s">
        <v>6</v>
      </c>
      <c r="C8" s="257">
        <v>0</v>
      </c>
      <c r="D8" s="261">
        <v>0</v>
      </c>
      <c r="E8" s="358">
        <v>0</v>
      </c>
      <c r="F8" s="260">
        <v>0</v>
      </c>
      <c r="G8" s="261">
        <v>3347</v>
      </c>
      <c r="H8" s="261">
        <v>2999</v>
      </c>
      <c r="I8" s="261">
        <v>1789</v>
      </c>
      <c r="J8" s="261">
        <v>1569</v>
      </c>
      <c r="K8" s="261">
        <v>1239</v>
      </c>
      <c r="L8" s="262">
        <v>10943</v>
      </c>
      <c r="M8" s="263">
        <v>10943</v>
      </c>
      <c r="N8" s="257">
        <v>1</v>
      </c>
      <c r="O8" s="261">
        <v>2</v>
      </c>
      <c r="P8" s="258">
        <v>3</v>
      </c>
      <c r="Q8" s="260">
        <v>0</v>
      </c>
      <c r="R8" s="261">
        <v>20</v>
      </c>
      <c r="S8" s="261">
        <v>59</v>
      </c>
      <c r="T8" s="261">
        <v>92</v>
      </c>
      <c r="U8" s="261">
        <v>258</v>
      </c>
      <c r="V8" s="261">
        <v>507</v>
      </c>
      <c r="W8" s="258">
        <v>936</v>
      </c>
      <c r="X8" s="263">
        <v>939</v>
      </c>
      <c r="Y8" s="257">
        <v>352</v>
      </c>
      <c r="Z8" s="261">
        <v>761</v>
      </c>
      <c r="AA8" s="258">
        <v>1113</v>
      </c>
      <c r="AB8" s="260">
        <v>0</v>
      </c>
      <c r="AC8" s="261">
        <v>2153</v>
      </c>
      <c r="AD8" s="261">
        <v>2250</v>
      </c>
      <c r="AE8" s="261">
        <v>1385</v>
      </c>
      <c r="AF8" s="261">
        <v>1265</v>
      </c>
      <c r="AG8" s="261">
        <v>982</v>
      </c>
      <c r="AH8" s="258">
        <v>8035</v>
      </c>
      <c r="AI8" s="263">
        <v>9148</v>
      </c>
      <c r="AJ8" s="257">
        <v>21</v>
      </c>
      <c r="AK8" s="261">
        <v>62</v>
      </c>
      <c r="AL8" s="258">
        <v>83</v>
      </c>
      <c r="AM8" s="260">
        <v>0</v>
      </c>
      <c r="AN8" s="261">
        <v>180</v>
      </c>
      <c r="AO8" s="261">
        <v>205</v>
      </c>
      <c r="AP8" s="261">
        <v>118</v>
      </c>
      <c r="AQ8" s="261">
        <v>133</v>
      </c>
      <c r="AR8" s="261">
        <v>69</v>
      </c>
      <c r="AS8" s="258">
        <v>705</v>
      </c>
      <c r="AT8" s="263">
        <v>788</v>
      </c>
      <c r="AU8" s="257">
        <v>475</v>
      </c>
      <c r="AV8" s="261">
        <v>564</v>
      </c>
      <c r="AW8" s="258">
        <v>1039</v>
      </c>
      <c r="AX8" s="260">
        <v>0</v>
      </c>
      <c r="AY8" s="261">
        <v>3432</v>
      </c>
      <c r="AZ8" s="261">
        <v>3712</v>
      </c>
      <c r="BA8" s="261">
        <v>3254</v>
      </c>
      <c r="BB8" s="261">
        <v>3208</v>
      </c>
      <c r="BC8" s="261">
        <v>2590</v>
      </c>
      <c r="BD8" s="262">
        <v>16196</v>
      </c>
      <c r="BE8" s="263">
        <v>17235</v>
      </c>
      <c r="BF8" s="257">
        <v>0</v>
      </c>
      <c r="BG8" s="261">
        <v>0</v>
      </c>
      <c r="BH8" s="258">
        <v>0</v>
      </c>
      <c r="BI8" s="260">
        <v>0</v>
      </c>
      <c r="BJ8" s="261">
        <v>3642</v>
      </c>
      <c r="BK8" s="261">
        <v>2857</v>
      </c>
      <c r="BL8" s="261">
        <v>1572</v>
      </c>
      <c r="BM8" s="261">
        <v>1034</v>
      </c>
      <c r="BN8" s="261">
        <v>524</v>
      </c>
      <c r="BO8" s="258">
        <v>9629</v>
      </c>
      <c r="BP8" s="263">
        <v>9629</v>
      </c>
      <c r="BQ8" s="257">
        <v>123</v>
      </c>
      <c r="BR8" s="261">
        <v>211</v>
      </c>
      <c r="BS8" s="258">
        <v>334</v>
      </c>
      <c r="BT8" s="260">
        <v>0</v>
      </c>
      <c r="BU8" s="261">
        <v>584</v>
      </c>
      <c r="BV8" s="261">
        <v>711</v>
      </c>
      <c r="BW8" s="261">
        <v>469</v>
      </c>
      <c r="BX8" s="261">
        <v>326</v>
      </c>
      <c r="BY8" s="261">
        <v>134</v>
      </c>
      <c r="BZ8" s="258">
        <v>2224</v>
      </c>
      <c r="CA8" s="263">
        <v>2558</v>
      </c>
      <c r="CB8" s="257">
        <v>2</v>
      </c>
      <c r="CC8" s="261">
        <v>27</v>
      </c>
      <c r="CD8" s="258">
        <v>29</v>
      </c>
      <c r="CE8" s="260">
        <v>0</v>
      </c>
      <c r="CF8" s="261">
        <v>296</v>
      </c>
      <c r="CG8" s="261">
        <v>437</v>
      </c>
      <c r="CH8" s="261">
        <v>546</v>
      </c>
      <c r="CI8" s="261">
        <v>427</v>
      </c>
      <c r="CJ8" s="261">
        <v>258</v>
      </c>
      <c r="CK8" s="258">
        <v>1964</v>
      </c>
      <c r="CL8" s="263">
        <v>1993</v>
      </c>
      <c r="CM8" s="257">
        <v>0</v>
      </c>
      <c r="CN8" s="261">
        <v>2</v>
      </c>
      <c r="CO8" s="258">
        <v>2</v>
      </c>
      <c r="CP8" s="260">
        <v>0</v>
      </c>
      <c r="CQ8" s="261">
        <v>25</v>
      </c>
      <c r="CR8" s="261">
        <v>52</v>
      </c>
      <c r="CS8" s="261">
        <v>70</v>
      </c>
      <c r="CT8" s="261">
        <v>82</v>
      </c>
      <c r="CU8" s="261">
        <v>52</v>
      </c>
      <c r="CV8" s="258">
        <v>281</v>
      </c>
      <c r="CW8" s="263">
        <v>283</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633</v>
      </c>
      <c r="DU8" s="261">
        <v>2924</v>
      </c>
      <c r="DV8" s="258">
        <v>4557</v>
      </c>
      <c r="DW8" s="260">
        <v>0</v>
      </c>
      <c r="DX8" s="261">
        <v>4832</v>
      </c>
      <c r="DY8" s="261">
        <v>5935</v>
      </c>
      <c r="DZ8" s="261">
        <v>3885</v>
      </c>
      <c r="EA8" s="261">
        <v>3225</v>
      </c>
      <c r="EB8" s="261">
        <v>2105</v>
      </c>
      <c r="EC8" s="258">
        <v>19982</v>
      </c>
      <c r="ED8" s="263">
        <v>24539</v>
      </c>
      <c r="EE8" s="257">
        <v>227</v>
      </c>
      <c r="EF8" s="261">
        <v>161</v>
      </c>
      <c r="EG8" s="258">
        <v>388</v>
      </c>
      <c r="EH8" s="260">
        <v>0</v>
      </c>
      <c r="EI8" s="261">
        <v>876</v>
      </c>
      <c r="EJ8" s="261">
        <v>700</v>
      </c>
      <c r="EK8" s="261">
        <v>710</v>
      </c>
      <c r="EL8" s="261">
        <v>805</v>
      </c>
      <c r="EM8" s="261">
        <v>502</v>
      </c>
      <c r="EN8" s="258">
        <v>3593</v>
      </c>
      <c r="EO8" s="263">
        <v>3981</v>
      </c>
      <c r="EP8" s="257">
        <v>1990</v>
      </c>
      <c r="EQ8" s="261">
        <v>3438</v>
      </c>
      <c r="ER8" s="258">
        <v>5428</v>
      </c>
      <c r="ES8" s="260">
        <v>0</v>
      </c>
      <c r="ET8" s="261">
        <v>9273</v>
      </c>
      <c r="EU8" s="261">
        <v>7760</v>
      </c>
      <c r="EV8" s="261">
        <v>4465</v>
      </c>
      <c r="EW8" s="261">
        <v>3363</v>
      </c>
      <c r="EX8" s="261">
        <v>2151</v>
      </c>
      <c r="EY8" s="258">
        <v>27012</v>
      </c>
      <c r="EZ8" s="263">
        <v>32440</v>
      </c>
    </row>
    <row r="9" spans="2:156" ht="21" customHeight="1" x14ac:dyDescent="0.2">
      <c r="B9" s="472" t="s">
        <v>14</v>
      </c>
      <c r="C9" s="257">
        <v>0</v>
      </c>
      <c r="D9" s="261">
        <v>0</v>
      </c>
      <c r="E9" s="358">
        <v>0</v>
      </c>
      <c r="F9" s="260">
        <v>0</v>
      </c>
      <c r="G9" s="261">
        <v>1142</v>
      </c>
      <c r="H9" s="261">
        <v>1713</v>
      </c>
      <c r="I9" s="261">
        <v>1024</v>
      </c>
      <c r="J9" s="261">
        <v>728</v>
      </c>
      <c r="K9" s="261">
        <v>495</v>
      </c>
      <c r="L9" s="262">
        <v>5102</v>
      </c>
      <c r="M9" s="263">
        <v>5102</v>
      </c>
      <c r="N9" s="257">
        <v>0</v>
      </c>
      <c r="O9" s="261">
        <v>1</v>
      </c>
      <c r="P9" s="258">
        <v>1</v>
      </c>
      <c r="Q9" s="260">
        <v>0</v>
      </c>
      <c r="R9" s="261">
        <v>4</v>
      </c>
      <c r="S9" s="261">
        <v>24</v>
      </c>
      <c r="T9" s="261">
        <v>55</v>
      </c>
      <c r="U9" s="261">
        <v>138</v>
      </c>
      <c r="V9" s="261">
        <v>209</v>
      </c>
      <c r="W9" s="258">
        <v>430</v>
      </c>
      <c r="X9" s="263">
        <v>431</v>
      </c>
      <c r="Y9" s="257">
        <v>108</v>
      </c>
      <c r="Z9" s="261">
        <v>405</v>
      </c>
      <c r="AA9" s="258">
        <v>513</v>
      </c>
      <c r="AB9" s="260">
        <v>0</v>
      </c>
      <c r="AC9" s="261">
        <v>689</v>
      </c>
      <c r="AD9" s="261">
        <v>1206</v>
      </c>
      <c r="AE9" s="261">
        <v>772</v>
      </c>
      <c r="AF9" s="261">
        <v>657</v>
      </c>
      <c r="AG9" s="261">
        <v>455</v>
      </c>
      <c r="AH9" s="258">
        <v>3779</v>
      </c>
      <c r="AI9" s="263">
        <v>4292</v>
      </c>
      <c r="AJ9" s="257">
        <v>7</v>
      </c>
      <c r="AK9" s="261">
        <v>45</v>
      </c>
      <c r="AL9" s="258">
        <v>52</v>
      </c>
      <c r="AM9" s="260">
        <v>0</v>
      </c>
      <c r="AN9" s="261">
        <v>25</v>
      </c>
      <c r="AO9" s="261">
        <v>77</v>
      </c>
      <c r="AP9" s="261">
        <v>51</v>
      </c>
      <c r="AQ9" s="261">
        <v>43</v>
      </c>
      <c r="AR9" s="261">
        <v>21</v>
      </c>
      <c r="AS9" s="258">
        <v>217</v>
      </c>
      <c r="AT9" s="263">
        <v>269</v>
      </c>
      <c r="AU9" s="257">
        <v>194</v>
      </c>
      <c r="AV9" s="261">
        <v>347</v>
      </c>
      <c r="AW9" s="258">
        <v>541</v>
      </c>
      <c r="AX9" s="260">
        <v>0</v>
      </c>
      <c r="AY9" s="261">
        <v>1266</v>
      </c>
      <c r="AZ9" s="261">
        <v>1730</v>
      </c>
      <c r="BA9" s="261">
        <v>1724</v>
      </c>
      <c r="BB9" s="261">
        <v>1453</v>
      </c>
      <c r="BC9" s="261">
        <v>1044</v>
      </c>
      <c r="BD9" s="262">
        <v>7217</v>
      </c>
      <c r="BE9" s="263">
        <v>7758</v>
      </c>
      <c r="BF9" s="257">
        <v>0</v>
      </c>
      <c r="BG9" s="261">
        <v>0</v>
      </c>
      <c r="BH9" s="258">
        <v>0</v>
      </c>
      <c r="BI9" s="260">
        <v>0</v>
      </c>
      <c r="BJ9" s="261">
        <v>1600</v>
      </c>
      <c r="BK9" s="261">
        <v>1838</v>
      </c>
      <c r="BL9" s="261">
        <v>1164</v>
      </c>
      <c r="BM9" s="261">
        <v>598</v>
      </c>
      <c r="BN9" s="261">
        <v>288</v>
      </c>
      <c r="BO9" s="258">
        <v>5488</v>
      </c>
      <c r="BP9" s="263">
        <v>5488</v>
      </c>
      <c r="BQ9" s="257">
        <v>81</v>
      </c>
      <c r="BR9" s="261">
        <v>170</v>
      </c>
      <c r="BS9" s="258">
        <v>251</v>
      </c>
      <c r="BT9" s="260">
        <v>0</v>
      </c>
      <c r="BU9" s="261">
        <v>149</v>
      </c>
      <c r="BV9" s="261">
        <v>403</v>
      </c>
      <c r="BW9" s="261">
        <v>262</v>
      </c>
      <c r="BX9" s="261">
        <v>139</v>
      </c>
      <c r="BY9" s="261">
        <v>41</v>
      </c>
      <c r="BZ9" s="258">
        <v>994</v>
      </c>
      <c r="CA9" s="263">
        <v>1245</v>
      </c>
      <c r="CB9" s="257">
        <v>0</v>
      </c>
      <c r="CC9" s="261">
        <v>17</v>
      </c>
      <c r="CD9" s="258">
        <v>17</v>
      </c>
      <c r="CE9" s="260">
        <v>0</v>
      </c>
      <c r="CF9" s="261">
        <v>120</v>
      </c>
      <c r="CG9" s="261">
        <v>271</v>
      </c>
      <c r="CH9" s="261">
        <v>356</v>
      </c>
      <c r="CI9" s="261">
        <v>295</v>
      </c>
      <c r="CJ9" s="261">
        <v>159</v>
      </c>
      <c r="CK9" s="258">
        <v>1201</v>
      </c>
      <c r="CL9" s="263">
        <v>1218</v>
      </c>
      <c r="CM9" s="257">
        <v>0</v>
      </c>
      <c r="CN9" s="261">
        <v>0</v>
      </c>
      <c r="CO9" s="258">
        <v>0</v>
      </c>
      <c r="CP9" s="260">
        <v>0</v>
      </c>
      <c r="CQ9" s="261">
        <v>4</v>
      </c>
      <c r="CR9" s="261">
        <v>7</v>
      </c>
      <c r="CS9" s="261">
        <v>9</v>
      </c>
      <c r="CT9" s="261">
        <v>4</v>
      </c>
      <c r="CU9" s="261">
        <v>7</v>
      </c>
      <c r="CV9" s="258">
        <v>31</v>
      </c>
      <c r="CW9" s="263">
        <v>31</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867</v>
      </c>
      <c r="DU9" s="261">
        <v>2345</v>
      </c>
      <c r="DV9" s="258">
        <v>3212</v>
      </c>
      <c r="DW9" s="260">
        <v>0</v>
      </c>
      <c r="DX9" s="261">
        <v>1798</v>
      </c>
      <c r="DY9" s="261">
        <v>3882</v>
      </c>
      <c r="DZ9" s="261">
        <v>2417</v>
      </c>
      <c r="EA9" s="261">
        <v>1684</v>
      </c>
      <c r="EB9" s="261">
        <v>972</v>
      </c>
      <c r="EC9" s="258">
        <v>10753</v>
      </c>
      <c r="ED9" s="263">
        <v>13965</v>
      </c>
      <c r="EE9" s="257">
        <v>117</v>
      </c>
      <c r="EF9" s="261">
        <v>109</v>
      </c>
      <c r="EG9" s="258">
        <v>226</v>
      </c>
      <c r="EH9" s="260">
        <v>0</v>
      </c>
      <c r="EI9" s="261">
        <v>339</v>
      </c>
      <c r="EJ9" s="261">
        <v>277</v>
      </c>
      <c r="EK9" s="261">
        <v>281</v>
      </c>
      <c r="EL9" s="261">
        <v>304</v>
      </c>
      <c r="EM9" s="261">
        <v>156</v>
      </c>
      <c r="EN9" s="258">
        <v>1357</v>
      </c>
      <c r="EO9" s="263">
        <v>1583</v>
      </c>
      <c r="EP9" s="257">
        <v>1004</v>
      </c>
      <c r="EQ9" s="261">
        <v>2605</v>
      </c>
      <c r="ER9" s="258">
        <v>3609</v>
      </c>
      <c r="ES9" s="260">
        <v>0</v>
      </c>
      <c r="ET9" s="261">
        <v>3879</v>
      </c>
      <c r="EU9" s="261">
        <v>5148</v>
      </c>
      <c r="EV9" s="261">
        <v>2862</v>
      </c>
      <c r="EW9" s="261">
        <v>1803</v>
      </c>
      <c r="EX9" s="261">
        <v>1015</v>
      </c>
      <c r="EY9" s="258">
        <v>14707</v>
      </c>
      <c r="EZ9" s="263">
        <v>18316</v>
      </c>
    </row>
    <row r="10" spans="2:156" ht="21" customHeight="1" x14ac:dyDescent="0.2">
      <c r="B10" s="472" t="s">
        <v>7</v>
      </c>
      <c r="C10" s="257">
        <v>0</v>
      </c>
      <c r="D10" s="261">
        <v>0</v>
      </c>
      <c r="E10" s="358">
        <v>0</v>
      </c>
      <c r="F10" s="260">
        <v>0</v>
      </c>
      <c r="G10" s="261">
        <v>1525</v>
      </c>
      <c r="H10" s="261">
        <v>1082</v>
      </c>
      <c r="I10" s="261">
        <v>634</v>
      </c>
      <c r="J10" s="261">
        <v>556</v>
      </c>
      <c r="K10" s="261">
        <v>395</v>
      </c>
      <c r="L10" s="262">
        <v>4192</v>
      </c>
      <c r="M10" s="263">
        <v>4192</v>
      </c>
      <c r="N10" s="257">
        <v>0</v>
      </c>
      <c r="O10" s="261">
        <v>0</v>
      </c>
      <c r="P10" s="258">
        <v>0</v>
      </c>
      <c r="Q10" s="260">
        <v>0</v>
      </c>
      <c r="R10" s="261">
        <v>9</v>
      </c>
      <c r="S10" s="261">
        <v>51</v>
      </c>
      <c r="T10" s="261">
        <v>56</v>
      </c>
      <c r="U10" s="261">
        <v>139</v>
      </c>
      <c r="V10" s="261">
        <v>189</v>
      </c>
      <c r="W10" s="258">
        <v>444</v>
      </c>
      <c r="X10" s="263">
        <v>444</v>
      </c>
      <c r="Y10" s="257">
        <v>18</v>
      </c>
      <c r="Z10" s="261">
        <v>21</v>
      </c>
      <c r="AA10" s="258">
        <v>39</v>
      </c>
      <c r="AB10" s="260">
        <v>0</v>
      </c>
      <c r="AC10" s="261">
        <v>555</v>
      </c>
      <c r="AD10" s="261">
        <v>533</v>
      </c>
      <c r="AE10" s="261">
        <v>339</v>
      </c>
      <c r="AF10" s="261">
        <v>358</v>
      </c>
      <c r="AG10" s="261">
        <v>273</v>
      </c>
      <c r="AH10" s="258">
        <v>2058</v>
      </c>
      <c r="AI10" s="263">
        <v>2097</v>
      </c>
      <c r="AJ10" s="257">
        <v>4</v>
      </c>
      <c r="AK10" s="261">
        <v>7</v>
      </c>
      <c r="AL10" s="258">
        <v>11</v>
      </c>
      <c r="AM10" s="260">
        <v>0</v>
      </c>
      <c r="AN10" s="261">
        <v>73</v>
      </c>
      <c r="AO10" s="261">
        <v>77</v>
      </c>
      <c r="AP10" s="261">
        <v>58</v>
      </c>
      <c r="AQ10" s="261">
        <v>58</v>
      </c>
      <c r="AR10" s="261">
        <v>30</v>
      </c>
      <c r="AS10" s="258">
        <v>296</v>
      </c>
      <c r="AT10" s="263">
        <v>307</v>
      </c>
      <c r="AU10" s="257">
        <v>118</v>
      </c>
      <c r="AV10" s="261">
        <v>96</v>
      </c>
      <c r="AW10" s="258">
        <v>214</v>
      </c>
      <c r="AX10" s="260">
        <v>0</v>
      </c>
      <c r="AY10" s="261">
        <v>1199</v>
      </c>
      <c r="AZ10" s="261">
        <v>1145</v>
      </c>
      <c r="BA10" s="261">
        <v>992</v>
      </c>
      <c r="BB10" s="261">
        <v>1014</v>
      </c>
      <c r="BC10" s="261">
        <v>694</v>
      </c>
      <c r="BD10" s="262">
        <v>5044</v>
      </c>
      <c r="BE10" s="263">
        <v>5258</v>
      </c>
      <c r="BF10" s="257">
        <v>0</v>
      </c>
      <c r="BG10" s="261">
        <v>0</v>
      </c>
      <c r="BH10" s="258">
        <v>0</v>
      </c>
      <c r="BI10" s="260">
        <v>0</v>
      </c>
      <c r="BJ10" s="261">
        <v>1779</v>
      </c>
      <c r="BK10" s="261">
        <v>1123</v>
      </c>
      <c r="BL10" s="261">
        <v>532</v>
      </c>
      <c r="BM10" s="261">
        <v>307</v>
      </c>
      <c r="BN10" s="261">
        <v>138</v>
      </c>
      <c r="BO10" s="258">
        <v>3879</v>
      </c>
      <c r="BP10" s="263">
        <v>3879</v>
      </c>
      <c r="BQ10" s="257">
        <v>39</v>
      </c>
      <c r="BR10" s="261">
        <v>59</v>
      </c>
      <c r="BS10" s="258">
        <v>98</v>
      </c>
      <c r="BT10" s="260">
        <v>0</v>
      </c>
      <c r="BU10" s="261">
        <v>271</v>
      </c>
      <c r="BV10" s="261">
        <v>222</v>
      </c>
      <c r="BW10" s="261">
        <v>145</v>
      </c>
      <c r="BX10" s="261">
        <v>83</v>
      </c>
      <c r="BY10" s="261">
        <v>31</v>
      </c>
      <c r="BZ10" s="258">
        <v>752</v>
      </c>
      <c r="CA10" s="263">
        <v>850</v>
      </c>
      <c r="CB10" s="257">
        <v>2</v>
      </c>
      <c r="CC10" s="261">
        <v>1</v>
      </c>
      <c r="CD10" s="258">
        <v>3</v>
      </c>
      <c r="CE10" s="260">
        <v>0</v>
      </c>
      <c r="CF10" s="261">
        <v>218</v>
      </c>
      <c r="CG10" s="261">
        <v>306</v>
      </c>
      <c r="CH10" s="261">
        <v>285</v>
      </c>
      <c r="CI10" s="261">
        <v>194</v>
      </c>
      <c r="CJ10" s="261">
        <v>111</v>
      </c>
      <c r="CK10" s="258">
        <v>1114</v>
      </c>
      <c r="CL10" s="263">
        <v>1117</v>
      </c>
      <c r="CM10" s="257">
        <v>0</v>
      </c>
      <c r="CN10" s="261">
        <v>0</v>
      </c>
      <c r="CO10" s="258">
        <v>0</v>
      </c>
      <c r="CP10" s="260">
        <v>0</v>
      </c>
      <c r="CQ10" s="261">
        <v>10</v>
      </c>
      <c r="CR10" s="261">
        <v>17</v>
      </c>
      <c r="CS10" s="261">
        <v>14</v>
      </c>
      <c r="CT10" s="261">
        <v>17</v>
      </c>
      <c r="CU10" s="261">
        <v>6</v>
      </c>
      <c r="CV10" s="258">
        <v>64</v>
      </c>
      <c r="CW10" s="263">
        <v>64</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364</v>
      </c>
      <c r="DU10" s="261">
        <v>703</v>
      </c>
      <c r="DV10" s="258">
        <v>1067</v>
      </c>
      <c r="DW10" s="260">
        <v>0</v>
      </c>
      <c r="DX10" s="261">
        <v>2087</v>
      </c>
      <c r="DY10" s="261">
        <v>2292</v>
      </c>
      <c r="DZ10" s="261">
        <v>1282</v>
      </c>
      <c r="EA10" s="261">
        <v>1010</v>
      </c>
      <c r="EB10" s="261">
        <v>623</v>
      </c>
      <c r="EC10" s="258">
        <v>7294</v>
      </c>
      <c r="ED10" s="263">
        <v>8361</v>
      </c>
      <c r="EE10" s="257">
        <v>92</v>
      </c>
      <c r="EF10" s="261">
        <v>49</v>
      </c>
      <c r="EG10" s="258">
        <v>141</v>
      </c>
      <c r="EH10" s="260">
        <v>0</v>
      </c>
      <c r="EI10" s="261">
        <v>471</v>
      </c>
      <c r="EJ10" s="261">
        <v>297</v>
      </c>
      <c r="EK10" s="261">
        <v>271</v>
      </c>
      <c r="EL10" s="261">
        <v>280</v>
      </c>
      <c r="EM10" s="261">
        <v>140</v>
      </c>
      <c r="EN10" s="258">
        <v>1459</v>
      </c>
      <c r="EO10" s="263">
        <v>1600</v>
      </c>
      <c r="EP10" s="257">
        <v>418</v>
      </c>
      <c r="EQ10" s="261">
        <v>758</v>
      </c>
      <c r="ER10" s="258">
        <v>1176</v>
      </c>
      <c r="ES10" s="260">
        <v>0</v>
      </c>
      <c r="ET10" s="261">
        <v>4534</v>
      </c>
      <c r="EU10" s="261">
        <v>3119</v>
      </c>
      <c r="EV10" s="261">
        <v>1587</v>
      </c>
      <c r="EW10" s="261">
        <v>1117</v>
      </c>
      <c r="EX10" s="261">
        <v>646</v>
      </c>
      <c r="EY10" s="258">
        <v>11003</v>
      </c>
      <c r="EZ10" s="263">
        <v>12179</v>
      </c>
    </row>
    <row r="11" spans="2:156" ht="21" customHeight="1" x14ac:dyDescent="0.2">
      <c r="B11" s="472" t="s">
        <v>8</v>
      </c>
      <c r="C11" s="257">
        <v>0</v>
      </c>
      <c r="D11" s="261">
        <v>0</v>
      </c>
      <c r="E11" s="358">
        <v>0</v>
      </c>
      <c r="F11" s="260">
        <v>0</v>
      </c>
      <c r="G11" s="261">
        <v>466</v>
      </c>
      <c r="H11" s="261">
        <v>627</v>
      </c>
      <c r="I11" s="261">
        <v>397</v>
      </c>
      <c r="J11" s="261">
        <v>312</v>
      </c>
      <c r="K11" s="261">
        <v>258</v>
      </c>
      <c r="L11" s="262">
        <v>2060</v>
      </c>
      <c r="M11" s="263">
        <v>2060</v>
      </c>
      <c r="N11" s="257">
        <v>0</v>
      </c>
      <c r="O11" s="261">
        <v>0</v>
      </c>
      <c r="P11" s="258">
        <v>0</v>
      </c>
      <c r="Q11" s="260">
        <v>0</v>
      </c>
      <c r="R11" s="261">
        <v>6</v>
      </c>
      <c r="S11" s="261">
        <v>17</v>
      </c>
      <c r="T11" s="261">
        <v>26</v>
      </c>
      <c r="U11" s="261">
        <v>59</v>
      </c>
      <c r="V11" s="261">
        <v>102</v>
      </c>
      <c r="W11" s="258">
        <v>210</v>
      </c>
      <c r="X11" s="263">
        <v>210</v>
      </c>
      <c r="Y11" s="257">
        <v>54</v>
      </c>
      <c r="Z11" s="261">
        <v>70</v>
      </c>
      <c r="AA11" s="258">
        <v>124</v>
      </c>
      <c r="AB11" s="260">
        <v>0</v>
      </c>
      <c r="AC11" s="261">
        <v>283</v>
      </c>
      <c r="AD11" s="261">
        <v>371</v>
      </c>
      <c r="AE11" s="261">
        <v>241</v>
      </c>
      <c r="AF11" s="261">
        <v>230</v>
      </c>
      <c r="AG11" s="261">
        <v>163</v>
      </c>
      <c r="AH11" s="258">
        <v>1288</v>
      </c>
      <c r="AI11" s="263">
        <v>1412</v>
      </c>
      <c r="AJ11" s="257">
        <v>8</v>
      </c>
      <c r="AK11" s="261">
        <v>17</v>
      </c>
      <c r="AL11" s="258">
        <v>25</v>
      </c>
      <c r="AM11" s="260">
        <v>0</v>
      </c>
      <c r="AN11" s="261">
        <v>67</v>
      </c>
      <c r="AO11" s="261">
        <v>92</v>
      </c>
      <c r="AP11" s="261">
        <v>47</v>
      </c>
      <c r="AQ11" s="261">
        <v>42</v>
      </c>
      <c r="AR11" s="261">
        <v>20</v>
      </c>
      <c r="AS11" s="258">
        <v>268</v>
      </c>
      <c r="AT11" s="263">
        <v>293</v>
      </c>
      <c r="AU11" s="257">
        <v>68</v>
      </c>
      <c r="AV11" s="261">
        <v>58</v>
      </c>
      <c r="AW11" s="258">
        <v>126</v>
      </c>
      <c r="AX11" s="260">
        <v>0</v>
      </c>
      <c r="AY11" s="261">
        <v>470</v>
      </c>
      <c r="AZ11" s="261">
        <v>572</v>
      </c>
      <c r="BA11" s="261">
        <v>560</v>
      </c>
      <c r="BB11" s="261">
        <v>562</v>
      </c>
      <c r="BC11" s="261">
        <v>396</v>
      </c>
      <c r="BD11" s="262">
        <v>2560</v>
      </c>
      <c r="BE11" s="263">
        <v>2686</v>
      </c>
      <c r="BF11" s="257">
        <v>0</v>
      </c>
      <c r="BG11" s="261">
        <v>0</v>
      </c>
      <c r="BH11" s="258">
        <v>0</v>
      </c>
      <c r="BI11" s="260">
        <v>0</v>
      </c>
      <c r="BJ11" s="261">
        <v>586</v>
      </c>
      <c r="BK11" s="261">
        <v>641</v>
      </c>
      <c r="BL11" s="261">
        <v>361</v>
      </c>
      <c r="BM11" s="261">
        <v>211</v>
      </c>
      <c r="BN11" s="261">
        <v>117</v>
      </c>
      <c r="BO11" s="258">
        <v>1916</v>
      </c>
      <c r="BP11" s="263">
        <v>1916</v>
      </c>
      <c r="BQ11" s="257">
        <v>55</v>
      </c>
      <c r="BR11" s="261">
        <v>64</v>
      </c>
      <c r="BS11" s="258">
        <v>119</v>
      </c>
      <c r="BT11" s="260">
        <v>0</v>
      </c>
      <c r="BU11" s="261">
        <v>130</v>
      </c>
      <c r="BV11" s="261">
        <v>163</v>
      </c>
      <c r="BW11" s="261">
        <v>109</v>
      </c>
      <c r="BX11" s="261">
        <v>53</v>
      </c>
      <c r="BY11" s="261">
        <v>16</v>
      </c>
      <c r="BZ11" s="258">
        <v>471</v>
      </c>
      <c r="CA11" s="263">
        <v>590</v>
      </c>
      <c r="CB11" s="257">
        <v>2</v>
      </c>
      <c r="CC11" s="261">
        <v>8</v>
      </c>
      <c r="CD11" s="258">
        <v>10</v>
      </c>
      <c r="CE11" s="260">
        <v>0</v>
      </c>
      <c r="CF11" s="261">
        <v>79</v>
      </c>
      <c r="CG11" s="261">
        <v>161</v>
      </c>
      <c r="CH11" s="261">
        <v>201</v>
      </c>
      <c r="CI11" s="261">
        <v>123</v>
      </c>
      <c r="CJ11" s="261">
        <v>55</v>
      </c>
      <c r="CK11" s="258">
        <v>619</v>
      </c>
      <c r="CL11" s="263">
        <v>629</v>
      </c>
      <c r="CM11" s="257">
        <v>0</v>
      </c>
      <c r="CN11" s="261">
        <v>0</v>
      </c>
      <c r="CO11" s="258">
        <v>0</v>
      </c>
      <c r="CP11" s="260">
        <v>0</v>
      </c>
      <c r="CQ11" s="261">
        <v>2</v>
      </c>
      <c r="CR11" s="261">
        <v>8</v>
      </c>
      <c r="CS11" s="261">
        <v>5</v>
      </c>
      <c r="CT11" s="261">
        <v>3</v>
      </c>
      <c r="CU11" s="261">
        <v>2</v>
      </c>
      <c r="CV11" s="258">
        <v>20</v>
      </c>
      <c r="CW11" s="263">
        <v>20</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429</v>
      </c>
      <c r="DU11" s="261">
        <v>601</v>
      </c>
      <c r="DV11" s="258">
        <v>1030</v>
      </c>
      <c r="DW11" s="260">
        <v>0</v>
      </c>
      <c r="DX11" s="261">
        <v>969</v>
      </c>
      <c r="DY11" s="261">
        <v>1524</v>
      </c>
      <c r="DZ11" s="261">
        <v>908</v>
      </c>
      <c r="EA11" s="261">
        <v>631</v>
      </c>
      <c r="EB11" s="261">
        <v>402</v>
      </c>
      <c r="EC11" s="258">
        <v>4434</v>
      </c>
      <c r="ED11" s="263">
        <v>5464</v>
      </c>
      <c r="EE11" s="257">
        <v>51</v>
      </c>
      <c r="EF11" s="261">
        <v>17</v>
      </c>
      <c r="EG11" s="258">
        <v>68</v>
      </c>
      <c r="EH11" s="260">
        <v>0</v>
      </c>
      <c r="EI11" s="261">
        <v>154</v>
      </c>
      <c r="EJ11" s="261">
        <v>121</v>
      </c>
      <c r="EK11" s="261">
        <v>105</v>
      </c>
      <c r="EL11" s="261">
        <v>127</v>
      </c>
      <c r="EM11" s="261">
        <v>77</v>
      </c>
      <c r="EN11" s="258">
        <v>584</v>
      </c>
      <c r="EO11" s="263">
        <v>652</v>
      </c>
      <c r="EP11" s="257">
        <v>516</v>
      </c>
      <c r="EQ11" s="261">
        <v>676</v>
      </c>
      <c r="ER11" s="258">
        <v>1192</v>
      </c>
      <c r="ES11" s="260">
        <v>0</v>
      </c>
      <c r="ET11" s="261">
        <v>1804</v>
      </c>
      <c r="EU11" s="261">
        <v>1926</v>
      </c>
      <c r="EV11" s="261">
        <v>1059</v>
      </c>
      <c r="EW11" s="261">
        <v>672</v>
      </c>
      <c r="EX11" s="261">
        <v>416</v>
      </c>
      <c r="EY11" s="258">
        <v>5877</v>
      </c>
      <c r="EZ11" s="263">
        <v>7069</v>
      </c>
    </row>
    <row r="12" spans="2:156" ht="21" customHeight="1" x14ac:dyDescent="0.2">
      <c r="B12" s="472" t="s">
        <v>9</v>
      </c>
      <c r="C12" s="257">
        <v>0</v>
      </c>
      <c r="D12" s="261">
        <v>0</v>
      </c>
      <c r="E12" s="358">
        <v>0</v>
      </c>
      <c r="F12" s="260">
        <v>0</v>
      </c>
      <c r="G12" s="261">
        <v>660</v>
      </c>
      <c r="H12" s="261">
        <v>512</v>
      </c>
      <c r="I12" s="261">
        <v>351</v>
      </c>
      <c r="J12" s="261">
        <v>333</v>
      </c>
      <c r="K12" s="261">
        <v>247</v>
      </c>
      <c r="L12" s="262">
        <v>2103</v>
      </c>
      <c r="M12" s="263">
        <v>2103</v>
      </c>
      <c r="N12" s="257">
        <v>0</v>
      </c>
      <c r="O12" s="261">
        <v>0</v>
      </c>
      <c r="P12" s="258">
        <v>0</v>
      </c>
      <c r="Q12" s="260">
        <v>0</v>
      </c>
      <c r="R12" s="261">
        <v>2</v>
      </c>
      <c r="S12" s="261">
        <v>4</v>
      </c>
      <c r="T12" s="261">
        <v>16</v>
      </c>
      <c r="U12" s="261">
        <v>60</v>
      </c>
      <c r="V12" s="261">
        <v>88</v>
      </c>
      <c r="W12" s="258">
        <v>170</v>
      </c>
      <c r="X12" s="263">
        <v>170</v>
      </c>
      <c r="Y12" s="257">
        <v>47</v>
      </c>
      <c r="Z12" s="261">
        <v>95</v>
      </c>
      <c r="AA12" s="258">
        <v>142</v>
      </c>
      <c r="AB12" s="260">
        <v>0</v>
      </c>
      <c r="AC12" s="261">
        <v>372</v>
      </c>
      <c r="AD12" s="261">
        <v>325</v>
      </c>
      <c r="AE12" s="261">
        <v>259</v>
      </c>
      <c r="AF12" s="261">
        <v>260</v>
      </c>
      <c r="AG12" s="261">
        <v>184</v>
      </c>
      <c r="AH12" s="258">
        <v>1400</v>
      </c>
      <c r="AI12" s="263">
        <v>1542</v>
      </c>
      <c r="AJ12" s="257">
        <v>4</v>
      </c>
      <c r="AK12" s="261">
        <v>12</v>
      </c>
      <c r="AL12" s="258">
        <v>16</v>
      </c>
      <c r="AM12" s="260">
        <v>0</v>
      </c>
      <c r="AN12" s="261">
        <v>42</v>
      </c>
      <c r="AO12" s="261">
        <v>52</v>
      </c>
      <c r="AP12" s="261">
        <v>44</v>
      </c>
      <c r="AQ12" s="261">
        <v>39</v>
      </c>
      <c r="AR12" s="261">
        <v>30</v>
      </c>
      <c r="AS12" s="258">
        <v>207</v>
      </c>
      <c r="AT12" s="263">
        <v>223</v>
      </c>
      <c r="AU12" s="257">
        <v>80</v>
      </c>
      <c r="AV12" s="261">
        <v>79</v>
      </c>
      <c r="AW12" s="258">
        <v>159</v>
      </c>
      <c r="AX12" s="260">
        <v>0</v>
      </c>
      <c r="AY12" s="261">
        <v>535</v>
      </c>
      <c r="AZ12" s="261">
        <v>527</v>
      </c>
      <c r="BA12" s="261">
        <v>555</v>
      </c>
      <c r="BB12" s="261">
        <v>594</v>
      </c>
      <c r="BC12" s="261">
        <v>421</v>
      </c>
      <c r="BD12" s="262">
        <v>2632</v>
      </c>
      <c r="BE12" s="263">
        <v>2791</v>
      </c>
      <c r="BF12" s="257">
        <v>0</v>
      </c>
      <c r="BG12" s="261">
        <v>0</v>
      </c>
      <c r="BH12" s="258">
        <v>0</v>
      </c>
      <c r="BI12" s="260">
        <v>0</v>
      </c>
      <c r="BJ12" s="261">
        <v>621</v>
      </c>
      <c r="BK12" s="261">
        <v>415</v>
      </c>
      <c r="BL12" s="261">
        <v>234</v>
      </c>
      <c r="BM12" s="261">
        <v>157</v>
      </c>
      <c r="BN12" s="261">
        <v>49</v>
      </c>
      <c r="BO12" s="258">
        <v>1476</v>
      </c>
      <c r="BP12" s="263">
        <v>1476</v>
      </c>
      <c r="BQ12" s="257">
        <v>48</v>
      </c>
      <c r="BR12" s="261">
        <v>69</v>
      </c>
      <c r="BS12" s="258">
        <v>117</v>
      </c>
      <c r="BT12" s="260">
        <v>0</v>
      </c>
      <c r="BU12" s="261">
        <v>144</v>
      </c>
      <c r="BV12" s="261">
        <v>136</v>
      </c>
      <c r="BW12" s="261">
        <v>80</v>
      </c>
      <c r="BX12" s="261">
        <v>74</v>
      </c>
      <c r="BY12" s="261">
        <v>26</v>
      </c>
      <c r="BZ12" s="258">
        <v>460</v>
      </c>
      <c r="CA12" s="263">
        <v>577</v>
      </c>
      <c r="CB12" s="257">
        <v>5</v>
      </c>
      <c r="CC12" s="261">
        <v>6</v>
      </c>
      <c r="CD12" s="258">
        <v>11</v>
      </c>
      <c r="CE12" s="260">
        <v>0</v>
      </c>
      <c r="CF12" s="261">
        <v>72</v>
      </c>
      <c r="CG12" s="261">
        <v>94</v>
      </c>
      <c r="CH12" s="261">
        <v>137</v>
      </c>
      <c r="CI12" s="261">
        <v>101</v>
      </c>
      <c r="CJ12" s="261">
        <v>52</v>
      </c>
      <c r="CK12" s="258">
        <v>456</v>
      </c>
      <c r="CL12" s="263">
        <v>467</v>
      </c>
      <c r="CM12" s="257">
        <v>0</v>
      </c>
      <c r="CN12" s="261">
        <v>1</v>
      </c>
      <c r="CO12" s="258">
        <v>1</v>
      </c>
      <c r="CP12" s="260">
        <v>0</v>
      </c>
      <c r="CQ12" s="261">
        <v>9</v>
      </c>
      <c r="CR12" s="261">
        <v>14</v>
      </c>
      <c r="CS12" s="261">
        <v>25</v>
      </c>
      <c r="CT12" s="261">
        <v>30</v>
      </c>
      <c r="CU12" s="261">
        <v>17</v>
      </c>
      <c r="CV12" s="258">
        <v>95</v>
      </c>
      <c r="CW12" s="263">
        <v>96</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57</v>
      </c>
      <c r="DU12" s="261">
        <v>484</v>
      </c>
      <c r="DV12" s="258">
        <v>841</v>
      </c>
      <c r="DW12" s="260">
        <v>0</v>
      </c>
      <c r="DX12" s="261">
        <v>988</v>
      </c>
      <c r="DY12" s="261">
        <v>943</v>
      </c>
      <c r="DZ12" s="261">
        <v>642</v>
      </c>
      <c r="EA12" s="261">
        <v>558</v>
      </c>
      <c r="EB12" s="261">
        <v>353</v>
      </c>
      <c r="EC12" s="258">
        <v>3484</v>
      </c>
      <c r="ED12" s="263">
        <v>4325</v>
      </c>
      <c r="EE12" s="257">
        <v>47</v>
      </c>
      <c r="EF12" s="261">
        <v>23</v>
      </c>
      <c r="EG12" s="258">
        <v>70</v>
      </c>
      <c r="EH12" s="260">
        <v>0</v>
      </c>
      <c r="EI12" s="261">
        <v>185</v>
      </c>
      <c r="EJ12" s="261">
        <v>154</v>
      </c>
      <c r="EK12" s="261">
        <v>153</v>
      </c>
      <c r="EL12" s="261">
        <v>161</v>
      </c>
      <c r="EM12" s="261">
        <v>113</v>
      </c>
      <c r="EN12" s="258">
        <v>766</v>
      </c>
      <c r="EO12" s="263">
        <v>836</v>
      </c>
      <c r="EP12" s="257">
        <v>428</v>
      </c>
      <c r="EQ12" s="261">
        <v>573</v>
      </c>
      <c r="ER12" s="258">
        <v>1001</v>
      </c>
      <c r="ES12" s="260">
        <v>0</v>
      </c>
      <c r="ET12" s="261">
        <v>1806</v>
      </c>
      <c r="EU12" s="261">
        <v>1262</v>
      </c>
      <c r="EV12" s="261">
        <v>742</v>
      </c>
      <c r="EW12" s="261">
        <v>612</v>
      </c>
      <c r="EX12" s="261">
        <v>354</v>
      </c>
      <c r="EY12" s="258">
        <v>4776</v>
      </c>
      <c r="EZ12" s="263">
        <v>5777</v>
      </c>
    </row>
    <row r="13" spans="2:156" ht="21" customHeight="1" x14ac:dyDescent="0.2">
      <c r="B13" s="472" t="s">
        <v>10</v>
      </c>
      <c r="C13" s="257">
        <v>0</v>
      </c>
      <c r="D13" s="261">
        <v>0</v>
      </c>
      <c r="E13" s="358">
        <v>0</v>
      </c>
      <c r="F13" s="260">
        <v>0</v>
      </c>
      <c r="G13" s="261">
        <v>1357</v>
      </c>
      <c r="H13" s="261">
        <v>783</v>
      </c>
      <c r="I13" s="261">
        <v>509</v>
      </c>
      <c r="J13" s="261">
        <v>453</v>
      </c>
      <c r="K13" s="261">
        <v>356</v>
      </c>
      <c r="L13" s="262">
        <v>3458</v>
      </c>
      <c r="M13" s="263">
        <v>3458</v>
      </c>
      <c r="N13" s="257">
        <v>0</v>
      </c>
      <c r="O13" s="261">
        <v>0</v>
      </c>
      <c r="P13" s="258">
        <v>0</v>
      </c>
      <c r="Q13" s="260">
        <v>0</v>
      </c>
      <c r="R13" s="261">
        <v>9</v>
      </c>
      <c r="S13" s="261">
        <v>27</v>
      </c>
      <c r="T13" s="261">
        <v>37</v>
      </c>
      <c r="U13" s="261">
        <v>76</v>
      </c>
      <c r="V13" s="261">
        <v>166</v>
      </c>
      <c r="W13" s="258">
        <v>315</v>
      </c>
      <c r="X13" s="263">
        <v>315</v>
      </c>
      <c r="Y13" s="257">
        <v>166</v>
      </c>
      <c r="Z13" s="261">
        <v>301</v>
      </c>
      <c r="AA13" s="258">
        <v>467</v>
      </c>
      <c r="AB13" s="260">
        <v>0</v>
      </c>
      <c r="AC13" s="261">
        <v>803</v>
      </c>
      <c r="AD13" s="261">
        <v>573</v>
      </c>
      <c r="AE13" s="261">
        <v>335</v>
      </c>
      <c r="AF13" s="261">
        <v>335</v>
      </c>
      <c r="AG13" s="261">
        <v>287</v>
      </c>
      <c r="AH13" s="258">
        <v>2333</v>
      </c>
      <c r="AI13" s="263">
        <v>2800</v>
      </c>
      <c r="AJ13" s="257">
        <v>21</v>
      </c>
      <c r="AK13" s="261">
        <v>51</v>
      </c>
      <c r="AL13" s="258">
        <v>72</v>
      </c>
      <c r="AM13" s="260">
        <v>0</v>
      </c>
      <c r="AN13" s="261">
        <v>108</v>
      </c>
      <c r="AO13" s="261">
        <v>95</v>
      </c>
      <c r="AP13" s="261">
        <v>72</v>
      </c>
      <c r="AQ13" s="261">
        <v>41</v>
      </c>
      <c r="AR13" s="261">
        <v>59</v>
      </c>
      <c r="AS13" s="258">
        <v>375</v>
      </c>
      <c r="AT13" s="263">
        <v>447</v>
      </c>
      <c r="AU13" s="257">
        <v>188</v>
      </c>
      <c r="AV13" s="261">
        <v>268</v>
      </c>
      <c r="AW13" s="258">
        <v>456</v>
      </c>
      <c r="AX13" s="260">
        <v>0</v>
      </c>
      <c r="AY13" s="261">
        <v>1301</v>
      </c>
      <c r="AZ13" s="261">
        <v>1101</v>
      </c>
      <c r="BA13" s="261">
        <v>975</v>
      </c>
      <c r="BB13" s="261">
        <v>1002</v>
      </c>
      <c r="BC13" s="261">
        <v>791</v>
      </c>
      <c r="BD13" s="262">
        <v>5170</v>
      </c>
      <c r="BE13" s="263">
        <v>5626</v>
      </c>
      <c r="BF13" s="257">
        <v>0</v>
      </c>
      <c r="BG13" s="261">
        <v>0</v>
      </c>
      <c r="BH13" s="258">
        <v>0</v>
      </c>
      <c r="BI13" s="260">
        <v>0</v>
      </c>
      <c r="BJ13" s="261">
        <v>1580</v>
      </c>
      <c r="BK13" s="261">
        <v>857</v>
      </c>
      <c r="BL13" s="261">
        <v>480</v>
      </c>
      <c r="BM13" s="261">
        <v>310</v>
      </c>
      <c r="BN13" s="261">
        <v>141</v>
      </c>
      <c r="BO13" s="258">
        <v>3368</v>
      </c>
      <c r="BP13" s="263">
        <v>3368</v>
      </c>
      <c r="BQ13" s="257">
        <v>59</v>
      </c>
      <c r="BR13" s="261">
        <v>98</v>
      </c>
      <c r="BS13" s="258">
        <v>157</v>
      </c>
      <c r="BT13" s="260">
        <v>0</v>
      </c>
      <c r="BU13" s="261">
        <v>260</v>
      </c>
      <c r="BV13" s="261">
        <v>205</v>
      </c>
      <c r="BW13" s="261">
        <v>90</v>
      </c>
      <c r="BX13" s="261">
        <v>66</v>
      </c>
      <c r="BY13" s="261">
        <v>30</v>
      </c>
      <c r="BZ13" s="258">
        <v>651</v>
      </c>
      <c r="CA13" s="263">
        <v>808</v>
      </c>
      <c r="CB13" s="257">
        <v>11</v>
      </c>
      <c r="CC13" s="261">
        <v>17</v>
      </c>
      <c r="CD13" s="258">
        <v>28</v>
      </c>
      <c r="CE13" s="260">
        <v>0</v>
      </c>
      <c r="CF13" s="261">
        <v>192</v>
      </c>
      <c r="CG13" s="261">
        <v>163</v>
      </c>
      <c r="CH13" s="261">
        <v>197</v>
      </c>
      <c r="CI13" s="261">
        <v>163</v>
      </c>
      <c r="CJ13" s="261">
        <v>98</v>
      </c>
      <c r="CK13" s="258">
        <v>813</v>
      </c>
      <c r="CL13" s="263">
        <v>841</v>
      </c>
      <c r="CM13" s="257">
        <v>2</v>
      </c>
      <c r="CN13" s="261">
        <v>2</v>
      </c>
      <c r="CO13" s="258">
        <v>4</v>
      </c>
      <c r="CP13" s="260">
        <v>0</v>
      </c>
      <c r="CQ13" s="261">
        <v>6</v>
      </c>
      <c r="CR13" s="261">
        <v>20</v>
      </c>
      <c r="CS13" s="261">
        <v>29</v>
      </c>
      <c r="CT13" s="261">
        <v>12</v>
      </c>
      <c r="CU13" s="261">
        <v>11</v>
      </c>
      <c r="CV13" s="258">
        <v>78</v>
      </c>
      <c r="CW13" s="263">
        <v>82</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974</v>
      </c>
      <c r="DU13" s="261">
        <v>1274</v>
      </c>
      <c r="DV13" s="258">
        <v>2248</v>
      </c>
      <c r="DW13" s="260">
        <v>0</v>
      </c>
      <c r="DX13" s="261">
        <v>2049</v>
      </c>
      <c r="DY13" s="261">
        <v>1644</v>
      </c>
      <c r="DZ13" s="261">
        <v>1032</v>
      </c>
      <c r="EA13" s="261">
        <v>895</v>
      </c>
      <c r="EB13" s="261">
        <v>629</v>
      </c>
      <c r="EC13" s="258">
        <v>6249</v>
      </c>
      <c r="ED13" s="263">
        <v>8497</v>
      </c>
      <c r="EE13" s="257">
        <v>66</v>
      </c>
      <c r="EF13" s="261">
        <v>63</v>
      </c>
      <c r="EG13" s="258">
        <v>129</v>
      </c>
      <c r="EH13" s="260">
        <v>0</v>
      </c>
      <c r="EI13" s="261">
        <v>289</v>
      </c>
      <c r="EJ13" s="261">
        <v>217</v>
      </c>
      <c r="EK13" s="261">
        <v>206</v>
      </c>
      <c r="EL13" s="261">
        <v>231</v>
      </c>
      <c r="EM13" s="261">
        <v>142</v>
      </c>
      <c r="EN13" s="258">
        <v>1085</v>
      </c>
      <c r="EO13" s="263">
        <v>1214</v>
      </c>
      <c r="EP13" s="257">
        <v>1139</v>
      </c>
      <c r="EQ13" s="261">
        <v>1474</v>
      </c>
      <c r="ER13" s="258">
        <v>2613</v>
      </c>
      <c r="ES13" s="260">
        <v>0</v>
      </c>
      <c r="ET13" s="261">
        <v>3563</v>
      </c>
      <c r="EU13" s="261">
        <v>2032</v>
      </c>
      <c r="EV13" s="261">
        <v>1132</v>
      </c>
      <c r="EW13" s="261">
        <v>873</v>
      </c>
      <c r="EX13" s="261">
        <v>585</v>
      </c>
      <c r="EY13" s="258">
        <v>8185</v>
      </c>
      <c r="EZ13" s="263">
        <v>10798</v>
      </c>
    </row>
    <row r="14" spans="2:156" ht="21" customHeight="1" x14ac:dyDescent="0.2">
      <c r="B14" s="472" t="s">
        <v>11</v>
      </c>
      <c r="C14" s="257">
        <v>0</v>
      </c>
      <c r="D14" s="261">
        <v>0</v>
      </c>
      <c r="E14" s="358">
        <v>0</v>
      </c>
      <c r="F14" s="260">
        <v>0</v>
      </c>
      <c r="G14" s="261">
        <v>495</v>
      </c>
      <c r="H14" s="261">
        <v>383</v>
      </c>
      <c r="I14" s="261">
        <v>266</v>
      </c>
      <c r="J14" s="261">
        <v>239</v>
      </c>
      <c r="K14" s="261">
        <v>164</v>
      </c>
      <c r="L14" s="262">
        <v>1547</v>
      </c>
      <c r="M14" s="263">
        <v>1547</v>
      </c>
      <c r="N14" s="257">
        <v>0</v>
      </c>
      <c r="O14" s="261">
        <v>0</v>
      </c>
      <c r="P14" s="258">
        <v>0</v>
      </c>
      <c r="Q14" s="260">
        <v>0</v>
      </c>
      <c r="R14" s="261">
        <v>4</v>
      </c>
      <c r="S14" s="261">
        <v>9</v>
      </c>
      <c r="T14" s="261">
        <v>27</v>
      </c>
      <c r="U14" s="261">
        <v>52</v>
      </c>
      <c r="V14" s="261">
        <v>68</v>
      </c>
      <c r="W14" s="258">
        <v>160</v>
      </c>
      <c r="X14" s="263">
        <v>160</v>
      </c>
      <c r="Y14" s="257">
        <v>42</v>
      </c>
      <c r="Z14" s="261">
        <v>47</v>
      </c>
      <c r="AA14" s="258">
        <v>89</v>
      </c>
      <c r="AB14" s="260">
        <v>0</v>
      </c>
      <c r="AC14" s="261">
        <v>346</v>
      </c>
      <c r="AD14" s="261">
        <v>256</v>
      </c>
      <c r="AE14" s="261">
        <v>202</v>
      </c>
      <c r="AF14" s="261">
        <v>197</v>
      </c>
      <c r="AG14" s="261">
        <v>140</v>
      </c>
      <c r="AH14" s="258">
        <v>1141</v>
      </c>
      <c r="AI14" s="263">
        <v>1230</v>
      </c>
      <c r="AJ14" s="257">
        <v>5</v>
      </c>
      <c r="AK14" s="261">
        <v>8</v>
      </c>
      <c r="AL14" s="258">
        <v>13</v>
      </c>
      <c r="AM14" s="260">
        <v>0</v>
      </c>
      <c r="AN14" s="261">
        <v>23</v>
      </c>
      <c r="AO14" s="261">
        <v>30</v>
      </c>
      <c r="AP14" s="261">
        <v>25</v>
      </c>
      <c r="AQ14" s="261">
        <v>25</v>
      </c>
      <c r="AR14" s="261">
        <v>6</v>
      </c>
      <c r="AS14" s="258">
        <v>109</v>
      </c>
      <c r="AT14" s="263">
        <v>122</v>
      </c>
      <c r="AU14" s="257">
        <v>54</v>
      </c>
      <c r="AV14" s="261">
        <v>46</v>
      </c>
      <c r="AW14" s="258">
        <v>100</v>
      </c>
      <c r="AX14" s="260">
        <v>0</v>
      </c>
      <c r="AY14" s="261">
        <v>426</v>
      </c>
      <c r="AZ14" s="261">
        <v>480</v>
      </c>
      <c r="BA14" s="261">
        <v>431</v>
      </c>
      <c r="BB14" s="261">
        <v>449</v>
      </c>
      <c r="BC14" s="261">
        <v>276</v>
      </c>
      <c r="BD14" s="262">
        <v>2062</v>
      </c>
      <c r="BE14" s="263">
        <v>2162</v>
      </c>
      <c r="BF14" s="257">
        <v>0</v>
      </c>
      <c r="BG14" s="261">
        <v>0</v>
      </c>
      <c r="BH14" s="258">
        <v>0</v>
      </c>
      <c r="BI14" s="260">
        <v>0</v>
      </c>
      <c r="BJ14" s="261">
        <v>718</v>
      </c>
      <c r="BK14" s="261">
        <v>412</v>
      </c>
      <c r="BL14" s="261">
        <v>275</v>
      </c>
      <c r="BM14" s="261">
        <v>203</v>
      </c>
      <c r="BN14" s="261">
        <v>89</v>
      </c>
      <c r="BO14" s="258">
        <v>1697</v>
      </c>
      <c r="BP14" s="263">
        <v>1697</v>
      </c>
      <c r="BQ14" s="257">
        <v>73</v>
      </c>
      <c r="BR14" s="261">
        <v>58</v>
      </c>
      <c r="BS14" s="258">
        <v>131</v>
      </c>
      <c r="BT14" s="260">
        <v>0</v>
      </c>
      <c r="BU14" s="261">
        <v>232</v>
      </c>
      <c r="BV14" s="261">
        <v>145</v>
      </c>
      <c r="BW14" s="261">
        <v>102</v>
      </c>
      <c r="BX14" s="261">
        <v>63</v>
      </c>
      <c r="BY14" s="261">
        <v>20</v>
      </c>
      <c r="BZ14" s="258">
        <v>562</v>
      </c>
      <c r="CA14" s="263">
        <v>693</v>
      </c>
      <c r="CB14" s="257">
        <v>8</v>
      </c>
      <c r="CC14" s="261">
        <v>14</v>
      </c>
      <c r="CD14" s="258">
        <v>22</v>
      </c>
      <c r="CE14" s="260">
        <v>0</v>
      </c>
      <c r="CF14" s="261">
        <v>96</v>
      </c>
      <c r="CG14" s="261">
        <v>106</v>
      </c>
      <c r="CH14" s="261">
        <v>110</v>
      </c>
      <c r="CI14" s="261">
        <v>81</v>
      </c>
      <c r="CJ14" s="261">
        <v>42</v>
      </c>
      <c r="CK14" s="258">
        <v>435</v>
      </c>
      <c r="CL14" s="263">
        <v>457</v>
      </c>
      <c r="CM14" s="257">
        <v>0</v>
      </c>
      <c r="CN14" s="261">
        <v>0</v>
      </c>
      <c r="CO14" s="258">
        <v>0</v>
      </c>
      <c r="CP14" s="260">
        <v>0</v>
      </c>
      <c r="CQ14" s="261">
        <v>3</v>
      </c>
      <c r="CR14" s="261">
        <v>10</v>
      </c>
      <c r="CS14" s="261">
        <v>10</v>
      </c>
      <c r="CT14" s="261">
        <v>9</v>
      </c>
      <c r="CU14" s="261">
        <v>12</v>
      </c>
      <c r="CV14" s="258">
        <v>44</v>
      </c>
      <c r="CW14" s="263">
        <v>44</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350</v>
      </c>
      <c r="DU14" s="261">
        <v>421</v>
      </c>
      <c r="DV14" s="258">
        <v>771</v>
      </c>
      <c r="DW14" s="260">
        <v>0</v>
      </c>
      <c r="DX14" s="261">
        <v>994</v>
      </c>
      <c r="DY14" s="261">
        <v>870</v>
      </c>
      <c r="DZ14" s="261">
        <v>647</v>
      </c>
      <c r="EA14" s="261">
        <v>537</v>
      </c>
      <c r="EB14" s="261">
        <v>275</v>
      </c>
      <c r="EC14" s="258">
        <v>3323</v>
      </c>
      <c r="ED14" s="263">
        <v>4094</v>
      </c>
      <c r="EE14" s="257">
        <v>33</v>
      </c>
      <c r="EF14" s="261">
        <v>28</v>
      </c>
      <c r="EG14" s="258">
        <v>61</v>
      </c>
      <c r="EH14" s="260">
        <v>0</v>
      </c>
      <c r="EI14" s="261">
        <v>180</v>
      </c>
      <c r="EJ14" s="261">
        <v>138</v>
      </c>
      <c r="EK14" s="261">
        <v>119</v>
      </c>
      <c r="EL14" s="261">
        <v>150</v>
      </c>
      <c r="EM14" s="261">
        <v>69</v>
      </c>
      <c r="EN14" s="258">
        <v>656</v>
      </c>
      <c r="EO14" s="263">
        <v>717</v>
      </c>
      <c r="EP14" s="257">
        <v>437</v>
      </c>
      <c r="EQ14" s="261">
        <v>479</v>
      </c>
      <c r="ER14" s="258">
        <v>916</v>
      </c>
      <c r="ES14" s="260">
        <v>0</v>
      </c>
      <c r="ET14" s="261">
        <v>1924</v>
      </c>
      <c r="EU14" s="261">
        <v>1175</v>
      </c>
      <c r="EV14" s="261">
        <v>756</v>
      </c>
      <c r="EW14" s="261">
        <v>566</v>
      </c>
      <c r="EX14" s="261">
        <v>288</v>
      </c>
      <c r="EY14" s="258">
        <v>4709</v>
      </c>
      <c r="EZ14" s="263">
        <v>5625</v>
      </c>
    </row>
    <row r="15" spans="2:156" ht="21" customHeight="1" x14ac:dyDescent="0.2">
      <c r="B15" s="472" t="s">
        <v>12</v>
      </c>
      <c r="C15" s="257">
        <v>0</v>
      </c>
      <c r="D15" s="261">
        <v>0</v>
      </c>
      <c r="E15" s="358">
        <v>0</v>
      </c>
      <c r="F15" s="260">
        <v>0</v>
      </c>
      <c r="G15" s="261">
        <v>507</v>
      </c>
      <c r="H15" s="261">
        <v>480</v>
      </c>
      <c r="I15" s="261">
        <v>328</v>
      </c>
      <c r="J15" s="261">
        <v>296</v>
      </c>
      <c r="K15" s="261">
        <v>221</v>
      </c>
      <c r="L15" s="262">
        <v>1832</v>
      </c>
      <c r="M15" s="263">
        <v>1832</v>
      </c>
      <c r="N15" s="257">
        <v>0</v>
      </c>
      <c r="O15" s="261">
        <v>5</v>
      </c>
      <c r="P15" s="258">
        <v>5</v>
      </c>
      <c r="Q15" s="260">
        <v>0</v>
      </c>
      <c r="R15" s="261">
        <v>2</v>
      </c>
      <c r="S15" s="261">
        <v>17</v>
      </c>
      <c r="T15" s="261">
        <v>17</v>
      </c>
      <c r="U15" s="261">
        <v>70</v>
      </c>
      <c r="V15" s="261">
        <v>82</v>
      </c>
      <c r="W15" s="258">
        <v>188</v>
      </c>
      <c r="X15" s="263">
        <v>193</v>
      </c>
      <c r="Y15" s="257">
        <v>116</v>
      </c>
      <c r="Z15" s="261">
        <v>270</v>
      </c>
      <c r="AA15" s="258">
        <v>386</v>
      </c>
      <c r="AB15" s="260">
        <v>0</v>
      </c>
      <c r="AC15" s="261">
        <v>323</v>
      </c>
      <c r="AD15" s="261">
        <v>387</v>
      </c>
      <c r="AE15" s="261">
        <v>252</v>
      </c>
      <c r="AF15" s="261">
        <v>229</v>
      </c>
      <c r="AG15" s="261">
        <v>176</v>
      </c>
      <c r="AH15" s="258">
        <v>1367</v>
      </c>
      <c r="AI15" s="263">
        <v>1753</v>
      </c>
      <c r="AJ15" s="257">
        <v>6</v>
      </c>
      <c r="AK15" s="261">
        <v>28</v>
      </c>
      <c r="AL15" s="258">
        <v>34</v>
      </c>
      <c r="AM15" s="260">
        <v>0</v>
      </c>
      <c r="AN15" s="261">
        <v>19</v>
      </c>
      <c r="AO15" s="261">
        <v>41</v>
      </c>
      <c r="AP15" s="261">
        <v>25</v>
      </c>
      <c r="AQ15" s="261">
        <v>26</v>
      </c>
      <c r="AR15" s="261">
        <v>14</v>
      </c>
      <c r="AS15" s="258">
        <v>125</v>
      </c>
      <c r="AT15" s="263">
        <v>159</v>
      </c>
      <c r="AU15" s="257">
        <v>75</v>
      </c>
      <c r="AV15" s="261">
        <v>122</v>
      </c>
      <c r="AW15" s="258">
        <v>197</v>
      </c>
      <c r="AX15" s="260">
        <v>0</v>
      </c>
      <c r="AY15" s="261">
        <v>319</v>
      </c>
      <c r="AZ15" s="261">
        <v>424</v>
      </c>
      <c r="BA15" s="261">
        <v>364</v>
      </c>
      <c r="BB15" s="261">
        <v>455</v>
      </c>
      <c r="BC15" s="261">
        <v>344</v>
      </c>
      <c r="BD15" s="262">
        <v>1906</v>
      </c>
      <c r="BE15" s="263">
        <v>2103</v>
      </c>
      <c r="BF15" s="257">
        <v>0</v>
      </c>
      <c r="BG15" s="261">
        <v>0</v>
      </c>
      <c r="BH15" s="258">
        <v>0</v>
      </c>
      <c r="BI15" s="260">
        <v>0</v>
      </c>
      <c r="BJ15" s="261">
        <v>658</v>
      </c>
      <c r="BK15" s="261">
        <v>451</v>
      </c>
      <c r="BL15" s="261">
        <v>269</v>
      </c>
      <c r="BM15" s="261">
        <v>204</v>
      </c>
      <c r="BN15" s="261">
        <v>88</v>
      </c>
      <c r="BO15" s="258">
        <v>1670</v>
      </c>
      <c r="BP15" s="263">
        <v>1670</v>
      </c>
      <c r="BQ15" s="257">
        <v>123</v>
      </c>
      <c r="BR15" s="261">
        <v>136</v>
      </c>
      <c r="BS15" s="258">
        <v>259</v>
      </c>
      <c r="BT15" s="260">
        <v>0</v>
      </c>
      <c r="BU15" s="261">
        <v>146</v>
      </c>
      <c r="BV15" s="261">
        <v>170</v>
      </c>
      <c r="BW15" s="261">
        <v>123</v>
      </c>
      <c r="BX15" s="261">
        <v>83</v>
      </c>
      <c r="BY15" s="261">
        <v>28</v>
      </c>
      <c r="BZ15" s="258">
        <v>550</v>
      </c>
      <c r="CA15" s="263">
        <v>809</v>
      </c>
      <c r="CB15" s="257">
        <v>3</v>
      </c>
      <c r="CC15" s="261">
        <v>28</v>
      </c>
      <c r="CD15" s="258">
        <v>31</v>
      </c>
      <c r="CE15" s="260">
        <v>0</v>
      </c>
      <c r="CF15" s="261">
        <v>91</v>
      </c>
      <c r="CG15" s="261">
        <v>111</v>
      </c>
      <c r="CH15" s="261">
        <v>130</v>
      </c>
      <c r="CI15" s="261">
        <v>106</v>
      </c>
      <c r="CJ15" s="261">
        <v>65</v>
      </c>
      <c r="CK15" s="258">
        <v>503</v>
      </c>
      <c r="CL15" s="263">
        <v>534</v>
      </c>
      <c r="CM15" s="257">
        <v>0</v>
      </c>
      <c r="CN15" s="261">
        <v>0</v>
      </c>
      <c r="CO15" s="258">
        <v>0</v>
      </c>
      <c r="CP15" s="260">
        <v>0</v>
      </c>
      <c r="CQ15" s="261">
        <v>6</v>
      </c>
      <c r="CR15" s="261">
        <v>6</v>
      </c>
      <c r="CS15" s="261">
        <v>7</v>
      </c>
      <c r="CT15" s="261">
        <v>3</v>
      </c>
      <c r="CU15" s="261">
        <v>3</v>
      </c>
      <c r="CV15" s="258">
        <v>25</v>
      </c>
      <c r="CW15" s="263">
        <v>25</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480</v>
      </c>
      <c r="DU15" s="261">
        <v>888</v>
      </c>
      <c r="DV15" s="258">
        <v>1368</v>
      </c>
      <c r="DW15" s="260">
        <v>0</v>
      </c>
      <c r="DX15" s="261">
        <v>635</v>
      </c>
      <c r="DY15" s="261">
        <v>998</v>
      </c>
      <c r="DZ15" s="261">
        <v>685</v>
      </c>
      <c r="EA15" s="261">
        <v>620</v>
      </c>
      <c r="EB15" s="261">
        <v>365</v>
      </c>
      <c r="EC15" s="258">
        <v>3303</v>
      </c>
      <c r="ED15" s="263">
        <v>4671</v>
      </c>
      <c r="EE15" s="257">
        <v>39</v>
      </c>
      <c r="EF15" s="261">
        <v>41</v>
      </c>
      <c r="EG15" s="258">
        <v>80</v>
      </c>
      <c r="EH15" s="260">
        <v>0</v>
      </c>
      <c r="EI15" s="261">
        <v>105</v>
      </c>
      <c r="EJ15" s="261">
        <v>102</v>
      </c>
      <c r="EK15" s="261">
        <v>109</v>
      </c>
      <c r="EL15" s="261">
        <v>139</v>
      </c>
      <c r="EM15" s="261">
        <v>70</v>
      </c>
      <c r="EN15" s="258">
        <v>525</v>
      </c>
      <c r="EO15" s="263">
        <v>605</v>
      </c>
      <c r="EP15" s="257">
        <v>654</v>
      </c>
      <c r="EQ15" s="261">
        <v>1077</v>
      </c>
      <c r="ER15" s="258">
        <v>1731</v>
      </c>
      <c r="ES15" s="260">
        <v>0</v>
      </c>
      <c r="ET15" s="261">
        <v>1570</v>
      </c>
      <c r="EU15" s="261">
        <v>1275</v>
      </c>
      <c r="EV15" s="261">
        <v>777</v>
      </c>
      <c r="EW15" s="261">
        <v>623</v>
      </c>
      <c r="EX15" s="261">
        <v>342</v>
      </c>
      <c r="EY15" s="258">
        <v>4587</v>
      </c>
      <c r="EZ15" s="263">
        <v>6318</v>
      </c>
    </row>
    <row r="16" spans="2:156" ht="21" customHeight="1" x14ac:dyDescent="0.2">
      <c r="B16" s="472" t="s">
        <v>13</v>
      </c>
      <c r="C16" s="257">
        <v>0</v>
      </c>
      <c r="D16" s="261">
        <v>0</v>
      </c>
      <c r="E16" s="358">
        <v>0</v>
      </c>
      <c r="F16" s="260">
        <v>0</v>
      </c>
      <c r="G16" s="261">
        <v>234</v>
      </c>
      <c r="H16" s="261">
        <v>216</v>
      </c>
      <c r="I16" s="261">
        <v>124</v>
      </c>
      <c r="J16" s="261">
        <v>114</v>
      </c>
      <c r="K16" s="261">
        <v>117</v>
      </c>
      <c r="L16" s="262">
        <v>805</v>
      </c>
      <c r="M16" s="263">
        <v>805</v>
      </c>
      <c r="N16" s="257">
        <v>0</v>
      </c>
      <c r="O16" s="261">
        <v>0</v>
      </c>
      <c r="P16" s="258">
        <v>0</v>
      </c>
      <c r="Q16" s="260">
        <v>0</v>
      </c>
      <c r="R16" s="261">
        <v>1</v>
      </c>
      <c r="S16" s="261">
        <v>2</v>
      </c>
      <c r="T16" s="261">
        <v>3</v>
      </c>
      <c r="U16" s="261">
        <v>18</v>
      </c>
      <c r="V16" s="261">
        <v>36</v>
      </c>
      <c r="W16" s="258">
        <v>60</v>
      </c>
      <c r="X16" s="263">
        <v>60</v>
      </c>
      <c r="Y16" s="257">
        <v>14</v>
      </c>
      <c r="Z16" s="261">
        <v>23</v>
      </c>
      <c r="AA16" s="258">
        <v>37</v>
      </c>
      <c r="AB16" s="260">
        <v>0</v>
      </c>
      <c r="AC16" s="261">
        <v>121</v>
      </c>
      <c r="AD16" s="261">
        <v>143</v>
      </c>
      <c r="AE16" s="261">
        <v>82</v>
      </c>
      <c r="AF16" s="261">
        <v>81</v>
      </c>
      <c r="AG16" s="261">
        <v>81</v>
      </c>
      <c r="AH16" s="258">
        <v>508</v>
      </c>
      <c r="AI16" s="263">
        <v>545</v>
      </c>
      <c r="AJ16" s="257">
        <v>1</v>
      </c>
      <c r="AK16" s="261">
        <v>6</v>
      </c>
      <c r="AL16" s="258">
        <v>7</v>
      </c>
      <c r="AM16" s="260">
        <v>0</v>
      </c>
      <c r="AN16" s="261">
        <v>21</v>
      </c>
      <c r="AO16" s="261">
        <v>23</v>
      </c>
      <c r="AP16" s="261">
        <v>12</v>
      </c>
      <c r="AQ16" s="261">
        <v>14</v>
      </c>
      <c r="AR16" s="261">
        <v>12</v>
      </c>
      <c r="AS16" s="258">
        <v>82</v>
      </c>
      <c r="AT16" s="263">
        <v>89</v>
      </c>
      <c r="AU16" s="257">
        <v>35</v>
      </c>
      <c r="AV16" s="261">
        <v>27</v>
      </c>
      <c r="AW16" s="258">
        <v>62</v>
      </c>
      <c r="AX16" s="260">
        <v>0</v>
      </c>
      <c r="AY16" s="261">
        <v>178</v>
      </c>
      <c r="AZ16" s="261">
        <v>206</v>
      </c>
      <c r="BA16" s="261">
        <v>189</v>
      </c>
      <c r="BB16" s="261">
        <v>188</v>
      </c>
      <c r="BC16" s="261">
        <v>179</v>
      </c>
      <c r="BD16" s="262">
        <v>940</v>
      </c>
      <c r="BE16" s="263">
        <v>1002</v>
      </c>
      <c r="BF16" s="257">
        <v>0</v>
      </c>
      <c r="BG16" s="261">
        <v>0</v>
      </c>
      <c r="BH16" s="258">
        <v>0</v>
      </c>
      <c r="BI16" s="260">
        <v>0</v>
      </c>
      <c r="BJ16" s="261">
        <v>188</v>
      </c>
      <c r="BK16" s="261">
        <v>174</v>
      </c>
      <c r="BL16" s="261">
        <v>108</v>
      </c>
      <c r="BM16" s="261">
        <v>65</v>
      </c>
      <c r="BN16" s="261">
        <v>37</v>
      </c>
      <c r="BO16" s="258">
        <v>572</v>
      </c>
      <c r="BP16" s="263">
        <v>572</v>
      </c>
      <c r="BQ16" s="257">
        <v>6</v>
      </c>
      <c r="BR16" s="261">
        <v>22</v>
      </c>
      <c r="BS16" s="258">
        <v>28</v>
      </c>
      <c r="BT16" s="260">
        <v>0</v>
      </c>
      <c r="BU16" s="261">
        <v>32</v>
      </c>
      <c r="BV16" s="261">
        <v>34</v>
      </c>
      <c r="BW16" s="261">
        <v>31</v>
      </c>
      <c r="BX16" s="261">
        <v>24</v>
      </c>
      <c r="BY16" s="261">
        <v>12</v>
      </c>
      <c r="BZ16" s="258">
        <v>133</v>
      </c>
      <c r="CA16" s="263">
        <v>161</v>
      </c>
      <c r="CB16" s="257">
        <v>0</v>
      </c>
      <c r="CC16" s="261">
        <v>0</v>
      </c>
      <c r="CD16" s="258">
        <v>0</v>
      </c>
      <c r="CE16" s="260">
        <v>0</v>
      </c>
      <c r="CF16" s="261">
        <v>19</v>
      </c>
      <c r="CG16" s="261">
        <v>28</v>
      </c>
      <c r="CH16" s="261">
        <v>40</v>
      </c>
      <c r="CI16" s="261">
        <v>31</v>
      </c>
      <c r="CJ16" s="261">
        <v>17</v>
      </c>
      <c r="CK16" s="258">
        <v>135</v>
      </c>
      <c r="CL16" s="263">
        <v>135</v>
      </c>
      <c r="CM16" s="257">
        <v>0</v>
      </c>
      <c r="CN16" s="261">
        <v>0</v>
      </c>
      <c r="CO16" s="258">
        <v>0</v>
      </c>
      <c r="CP16" s="260">
        <v>0</v>
      </c>
      <c r="CQ16" s="261">
        <v>2</v>
      </c>
      <c r="CR16" s="261">
        <v>5</v>
      </c>
      <c r="CS16" s="261">
        <v>5</v>
      </c>
      <c r="CT16" s="261">
        <v>10</v>
      </c>
      <c r="CU16" s="261">
        <v>2</v>
      </c>
      <c r="CV16" s="258">
        <v>24</v>
      </c>
      <c r="CW16" s="263">
        <v>24</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78</v>
      </c>
      <c r="DU16" s="261">
        <v>165</v>
      </c>
      <c r="DV16" s="258">
        <v>243</v>
      </c>
      <c r="DW16" s="260">
        <v>0</v>
      </c>
      <c r="DX16" s="261">
        <v>259</v>
      </c>
      <c r="DY16" s="261">
        <v>387</v>
      </c>
      <c r="DZ16" s="261">
        <v>224</v>
      </c>
      <c r="EA16" s="261">
        <v>211</v>
      </c>
      <c r="EB16" s="261">
        <v>143</v>
      </c>
      <c r="EC16" s="258">
        <v>1224</v>
      </c>
      <c r="ED16" s="263">
        <v>1467</v>
      </c>
      <c r="EE16" s="257">
        <v>22</v>
      </c>
      <c r="EF16" s="261">
        <v>10</v>
      </c>
      <c r="EG16" s="258">
        <v>32</v>
      </c>
      <c r="EH16" s="260">
        <v>0</v>
      </c>
      <c r="EI16" s="261">
        <v>69</v>
      </c>
      <c r="EJ16" s="261">
        <v>74</v>
      </c>
      <c r="EK16" s="261">
        <v>65</v>
      </c>
      <c r="EL16" s="261">
        <v>66</v>
      </c>
      <c r="EM16" s="261">
        <v>51</v>
      </c>
      <c r="EN16" s="258">
        <v>325</v>
      </c>
      <c r="EO16" s="263">
        <v>357</v>
      </c>
      <c r="EP16" s="257">
        <v>92</v>
      </c>
      <c r="EQ16" s="261">
        <v>193</v>
      </c>
      <c r="ER16" s="258">
        <v>285</v>
      </c>
      <c r="ES16" s="260">
        <v>0</v>
      </c>
      <c r="ET16" s="261">
        <v>580</v>
      </c>
      <c r="EU16" s="261">
        <v>542</v>
      </c>
      <c r="EV16" s="261">
        <v>291</v>
      </c>
      <c r="EW16" s="261">
        <v>234</v>
      </c>
      <c r="EX16" s="261">
        <v>166</v>
      </c>
      <c r="EY16" s="258">
        <v>1813</v>
      </c>
      <c r="EZ16" s="263">
        <v>2098</v>
      </c>
    </row>
    <row r="17" spans="2:156" ht="21" customHeight="1" x14ac:dyDescent="0.2">
      <c r="B17" s="472" t="s">
        <v>15</v>
      </c>
      <c r="C17" s="257">
        <v>0</v>
      </c>
      <c r="D17" s="261">
        <v>0</v>
      </c>
      <c r="E17" s="358">
        <v>0</v>
      </c>
      <c r="F17" s="260">
        <v>0</v>
      </c>
      <c r="G17" s="261">
        <v>121</v>
      </c>
      <c r="H17" s="261">
        <v>173</v>
      </c>
      <c r="I17" s="261">
        <v>82</v>
      </c>
      <c r="J17" s="261">
        <v>51</v>
      </c>
      <c r="K17" s="261">
        <v>47</v>
      </c>
      <c r="L17" s="262">
        <v>474</v>
      </c>
      <c r="M17" s="263">
        <v>474</v>
      </c>
      <c r="N17" s="257">
        <v>0</v>
      </c>
      <c r="O17" s="261">
        <v>0</v>
      </c>
      <c r="P17" s="258">
        <v>0</v>
      </c>
      <c r="Q17" s="260">
        <v>0</v>
      </c>
      <c r="R17" s="261">
        <v>0</v>
      </c>
      <c r="S17" s="261">
        <v>2</v>
      </c>
      <c r="T17" s="261">
        <v>8</v>
      </c>
      <c r="U17" s="261">
        <v>12</v>
      </c>
      <c r="V17" s="261">
        <v>33</v>
      </c>
      <c r="W17" s="258">
        <v>55</v>
      </c>
      <c r="X17" s="263">
        <v>55</v>
      </c>
      <c r="Y17" s="257">
        <v>3</v>
      </c>
      <c r="Z17" s="261">
        <v>14</v>
      </c>
      <c r="AA17" s="258">
        <v>17</v>
      </c>
      <c r="AB17" s="260">
        <v>0</v>
      </c>
      <c r="AC17" s="261">
        <v>58</v>
      </c>
      <c r="AD17" s="261">
        <v>77</v>
      </c>
      <c r="AE17" s="261">
        <v>47</v>
      </c>
      <c r="AF17" s="261">
        <v>36</v>
      </c>
      <c r="AG17" s="261">
        <v>47</v>
      </c>
      <c r="AH17" s="258">
        <v>265</v>
      </c>
      <c r="AI17" s="263">
        <v>282</v>
      </c>
      <c r="AJ17" s="257">
        <v>0</v>
      </c>
      <c r="AK17" s="261">
        <v>2</v>
      </c>
      <c r="AL17" s="258">
        <v>2</v>
      </c>
      <c r="AM17" s="260">
        <v>0</v>
      </c>
      <c r="AN17" s="261">
        <v>11</v>
      </c>
      <c r="AO17" s="261">
        <v>16</v>
      </c>
      <c r="AP17" s="261">
        <v>3</v>
      </c>
      <c r="AQ17" s="261">
        <v>4</v>
      </c>
      <c r="AR17" s="261">
        <v>7</v>
      </c>
      <c r="AS17" s="258">
        <v>41</v>
      </c>
      <c r="AT17" s="263">
        <v>43</v>
      </c>
      <c r="AU17" s="257">
        <v>12</v>
      </c>
      <c r="AV17" s="261">
        <v>14</v>
      </c>
      <c r="AW17" s="258">
        <v>26</v>
      </c>
      <c r="AX17" s="260">
        <v>0</v>
      </c>
      <c r="AY17" s="261">
        <v>111</v>
      </c>
      <c r="AZ17" s="261">
        <v>120</v>
      </c>
      <c r="BA17" s="261">
        <v>112</v>
      </c>
      <c r="BB17" s="261">
        <v>110</v>
      </c>
      <c r="BC17" s="261">
        <v>83</v>
      </c>
      <c r="BD17" s="262">
        <v>536</v>
      </c>
      <c r="BE17" s="263">
        <v>562</v>
      </c>
      <c r="BF17" s="257">
        <v>0</v>
      </c>
      <c r="BG17" s="261">
        <v>0</v>
      </c>
      <c r="BH17" s="258">
        <v>0</v>
      </c>
      <c r="BI17" s="260">
        <v>0</v>
      </c>
      <c r="BJ17" s="261">
        <v>126</v>
      </c>
      <c r="BK17" s="261">
        <v>139</v>
      </c>
      <c r="BL17" s="261">
        <v>64</v>
      </c>
      <c r="BM17" s="261">
        <v>28</v>
      </c>
      <c r="BN17" s="261">
        <v>13</v>
      </c>
      <c r="BO17" s="258">
        <v>370</v>
      </c>
      <c r="BP17" s="263">
        <v>370</v>
      </c>
      <c r="BQ17" s="257">
        <v>0</v>
      </c>
      <c r="BR17" s="261">
        <v>5</v>
      </c>
      <c r="BS17" s="258">
        <v>5</v>
      </c>
      <c r="BT17" s="260">
        <v>0</v>
      </c>
      <c r="BU17" s="261">
        <v>27</v>
      </c>
      <c r="BV17" s="261">
        <v>26</v>
      </c>
      <c r="BW17" s="261">
        <v>23</v>
      </c>
      <c r="BX17" s="261">
        <v>17</v>
      </c>
      <c r="BY17" s="261">
        <v>8</v>
      </c>
      <c r="BZ17" s="258">
        <v>101</v>
      </c>
      <c r="CA17" s="263">
        <v>106</v>
      </c>
      <c r="CB17" s="257">
        <v>0</v>
      </c>
      <c r="CC17" s="261">
        <v>2</v>
      </c>
      <c r="CD17" s="258">
        <v>2</v>
      </c>
      <c r="CE17" s="260">
        <v>0</v>
      </c>
      <c r="CF17" s="261">
        <v>7</v>
      </c>
      <c r="CG17" s="261">
        <v>33</v>
      </c>
      <c r="CH17" s="261">
        <v>56</v>
      </c>
      <c r="CI17" s="261">
        <v>40</v>
      </c>
      <c r="CJ17" s="261">
        <v>27</v>
      </c>
      <c r="CK17" s="258">
        <v>163</v>
      </c>
      <c r="CL17" s="263">
        <v>165</v>
      </c>
      <c r="CM17" s="257">
        <v>0</v>
      </c>
      <c r="CN17" s="261">
        <v>0</v>
      </c>
      <c r="CO17" s="258">
        <v>0</v>
      </c>
      <c r="CP17" s="260">
        <v>0</v>
      </c>
      <c r="CQ17" s="261">
        <v>0</v>
      </c>
      <c r="CR17" s="261">
        <v>2</v>
      </c>
      <c r="CS17" s="261">
        <v>6</v>
      </c>
      <c r="CT17" s="261">
        <v>5</v>
      </c>
      <c r="CU17" s="261">
        <v>0</v>
      </c>
      <c r="CV17" s="258">
        <v>13</v>
      </c>
      <c r="CW17" s="263">
        <v>13</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68</v>
      </c>
      <c r="DU17" s="261">
        <v>156</v>
      </c>
      <c r="DV17" s="258">
        <v>224</v>
      </c>
      <c r="DW17" s="260">
        <v>0</v>
      </c>
      <c r="DX17" s="261">
        <v>221</v>
      </c>
      <c r="DY17" s="261">
        <v>355</v>
      </c>
      <c r="DZ17" s="261">
        <v>177</v>
      </c>
      <c r="EA17" s="261">
        <v>113</v>
      </c>
      <c r="EB17" s="261">
        <v>93</v>
      </c>
      <c r="EC17" s="258">
        <v>959</v>
      </c>
      <c r="ED17" s="263">
        <v>1183</v>
      </c>
      <c r="EE17" s="257">
        <v>19</v>
      </c>
      <c r="EF17" s="261">
        <v>12</v>
      </c>
      <c r="EG17" s="258">
        <v>31</v>
      </c>
      <c r="EH17" s="260">
        <v>0</v>
      </c>
      <c r="EI17" s="261">
        <v>54</v>
      </c>
      <c r="EJ17" s="261">
        <v>32</v>
      </c>
      <c r="EK17" s="261">
        <v>38</v>
      </c>
      <c r="EL17" s="261">
        <v>41</v>
      </c>
      <c r="EM17" s="261">
        <v>15</v>
      </c>
      <c r="EN17" s="258">
        <v>180</v>
      </c>
      <c r="EO17" s="263">
        <v>211</v>
      </c>
      <c r="EP17" s="257">
        <v>71</v>
      </c>
      <c r="EQ17" s="261">
        <v>168</v>
      </c>
      <c r="ER17" s="258">
        <v>239</v>
      </c>
      <c r="ES17" s="260">
        <v>0</v>
      </c>
      <c r="ET17" s="261">
        <v>428</v>
      </c>
      <c r="EU17" s="261">
        <v>483</v>
      </c>
      <c r="EV17" s="261">
        <v>232</v>
      </c>
      <c r="EW17" s="261">
        <v>141</v>
      </c>
      <c r="EX17" s="261">
        <v>106</v>
      </c>
      <c r="EY17" s="258">
        <v>1390</v>
      </c>
      <c r="EZ17" s="263">
        <v>1629</v>
      </c>
    </row>
    <row r="18" spans="2:156" ht="21" customHeight="1" x14ac:dyDescent="0.2">
      <c r="B18" s="472" t="s">
        <v>16</v>
      </c>
      <c r="C18" s="257">
        <v>0</v>
      </c>
      <c r="D18" s="261">
        <v>0</v>
      </c>
      <c r="E18" s="358">
        <v>0</v>
      </c>
      <c r="F18" s="260">
        <v>0</v>
      </c>
      <c r="G18" s="261">
        <v>221</v>
      </c>
      <c r="H18" s="261">
        <v>312</v>
      </c>
      <c r="I18" s="261">
        <v>172</v>
      </c>
      <c r="J18" s="261">
        <v>139</v>
      </c>
      <c r="K18" s="261">
        <v>94</v>
      </c>
      <c r="L18" s="262">
        <v>938</v>
      </c>
      <c r="M18" s="263">
        <v>938</v>
      </c>
      <c r="N18" s="257">
        <v>0</v>
      </c>
      <c r="O18" s="261">
        <v>0</v>
      </c>
      <c r="P18" s="258">
        <v>0</v>
      </c>
      <c r="Q18" s="260">
        <v>0</v>
      </c>
      <c r="R18" s="261">
        <v>2</v>
      </c>
      <c r="S18" s="261">
        <v>7</v>
      </c>
      <c r="T18" s="261">
        <v>13</v>
      </c>
      <c r="U18" s="261">
        <v>25</v>
      </c>
      <c r="V18" s="261">
        <v>52</v>
      </c>
      <c r="W18" s="258">
        <v>99</v>
      </c>
      <c r="X18" s="263">
        <v>99</v>
      </c>
      <c r="Y18" s="257">
        <v>29</v>
      </c>
      <c r="Z18" s="261">
        <v>55</v>
      </c>
      <c r="AA18" s="258">
        <v>84</v>
      </c>
      <c r="AB18" s="260">
        <v>0</v>
      </c>
      <c r="AC18" s="261">
        <v>173</v>
      </c>
      <c r="AD18" s="261">
        <v>302</v>
      </c>
      <c r="AE18" s="261">
        <v>182</v>
      </c>
      <c r="AF18" s="261">
        <v>146</v>
      </c>
      <c r="AG18" s="261">
        <v>111</v>
      </c>
      <c r="AH18" s="258">
        <v>914</v>
      </c>
      <c r="AI18" s="263">
        <v>998</v>
      </c>
      <c r="AJ18" s="257">
        <v>6</v>
      </c>
      <c r="AK18" s="261">
        <v>10</v>
      </c>
      <c r="AL18" s="258">
        <v>16</v>
      </c>
      <c r="AM18" s="260">
        <v>0</v>
      </c>
      <c r="AN18" s="261">
        <v>9</v>
      </c>
      <c r="AO18" s="261">
        <v>30</v>
      </c>
      <c r="AP18" s="261">
        <v>17</v>
      </c>
      <c r="AQ18" s="261">
        <v>7</v>
      </c>
      <c r="AR18" s="261">
        <v>13</v>
      </c>
      <c r="AS18" s="258">
        <v>76</v>
      </c>
      <c r="AT18" s="263">
        <v>92</v>
      </c>
      <c r="AU18" s="257">
        <v>43</v>
      </c>
      <c r="AV18" s="261">
        <v>40</v>
      </c>
      <c r="AW18" s="258">
        <v>83</v>
      </c>
      <c r="AX18" s="260">
        <v>0</v>
      </c>
      <c r="AY18" s="261">
        <v>208</v>
      </c>
      <c r="AZ18" s="261">
        <v>328</v>
      </c>
      <c r="BA18" s="261">
        <v>272</v>
      </c>
      <c r="BB18" s="261">
        <v>285</v>
      </c>
      <c r="BC18" s="261">
        <v>229</v>
      </c>
      <c r="BD18" s="262">
        <v>1322</v>
      </c>
      <c r="BE18" s="263">
        <v>1405</v>
      </c>
      <c r="BF18" s="257">
        <v>0</v>
      </c>
      <c r="BG18" s="261">
        <v>0</v>
      </c>
      <c r="BH18" s="258">
        <v>0</v>
      </c>
      <c r="BI18" s="260">
        <v>0</v>
      </c>
      <c r="BJ18" s="261">
        <v>324</v>
      </c>
      <c r="BK18" s="261">
        <v>470</v>
      </c>
      <c r="BL18" s="261">
        <v>236</v>
      </c>
      <c r="BM18" s="261">
        <v>151</v>
      </c>
      <c r="BN18" s="261">
        <v>93</v>
      </c>
      <c r="BO18" s="258">
        <v>1274</v>
      </c>
      <c r="BP18" s="263">
        <v>1274</v>
      </c>
      <c r="BQ18" s="257">
        <v>38</v>
      </c>
      <c r="BR18" s="261">
        <v>100</v>
      </c>
      <c r="BS18" s="258">
        <v>138</v>
      </c>
      <c r="BT18" s="260">
        <v>0</v>
      </c>
      <c r="BU18" s="261">
        <v>182</v>
      </c>
      <c r="BV18" s="261">
        <v>271</v>
      </c>
      <c r="BW18" s="261">
        <v>113</v>
      </c>
      <c r="BX18" s="261">
        <v>65</v>
      </c>
      <c r="BY18" s="261">
        <v>15</v>
      </c>
      <c r="BZ18" s="258">
        <v>646</v>
      </c>
      <c r="CA18" s="263">
        <v>784</v>
      </c>
      <c r="CB18" s="257">
        <v>2</v>
      </c>
      <c r="CC18" s="261">
        <v>3</v>
      </c>
      <c r="CD18" s="258">
        <v>5</v>
      </c>
      <c r="CE18" s="260">
        <v>0</v>
      </c>
      <c r="CF18" s="261">
        <v>46</v>
      </c>
      <c r="CG18" s="261">
        <v>86</v>
      </c>
      <c r="CH18" s="261">
        <v>79</v>
      </c>
      <c r="CI18" s="261">
        <v>53</v>
      </c>
      <c r="CJ18" s="261">
        <v>22</v>
      </c>
      <c r="CK18" s="258">
        <v>286</v>
      </c>
      <c r="CL18" s="263">
        <v>291</v>
      </c>
      <c r="CM18" s="257">
        <v>0</v>
      </c>
      <c r="CN18" s="261">
        <v>0</v>
      </c>
      <c r="CO18" s="258">
        <v>0</v>
      </c>
      <c r="CP18" s="260">
        <v>0</v>
      </c>
      <c r="CQ18" s="261">
        <v>3</v>
      </c>
      <c r="CR18" s="261">
        <v>8</v>
      </c>
      <c r="CS18" s="261">
        <v>7</v>
      </c>
      <c r="CT18" s="261">
        <v>13</v>
      </c>
      <c r="CU18" s="261">
        <v>7</v>
      </c>
      <c r="CV18" s="258">
        <v>38</v>
      </c>
      <c r="CW18" s="263">
        <v>38</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68</v>
      </c>
      <c r="DU18" s="261">
        <v>361</v>
      </c>
      <c r="DV18" s="258">
        <v>529</v>
      </c>
      <c r="DW18" s="260">
        <v>0</v>
      </c>
      <c r="DX18" s="261">
        <v>427</v>
      </c>
      <c r="DY18" s="261">
        <v>926</v>
      </c>
      <c r="DZ18" s="261">
        <v>472</v>
      </c>
      <c r="EA18" s="261">
        <v>363</v>
      </c>
      <c r="EB18" s="261">
        <v>237</v>
      </c>
      <c r="EC18" s="258">
        <v>2425</v>
      </c>
      <c r="ED18" s="263">
        <v>2954</v>
      </c>
      <c r="EE18" s="257">
        <v>27</v>
      </c>
      <c r="EF18" s="261">
        <v>24</v>
      </c>
      <c r="EG18" s="258">
        <v>51</v>
      </c>
      <c r="EH18" s="260">
        <v>0</v>
      </c>
      <c r="EI18" s="261">
        <v>101</v>
      </c>
      <c r="EJ18" s="261">
        <v>110</v>
      </c>
      <c r="EK18" s="261">
        <v>88</v>
      </c>
      <c r="EL18" s="261">
        <v>120</v>
      </c>
      <c r="EM18" s="261">
        <v>71</v>
      </c>
      <c r="EN18" s="258">
        <v>490</v>
      </c>
      <c r="EO18" s="263">
        <v>541</v>
      </c>
      <c r="EP18" s="257">
        <v>216</v>
      </c>
      <c r="EQ18" s="261">
        <v>439</v>
      </c>
      <c r="ER18" s="258">
        <v>655</v>
      </c>
      <c r="ES18" s="260">
        <v>0</v>
      </c>
      <c r="ET18" s="261">
        <v>891</v>
      </c>
      <c r="EU18" s="261">
        <v>1223</v>
      </c>
      <c r="EV18" s="261">
        <v>582</v>
      </c>
      <c r="EW18" s="261">
        <v>378</v>
      </c>
      <c r="EX18" s="261">
        <v>234</v>
      </c>
      <c r="EY18" s="258">
        <v>3308</v>
      </c>
      <c r="EZ18" s="263">
        <v>3963</v>
      </c>
    </row>
    <row r="19" spans="2:156" ht="21" customHeight="1" x14ac:dyDescent="0.2">
      <c r="B19" s="472" t="s">
        <v>17</v>
      </c>
      <c r="C19" s="257">
        <v>0</v>
      </c>
      <c r="D19" s="261">
        <v>0</v>
      </c>
      <c r="E19" s="358">
        <v>0</v>
      </c>
      <c r="F19" s="260">
        <v>0</v>
      </c>
      <c r="G19" s="261">
        <v>233</v>
      </c>
      <c r="H19" s="261">
        <v>451</v>
      </c>
      <c r="I19" s="261">
        <v>303</v>
      </c>
      <c r="J19" s="261">
        <v>215</v>
      </c>
      <c r="K19" s="261">
        <v>152</v>
      </c>
      <c r="L19" s="262">
        <v>1354</v>
      </c>
      <c r="M19" s="263">
        <v>1354</v>
      </c>
      <c r="N19" s="257">
        <v>0</v>
      </c>
      <c r="O19" s="261">
        <v>0</v>
      </c>
      <c r="P19" s="258">
        <v>0</v>
      </c>
      <c r="Q19" s="260">
        <v>0</v>
      </c>
      <c r="R19" s="261">
        <v>1</v>
      </c>
      <c r="S19" s="261">
        <v>8</v>
      </c>
      <c r="T19" s="261">
        <v>19</v>
      </c>
      <c r="U19" s="261">
        <v>46</v>
      </c>
      <c r="V19" s="261">
        <v>85</v>
      </c>
      <c r="W19" s="258">
        <v>159</v>
      </c>
      <c r="X19" s="263">
        <v>159</v>
      </c>
      <c r="Y19" s="257">
        <v>35</v>
      </c>
      <c r="Z19" s="261">
        <v>94</v>
      </c>
      <c r="AA19" s="258">
        <v>129</v>
      </c>
      <c r="AB19" s="260">
        <v>0</v>
      </c>
      <c r="AC19" s="261">
        <v>195</v>
      </c>
      <c r="AD19" s="261">
        <v>313</v>
      </c>
      <c r="AE19" s="261">
        <v>236</v>
      </c>
      <c r="AF19" s="261">
        <v>186</v>
      </c>
      <c r="AG19" s="261">
        <v>162</v>
      </c>
      <c r="AH19" s="258">
        <v>1092</v>
      </c>
      <c r="AI19" s="263">
        <v>1221</v>
      </c>
      <c r="AJ19" s="257">
        <v>5</v>
      </c>
      <c r="AK19" s="261">
        <v>8</v>
      </c>
      <c r="AL19" s="258">
        <v>13</v>
      </c>
      <c r="AM19" s="260">
        <v>0</v>
      </c>
      <c r="AN19" s="261">
        <v>6</v>
      </c>
      <c r="AO19" s="261">
        <v>24</v>
      </c>
      <c r="AP19" s="261">
        <v>19</v>
      </c>
      <c r="AQ19" s="261">
        <v>12</v>
      </c>
      <c r="AR19" s="261">
        <v>10</v>
      </c>
      <c r="AS19" s="258">
        <v>71</v>
      </c>
      <c r="AT19" s="263">
        <v>84</v>
      </c>
      <c r="AU19" s="257">
        <v>42</v>
      </c>
      <c r="AV19" s="261">
        <v>50</v>
      </c>
      <c r="AW19" s="258">
        <v>92</v>
      </c>
      <c r="AX19" s="260">
        <v>0</v>
      </c>
      <c r="AY19" s="261">
        <v>276</v>
      </c>
      <c r="AZ19" s="261">
        <v>423</v>
      </c>
      <c r="BA19" s="261">
        <v>434</v>
      </c>
      <c r="BB19" s="261">
        <v>412</v>
      </c>
      <c r="BC19" s="261">
        <v>323</v>
      </c>
      <c r="BD19" s="262">
        <v>1868</v>
      </c>
      <c r="BE19" s="263">
        <v>1960</v>
      </c>
      <c r="BF19" s="257">
        <v>0</v>
      </c>
      <c r="BG19" s="261">
        <v>0</v>
      </c>
      <c r="BH19" s="258">
        <v>0</v>
      </c>
      <c r="BI19" s="260">
        <v>0</v>
      </c>
      <c r="BJ19" s="261">
        <v>355</v>
      </c>
      <c r="BK19" s="261">
        <v>523</v>
      </c>
      <c r="BL19" s="261">
        <v>315</v>
      </c>
      <c r="BM19" s="261">
        <v>180</v>
      </c>
      <c r="BN19" s="261">
        <v>97</v>
      </c>
      <c r="BO19" s="258">
        <v>1470</v>
      </c>
      <c r="BP19" s="263">
        <v>1470</v>
      </c>
      <c r="BQ19" s="257">
        <v>36</v>
      </c>
      <c r="BR19" s="261">
        <v>81</v>
      </c>
      <c r="BS19" s="258">
        <v>117</v>
      </c>
      <c r="BT19" s="260">
        <v>0</v>
      </c>
      <c r="BU19" s="261">
        <v>68</v>
      </c>
      <c r="BV19" s="261">
        <v>188</v>
      </c>
      <c r="BW19" s="261">
        <v>115</v>
      </c>
      <c r="BX19" s="261">
        <v>51</v>
      </c>
      <c r="BY19" s="261">
        <v>23</v>
      </c>
      <c r="BZ19" s="258">
        <v>445</v>
      </c>
      <c r="CA19" s="263">
        <v>562</v>
      </c>
      <c r="CB19" s="257">
        <v>0</v>
      </c>
      <c r="CC19" s="261">
        <v>6</v>
      </c>
      <c r="CD19" s="258">
        <v>6</v>
      </c>
      <c r="CE19" s="260">
        <v>0</v>
      </c>
      <c r="CF19" s="261">
        <v>48</v>
      </c>
      <c r="CG19" s="261">
        <v>79</v>
      </c>
      <c r="CH19" s="261">
        <v>113</v>
      </c>
      <c r="CI19" s="261">
        <v>90</v>
      </c>
      <c r="CJ19" s="261">
        <v>43</v>
      </c>
      <c r="CK19" s="258">
        <v>373</v>
      </c>
      <c r="CL19" s="263">
        <v>379</v>
      </c>
      <c r="CM19" s="257">
        <v>0</v>
      </c>
      <c r="CN19" s="261">
        <v>0</v>
      </c>
      <c r="CO19" s="258">
        <v>0</v>
      </c>
      <c r="CP19" s="260">
        <v>0</v>
      </c>
      <c r="CQ19" s="261">
        <v>5</v>
      </c>
      <c r="CR19" s="261">
        <v>19</v>
      </c>
      <c r="CS19" s="261">
        <v>17</v>
      </c>
      <c r="CT19" s="261">
        <v>12</v>
      </c>
      <c r="CU19" s="261">
        <v>8</v>
      </c>
      <c r="CV19" s="258">
        <v>61</v>
      </c>
      <c r="CW19" s="263">
        <v>61</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203</v>
      </c>
      <c r="DU19" s="261">
        <v>494</v>
      </c>
      <c r="DV19" s="258">
        <v>697</v>
      </c>
      <c r="DW19" s="260">
        <v>0</v>
      </c>
      <c r="DX19" s="261">
        <v>435</v>
      </c>
      <c r="DY19" s="261">
        <v>1148</v>
      </c>
      <c r="DZ19" s="261">
        <v>755</v>
      </c>
      <c r="EA19" s="261">
        <v>543</v>
      </c>
      <c r="EB19" s="261">
        <v>344</v>
      </c>
      <c r="EC19" s="258">
        <v>3225</v>
      </c>
      <c r="ED19" s="263">
        <v>3922</v>
      </c>
      <c r="EE19" s="257">
        <v>26</v>
      </c>
      <c r="EF19" s="261">
        <v>28</v>
      </c>
      <c r="EG19" s="258">
        <v>54</v>
      </c>
      <c r="EH19" s="260">
        <v>0</v>
      </c>
      <c r="EI19" s="261">
        <v>103</v>
      </c>
      <c r="EJ19" s="261">
        <v>122</v>
      </c>
      <c r="EK19" s="261">
        <v>97</v>
      </c>
      <c r="EL19" s="261">
        <v>102</v>
      </c>
      <c r="EM19" s="261">
        <v>63</v>
      </c>
      <c r="EN19" s="258">
        <v>487</v>
      </c>
      <c r="EO19" s="263">
        <v>541</v>
      </c>
      <c r="EP19" s="257">
        <v>259</v>
      </c>
      <c r="EQ19" s="261">
        <v>582</v>
      </c>
      <c r="ER19" s="258">
        <v>841</v>
      </c>
      <c r="ES19" s="260">
        <v>0</v>
      </c>
      <c r="ET19" s="261">
        <v>1010</v>
      </c>
      <c r="EU19" s="261">
        <v>1515</v>
      </c>
      <c r="EV19" s="261">
        <v>871</v>
      </c>
      <c r="EW19" s="261">
        <v>593</v>
      </c>
      <c r="EX19" s="261">
        <v>353</v>
      </c>
      <c r="EY19" s="258">
        <v>4342</v>
      </c>
      <c r="EZ19" s="263">
        <v>5183</v>
      </c>
    </row>
    <row r="20" spans="2:156" ht="21" customHeight="1" x14ac:dyDescent="0.2">
      <c r="B20" s="472" t="s">
        <v>18</v>
      </c>
      <c r="C20" s="257">
        <v>0</v>
      </c>
      <c r="D20" s="261">
        <v>0</v>
      </c>
      <c r="E20" s="358">
        <v>0</v>
      </c>
      <c r="F20" s="260">
        <v>0</v>
      </c>
      <c r="G20" s="261">
        <v>480</v>
      </c>
      <c r="H20" s="261">
        <v>497</v>
      </c>
      <c r="I20" s="261">
        <v>324</v>
      </c>
      <c r="J20" s="261">
        <v>251</v>
      </c>
      <c r="K20" s="261">
        <v>182</v>
      </c>
      <c r="L20" s="262">
        <v>1734</v>
      </c>
      <c r="M20" s="263">
        <v>1734</v>
      </c>
      <c r="N20" s="257">
        <v>0</v>
      </c>
      <c r="O20" s="261">
        <v>0</v>
      </c>
      <c r="P20" s="258">
        <v>0</v>
      </c>
      <c r="Q20" s="260">
        <v>0</v>
      </c>
      <c r="R20" s="261">
        <v>2</v>
      </c>
      <c r="S20" s="261">
        <v>6</v>
      </c>
      <c r="T20" s="261">
        <v>19</v>
      </c>
      <c r="U20" s="261">
        <v>51</v>
      </c>
      <c r="V20" s="261">
        <v>76</v>
      </c>
      <c r="W20" s="258">
        <v>154</v>
      </c>
      <c r="X20" s="263">
        <v>154</v>
      </c>
      <c r="Y20" s="257">
        <v>52</v>
      </c>
      <c r="Z20" s="261">
        <v>95</v>
      </c>
      <c r="AA20" s="258">
        <v>147</v>
      </c>
      <c r="AB20" s="260">
        <v>0</v>
      </c>
      <c r="AC20" s="261">
        <v>303</v>
      </c>
      <c r="AD20" s="261">
        <v>326</v>
      </c>
      <c r="AE20" s="261">
        <v>218</v>
      </c>
      <c r="AF20" s="261">
        <v>170</v>
      </c>
      <c r="AG20" s="261">
        <v>128</v>
      </c>
      <c r="AH20" s="258">
        <v>1145</v>
      </c>
      <c r="AI20" s="263">
        <v>1292</v>
      </c>
      <c r="AJ20" s="257">
        <v>6</v>
      </c>
      <c r="AK20" s="261">
        <v>11</v>
      </c>
      <c r="AL20" s="258">
        <v>17</v>
      </c>
      <c r="AM20" s="260">
        <v>0</v>
      </c>
      <c r="AN20" s="261">
        <v>31</v>
      </c>
      <c r="AO20" s="261">
        <v>52</v>
      </c>
      <c r="AP20" s="261">
        <v>29</v>
      </c>
      <c r="AQ20" s="261">
        <v>21</v>
      </c>
      <c r="AR20" s="261">
        <v>13</v>
      </c>
      <c r="AS20" s="258">
        <v>146</v>
      </c>
      <c r="AT20" s="263">
        <v>163</v>
      </c>
      <c r="AU20" s="257">
        <v>50</v>
      </c>
      <c r="AV20" s="261">
        <v>65</v>
      </c>
      <c r="AW20" s="258">
        <v>115</v>
      </c>
      <c r="AX20" s="260">
        <v>0</v>
      </c>
      <c r="AY20" s="261">
        <v>457</v>
      </c>
      <c r="AZ20" s="261">
        <v>555</v>
      </c>
      <c r="BA20" s="261">
        <v>537</v>
      </c>
      <c r="BB20" s="261">
        <v>495</v>
      </c>
      <c r="BC20" s="261">
        <v>379</v>
      </c>
      <c r="BD20" s="262">
        <v>2423</v>
      </c>
      <c r="BE20" s="263">
        <v>2538</v>
      </c>
      <c r="BF20" s="257">
        <v>0</v>
      </c>
      <c r="BG20" s="261">
        <v>0</v>
      </c>
      <c r="BH20" s="258">
        <v>0</v>
      </c>
      <c r="BI20" s="260">
        <v>0</v>
      </c>
      <c r="BJ20" s="261">
        <v>683</v>
      </c>
      <c r="BK20" s="261">
        <v>654</v>
      </c>
      <c r="BL20" s="261">
        <v>364</v>
      </c>
      <c r="BM20" s="261">
        <v>198</v>
      </c>
      <c r="BN20" s="261">
        <v>94</v>
      </c>
      <c r="BO20" s="258">
        <v>1993</v>
      </c>
      <c r="BP20" s="263">
        <v>1993</v>
      </c>
      <c r="BQ20" s="257">
        <v>62</v>
      </c>
      <c r="BR20" s="261">
        <v>96</v>
      </c>
      <c r="BS20" s="258">
        <v>158</v>
      </c>
      <c r="BT20" s="260">
        <v>0</v>
      </c>
      <c r="BU20" s="261">
        <v>180</v>
      </c>
      <c r="BV20" s="261">
        <v>224</v>
      </c>
      <c r="BW20" s="261">
        <v>116</v>
      </c>
      <c r="BX20" s="261">
        <v>64</v>
      </c>
      <c r="BY20" s="261">
        <v>29</v>
      </c>
      <c r="BZ20" s="258">
        <v>613</v>
      </c>
      <c r="CA20" s="263">
        <v>771</v>
      </c>
      <c r="CB20" s="257">
        <v>0</v>
      </c>
      <c r="CC20" s="261">
        <v>6</v>
      </c>
      <c r="CD20" s="258">
        <v>6</v>
      </c>
      <c r="CE20" s="260">
        <v>0</v>
      </c>
      <c r="CF20" s="261">
        <v>51</v>
      </c>
      <c r="CG20" s="261">
        <v>109</v>
      </c>
      <c r="CH20" s="261">
        <v>142</v>
      </c>
      <c r="CI20" s="261">
        <v>109</v>
      </c>
      <c r="CJ20" s="261">
        <v>54</v>
      </c>
      <c r="CK20" s="258">
        <v>465</v>
      </c>
      <c r="CL20" s="263">
        <v>471</v>
      </c>
      <c r="CM20" s="257">
        <v>0</v>
      </c>
      <c r="CN20" s="261">
        <v>0</v>
      </c>
      <c r="CO20" s="258">
        <v>0</v>
      </c>
      <c r="CP20" s="260">
        <v>0</v>
      </c>
      <c r="CQ20" s="261">
        <v>2</v>
      </c>
      <c r="CR20" s="261">
        <v>6</v>
      </c>
      <c r="CS20" s="261">
        <v>1</v>
      </c>
      <c r="CT20" s="261">
        <v>2</v>
      </c>
      <c r="CU20" s="261">
        <v>2</v>
      </c>
      <c r="CV20" s="258">
        <v>13</v>
      </c>
      <c r="CW20" s="263">
        <v>13</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227</v>
      </c>
      <c r="DU20" s="261">
        <v>514</v>
      </c>
      <c r="DV20" s="258">
        <v>741</v>
      </c>
      <c r="DW20" s="260">
        <v>0</v>
      </c>
      <c r="DX20" s="261">
        <v>815</v>
      </c>
      <c r="DY20" s="261">
        <v>1152</v>
      </c>
      <c r="DZ20" s="261">
        <v>718</v>
      </c>
      <c r="EA20" s="261">
        <v>530</v>
      </c>
      <c r="EB20" s="261">
        <v>345</v>
      </c>
      <c r="EC20" s="258">
        <v>3560</v>
      </c>
      <c r="ED20" s="263">
        <v>4301</v>
      </c>
      <c r="EE20" s="257">
        <v>31</v>
      </c>
      <c r="EF20" s="261">
        <v>8</v>
      </c>
      <c r="EG20" s="258">
        <v>39</v>
      </c>
      <c r="EH20" s="260">
        <v>0</v>
      </c>
      <c r="EI20" s="261">
        <v>117</v>
      </c>
      <c r="EJ20" s="261">
        <v>122</v>
      </c>
      <c r="EK20" s="261">
        <v>107</v>
      </c>
      <c r="EL20" s="261">
        <v>111</v>
      </c>
      <c r="EM20" s="261">
        <v>71</v>
      </c>
      <c r="EN20" s="258">
        <v>528</v>
      </c>
      <c r="EO20" s="263">
        <v>567</v>
      </c>
      <c r="EP20" s="257">
        <v>314</v>
      </c>
      <c r="EQ20" s="261">
        <v>633</v>
      </c>
      <c r="ER20" s="258">
        <v>947</v>
      </c>
      <c r="ES20" s="260">
        <v>0</v>
      </c>
      <c r="ET20" s="261">
        <v>1636</v>
      </c>
      <c r="EU20" s="261">
        <v>1522</v>
      </c>
      <c r="EV20" s="261">
        <v>861</v>
      </c>
      <c r="EW20" s="261">
        <v>568</v>
      </c>
      <c r="EX20" s="261">
        <v>333</v>
      </c>
      <c r="EY20" s="258">
        <v>4920</v>
      </c>
      <c r="EZ20" s="263">
        <v>5867</v>
      </c>
    </row>
    <row r="21" spans="2:156" ht="21" customHeight="1" x14ac:dyDescent="0.2">
      <c r="B21" s="472" t="s">
        <v>19</v>
      </c>
      <c r="C21" s="257">
        <v>0</v>
      </c>
      <c r="D21" s="261">
        <v>0</v>
      </c>
      <c r="E21" s="358">
        <v>0</v>
      </c>
      <c r="F21" s="260">
        <v>0</v>
      </c>
      <c r="G21" s="261">
        <v>193</v>
      </c>
      <c r="H21" s="261">
        <v>158</v>
      </c>
      <c r="I21" s="261">
        <v>97</v>
      </c>
      <c r="J21" s="261">
        <v>83</v>
      </c>
      <c r="K21" s="261">
        <v>65</v>
      </c>
      <c r="L21" s="262">
        <v>596</v>
      </c>
      <c r="M21" s="263">
        <v>596</v>
      </c>
      <c r="N21" s="257">
        <v>0</v>
      </c>
      <c r="O21" s="261">
        <v>0</v>
      </c>
      <c r="P21" s="258">
        <v>0</v>
      </c>
      <c r="Q21" s="260">
        <v>0</v>
      </c>
      <c r="R21" s="261">
        <v>6</v>
      </c>
      <c r="S21" s="261">
        <v>5</v>
      </c>
      <c r="T21" s="261">
        <v>14</v>
      </c>
      <c r="U21" s="261">
        <v>20</v>
      </c>
      <c r="V21" s="261">
        <v>29</v>
      </c>
      <c r="W21" s="258">
        <v>74</v>
      </c>
      <c r="X21" s="263">
        <v>74</v>
      </c>
      <c r="Y21" s="257">
        <v>33</v>
      </c>
      <c r="Z21" s="261">
        <v>45</v>
      </c>
      <c r="AA21" s="258">
        <v>78</v>
      </c>
      <c r="AB21" s="260">
        <v>0</v>
      </c>
      <c r="AC21" s="261">
        <v>166</v>
      </c>
      <c r="AD21" s="261">
        <v>144</v>
      </c>
      <c r="AE21" s="261">
        <v>96</v>
      </c>
      <c r="AF21" s="261">
        <v>83</v>
      </c>
      <c r="AG21" s="261">
        <v>74</v>
      </c>
      <c r="AH21" s="258">
        <v>563</v>
      </c>
      <c r="AI21" s="263">
        <v>641</v>
      </c>
      <c r="AJ21" s="257">
        <v>3</v>
      </c>
      <c r="AK21" s="261">
        <v>5</v>
      </c>
      <c r="AL21" s="258">
        <v>8</v>
      </c>
      <c r="AM21" s="260">
        <v>0</v>
      </c>
      <c r="AN21" s="261">
        <v>17</v>
      </c>
      <c r="AO21" s="261">
        <v>15</v>
      </c>
      <c r="AP21" s="261">
        <v>8</v>
      </c>
      <c r="AQ21" s="261">
        <v>11</v>
      </c>
      <c r="AR21" s="261">
        <v>2</v>
      </c>
      <c r="AS21" s="258">
        <v>53</v>
      </c>
      <c r="AT21" s="263">
        <v>61</v>
      </c>
      <c r="AU21" s="257">
        <v>33</v>
      </c>
      <c r="AV21" s="261">
        <v>33</v>
      </c>
      <c r="AW21" s="258">
        <v>66</v>
      </c>
      <c r="AX21" s="260">
        <v>0</v>
      </c>
      <c r="AY21" s="261">
        <v>193</v>
      </c>
      <c r="AZ21" s="261">
        <v>223</v>
      </c>
      <c r="BA21" s="261">
        <v>192</v>
      </c>
      <c r="BB21" s="261">
        <v>160</v>
      </c>
      <c r="BC21" s="261">
        <v>146</v>
      </c>
      <c r="BD21" s="262">
        <v>914</v>
      </c>
      <c r="BE21" s="263">
        <v>980</v>
      </c>
      <c r="BF21" s="257">
        <v>0</v>
      </c>
      <c r="BG21" s="261">
        <v>0</v>
      </c>
      <c r="BH21" s="258">
        <v>0</v>
      </c>
      <c r="BI21" s="260">
        <v>0</v>
      </c>
      <c r="BJ21" s="261">
        <v>270</v>
      </c>
      <c r="BK21" s="261">
        <v>229</v>
      </c>
      <c r="BL21" s="261">
        <v>131</v>
      </c>
      <c r="BM21" s="261">
        <v>59</v>
      </c>
      <c r="BN21" s="261">
        <v>40</v>
      </c>
      <c r="BO21" s="258">
        <v>729</v>
      </c>
      <c r="BP21" s="263">
        <v>729</v>
      </c>
      <c r="BQ21" s="257">
        <v>33</v>
      </c>
      <c r="BR21" s="261">
        <v>65</v>
      </c>
      <c r="BS21" s="258">
        <v>98</v>
      </c>
      <c r="BT21" s="260">
        <v>0</v>
      </c>
      <c r="BU21" s="261">
        <v>112</v>
      </c>
      <c r="BV21" s="261">
        <v>109</v>
      </c>
      <c r="BW21" s="261">
        <v>62</v>
      </c>
      <c r="BX21" s="261">
        <v>27</v>
      </c>
      <c r="BY21" s="261">
        <v>10</v>
      </c>
      <c r="BZ21" s="258">
        <v>320</v>
      </c>
      <c r="CA21" s="263">
        <v>418</v>
      </c>
      <c r="CB21" s="257">
        <v>3</v>
      </c>
      <c r="CC21" s="261">
        <v>2</v>
      </c>
      <c r="CD21" s="258">
        <v>5</v>
      </c>
      <c r="CE21" s="260">
        <v>0</v>
      </c>
      <c r="CF21" s="261">
        <v>23</v>
      </c>
      <c r="CG21" s="261">
        <v>46</v>
      </c>
      <c r="CH21" s="261">
        <v>52</v>
      </c>
      <c r="CI21" s="261">
        <v>22</v>
      </c>
      <c r="CJ21" s="261">
        <v>14</v>
      </c>
      <c r="CK21" s="258">
        <v>157</v>
      </c>
      <c r="CL21" s="263">
        <v>162</v>
      </c>
      <c r="CM21" s="257">
        <v>0</v>
      </c>
      <c r="CN21" s="261">
        <v>0</v>
      </c>
      <c r="CO21" s="258">
        <v>0</v>
      </c>
      <c r="CP21" s="260">
        <v>0</v>
      </c>
      <c r="CQ21" s="261">
        <v>4</v>
      </c>
      <c r="CR21" s="261">
        <v>9</v>
      </c>
      <c r="CS21" s="261">
        <v>9</v>
      </c>
      <c r="CT21" s="261">
        <v>13</v>
      </c>
      <c r="CU21" s="261">
        <v>5</v>
      </c>
      <c r="CV21" s="258">
        <v>40</v>
      </c>
      <c r="CW21" s="263">
        <v>40</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136</v>
      </c>
      <c r="DU21" s="261">
        <v>223</v>
      </c>
      <c r="DV21" s="258">
        <v>359</v>
      </c>
      <c r="DW21" s="260">
        <v>0</v>
      </c>
      <c r="DX21" s="261">
        <v>414</v>
      </c>
      <c r="DY21" s="261">
        <v>463</v>
      </c>
      <c r="DZ21" s="261">
        <v>274</v>
      </c>
      <c r="EA21" s="261">
        <v>194</v>
      </c>
      <c r="EB21" s="261">
        <v>140</v>
      </c>
      <c r="EC21" s="258">
        <v>1485</v>
      </c>
      <c r="ED21" s="263">
        <v>1844</v>
      </c>
      <c r="EE21" s="257">
        <v>11</v>
      </c>
      <c r="EF21" s="261">
        <v>15</v>
      </c>
      <c r="EG21" s="258">
        <v>26</v>
      </c>
      <c r="EH21" s="260">
        <v>0</v>
      </c>
      <c r="EI21" s="261">
        <v>71</v>
      </c>
      <c r="EJ21" s="261">
        <v>59</v>
      </c>
      <c r="EK21" s="261">
        <v>60</v>
      </c>
      <c r="EL21" s="261">
        <v>39</v>
      </c>
      <c r="EM21" s="261">
        <v>28</v>
      </c>
      <c r="EN21" s="258">
        <v>257</v>
      </c>
      <c r="EO21" s="263">
        <v>283</v>
      </c>
      <c r="EP21" s="257">
        <v>185</v>
      </c>
      <c r="EQ21" s="261">
        <v>277</v>
      </c>
      <c r="ER21" s="258">
        <v>462</v>
      </c>
      <c r="ES21" s="260">
        <v>0</v>
      </c>
      <c r="ET21" s="261">
        <v>741</v>
      </c>
      <c r="EU21" s="261">
        <v>599</v>
      </c>
      <c r="EV21" s="261">
        <v>308</v>
      </c>
      <c r="EW21" s="261">
        <v>193</v>
      </c>
      <c r="EX21" s="261">
        <v>132</v>
      </c>
      <c r="EY21" s="258">
        <v>1973</v>
      </c>
      <c r="EZ21" s="263">
        <v>2435</v>
      </c>
    </row>
    <row r="22" spans="2:156" ht="21" customHeight="1" x14ac:dyDescent="0.2">
      <c r="B22" s="472" t="s">
        <v>20</v>
      </c>
      <c r="C22" s="257">
        <v>0</v>
      </c>
      <c r="D22" s="261">
        <v>0</v>
      </c>
      <c r="E22" s="358">
        <v>0</v>
      </c>
      <c r="F22" s="260">
        <v>0</v>
      </c>
      <c r="G22" s="261">
        <v>267</v>
      </c>
      <c r="H22" s="261">
        <v>173</v>
      </c>
      <c r="I22" s="261">
        <v>144</v>
      </c>
      <c r="J22" s="261">
        <v>105</v>
      </c>
      <c r="K22" s="261">
        <v>71</v>
      </c>
      <c r="L22" s="262">
        <v>760</v>
      </c>
      <c r="M22" s="263">
        <v>760</v>
      </c>
      <c r="N22" s="257">
        <v>0</v>
      </c>
      <c r="O22" s="261">
        <v>0</v>
      </c>
      <c r="P22" s="258">
        <v>0</v>
      </c>
      <c r="Q22" s="260">
        <v>0</v>
      </c>
      <c r="R22" s="261">
        <v>2</v>
      </c>
      <c r="S22" s="261">
        <v>7</v>
      </c>
      <c r="T22" s="261">
        <v>14</v>
      </c>
      <c r="U22" s="261">
        <v>23</v>
      </c>
      <c r="V22" s="261">
        <v>43</v>
      </c>
      <c r="W22" s="258">
        <v>89</v>
      </c>
      <c r="X22" s="263">
        <v>89</v>
      </c>
      <c r="Y22" s="257">
        <v>41</v>
      </c>
      <c r="Z22" s="261">
        <v>85</v>
      </c>
      <c r="AA22" s="258">
        <v>126</v>
      </c>
      <c r="AB22" s="260">
        <v>0</v>
      </c>
      <c r="AC22" s="261">
        <v>240</v>
      </c>
      <c r="AD22" s="261">
        <v>175</v>
      </c>
      <c r="AE22" s="261">
        <v>119</v>
      </c>
      <c r="AF22" s="261">
        <v>95</v>
      </c>
      <c r="AG22" s="261">
        <v>58</v>
      </c>
      <c r="AH22" s="258">
        <v>687</v>
      </c>
      <c r="AI22" s="263">
        <v>813</v>
      </c>
      <c r="AJ22" s="257">
        <v>12</v>
      </c>
      <c r="AK22" s="261">
        <v>39</v>
      </c>
      <c r="AL22" s="258">
        <v>51</v>
      </c>
      <c r="AM22" s="260">
        <v>0</v>
      </c>
      <c r="AN22" s="261">
        <v>53</v>
      </c>
      <c r="AO22" s="261">
        <v>53</v>
      </c>
      <c r="AP22" s="261">
        <v>35</v>
      </c>
      <c r="AQ22" s="261">
        <v>29</v>
      </c>
      <c r="AR22" s="261">
        <v>12</v>
      </c>
      <c r="AS22" s="258">
        <v>182</v>
      </c>
      <c r="AT22" s="263">
        <v>233</v>
      </c>
      <c r="AU22" s="257">
        <v>25</v>
      </c>
      <c r="AV22" s="261">
        <v>37</v>
      </c>
      <c r="AW22" s="258">
        <v>62</v>
      </c>
      <c r="AX22" s="260">
        <v>0</v>
      </c>
      <c r="AY22" s="261">
        <v>246</v>
      </c>
      <c r="AZ22" s="261">
        <v>219</v>
      </c>
      <c r="BA22" s="261">
        <v>257</v>
      </c>
      <c r="BB22" s="261">
        <v>206</v>
      </c>
      <c r="BC22" s="261">
        <v>158</v>
      </c>
      <c r="BD22" s="262">
        <v>1086</v>
      </c>
      <c r="BE22" s="263">
        <v>1148</v>
      </c>
      <c r="BF22" s="257">
        <v>0</v>
      </c>
      <c r="BG22" s="261">
        <v>0</v>
      </c>
      <c r="BH22" s="258">
        <v>0</v>
      </c>
      <c r="BI22" s="260">
        <v>0</v>
      </c>
      <c r="BJ22" s="261">
        <v>361</v>
      </c>
      <c r="BK22" s="261">
        <v>265</v>
      </c>
      <c r="BL22" s="261">
        <v>153</v>
      </c>
      <c r="BM22" s="261">
        <v>78</v>
      </c>
      <c r="BN22" s="261">
        <v>36</v>
      </c>
      <c r="BO22" s="258">
        <v>893</v>
      </c>
      <c r="BP22" s="263">
        <v>893</v>
      </c>
      <c r="BQ22" s="257">
        <v>17</v>
      </c>
      <c r="BR22" s="261">
        <v>32</v>
      </c>
      <c r="BS22" s="258">
        <v>49</v>
      </c>
      <c r="BT22" s="260">
        <v>0</v>
      </c>
      <c r="BU22" s="261">
        <v>125</v>
      </c>
      <c r="BV22" s="261">
        <v>104</v>
      </c>
      <c r="BW22" s="261">
        <v>50</v>
      </c>
      <c r="BX22" s="261">
        <v>38</v>
      </c>
      <c r="BY22" s="261">
        <v>14</v>
      </c>
      <c r="BZ22" s="258">
        <v>331</v>
      </c>
      <c r="CA22" s="263">
        <v>380</v>
      </c>
      <c r="CB22" s="257">
        <v>1</v>
      </c>
      <c r="CC22" s="261">
        <v>7</v>
      </c>
      <c r="CD22" s="258">
        <v>8</v>
      </c>
      <c r="CE22" s="260">
        <v>0</v>
      </c>
      <c r="CF22" s="261">
        <v>56</v>
      </c>
      <c r="CG22" s="261">
        <v>63</v>
      </c>
      <c r="CH22" s="261">
        <v>78</v>
      </c>
      <c r="CI22" s="261">
        <v>61</v>
      </c>
      <c r="CJ22" s="261">
        <v>22</v>
      </c>
      <c r="CK22" s="258">
        <v>280</v>
      </c>
      <c r="CL22" s="263">
        <v>288</v>
      </c>
      <c r="CM22" s="257">
        <v>0</v>
      </c>
      <c r="CN22" s="261">
        <v>0</v>
      </c>
      <c r="CO22" s="258">
        <v>0</v>
      </c>
      <c r="CP22" s="260">
        <v>0</v>
      </c>
      <c r="CQ22" s="261">
        <v>1</v>
      </c>
      <c r="CR22" s="261">
        <v>6</v>
      </c>
      <c r="CS22" s="261">
        <v>11</v>
      </c>
      <c r="CT22" s="261">
        <v>8</v>
      </c>
      <c r="CU22" s="261">
        <v>2</v>
      </c>
      <c r="CV22" s="258">
        <v>28</v>
      </c>
      <c r="CW22" s="263">
        <v>28</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136</v>
      </c>
      <c r="DU22" s="261">
        <v>336</v>
      </c>
      <c r="DV22" s="258">
        <v>472</v>
      </c>
      <c r="DW22" s="260">
        <v>0</v>
      </c>
      <c r="DX22" s="261">
        <v>537</v>
      </c>
      <c r="DY22" s="261">
        <v>459</v>
      </c>
      <c r="DZ22" s="261">
        <v>332</v>
      </c>
      <c r="EA22" s="261">
        <v>242</v>
      </c>
      <c r="EB22" s="261">
        <v>127</v>
      </c>
      <c r="EC22" s="258">
        <v>1697</v>
      </c>
      <c r="ED22" s="263">
        <v>2169</v>
      </c>
      <c r="EE22" s="257">
        <v>14</v>
      </c>
      <c r="EF22" s="261">
        <v>10</v>
      </c>
      <c r="EG22" s="258">
        <v>24</v>
      </c>
      <c r="EH22" s="260">
        <v>0</v>
      </c>
      <c r="EI22" s="261">
        <v>75</v>
      </c>
      <c r="EJ22" s="261">
        <v>56</v>
      </c>
      <c r="EK22" s="261">
        <v>56</v>
      </c>
      <c r="EL22" s="261">
        <v>60</v>
      </c>
      <c r="EM22" s="261">
        <v>32</v>
      </c>
      <c r="EN22" s="258">
        <v>279</v>
      </c>
      <c r="EO22" s="263">
        <v>303</v>
      </c>
      <c r="EP22" s="257">
        <v>193</v>
      </c>
      <c r="EQ22" s="261">
        <v>417</v>
      </c>
      <c r="ER22" s="258">
        <v>610</v>
      </c>
      <c r="ES22" s="260">
        <v>0</v>
      </c>
      <c r="ET22" s="261">
        <v>1012</v>
      </c>
      <c r="EU22" s="261">
        <v>647</v>
      </c>
      <c r="EV22" s="261">
        <v>411</v>
      </c>
      <c r="EW22" s="261">
        <v>272</v>
      </c>
      <c r="EX22" s="261">
        <v>137</v>
      </c>
      <c r="EY22" s="258">
        <v>2479</v>
      </c>
      <c r="EZ22" s="263">
        <v>3089</v>
      </c>
    </row>
    <row r="23" spans="2:156" ht="21" customHeight="1" x14ac:dyDescent="0.2">
      <c r="B23" s="472" t="s">
        <v>21</v>
      </c>
      <c r="C23" s="257">
        <v>0</v>
      </c>
      <c r="D23" s="261">
        <v>0</v>
      </c>
      <c r="E23" s="358">
        <v>0</v>
      </c>
      <c r="F23" s="260">
        <v>0</v>
      </c>
      <c r="G23" s="261">
        <v>247</v>
      </c>
      <c r="H23" s="261">
        <v>356</v>
      </c>
      <c r="I23" s="261">
        <v>186</v>
      </c>
      <c r="J23" s="261">
        <v>147</v>
      </c>
      <c r="K23" s="261">
        <v>94</v>
      </c>
      <c r="L23" s="262">
        <v>1030</v>
      </c>
      <c r="M23" s="263">
        <v>1030</v>
      </c>
      <c r="N23" s="257">
        <v>0</v>
      </c>
      <c r="O23" s="261">
        <v>0</v>
      </c>
      <c r="P23" s="258">
        <v>0</v>
      </c>
      <c r="Q23" s="260">
        <v>0</v>
      </c>
      <c r="R23" s="261">
        <v>1</v>
      </c>
      <c r="S23" s="261">
        <v>3</v>
      </c>
      <c r="T23" s="261">
        <v>13</v>
      </c>
      <c r="U23" s="261">
        <v>29</v>
      </c>
      <c r="V23" s="261">
        <v>35</v>
      </c>
      <c r="W23" s="258">
        <v>81</v>
      </c>
      <c r="X23" s="263">
        <v>81</v>
      </c>
      <c r="Y23" s="257">
        <v>46</v>
      </c>
      <c r="Z23" s="261">
        <v>93</v>
      </c>
      <c r="AA23" s="258">
        <v>139</v>
      </c>
      <c r="AB23" s="260">
        <v>0</v>
      </c>
      <c r="AC23" s="261">
        <v>206</v>
      </c>
      <c r="AD23" s="261">
        <v>271</v>
      </c>
      <c r="AE23" s="261">
        <v>150</v>
      </c>
      <c r="AF23" s="261">
        <v>135</v>
      </c>
      <c r="AG23" s="261">
        <v>75</v>
      </c>
      <c r="AH23" s="258">
        <v>837</v>
      </c>
      <c r="AI23" s="263">
        <v>976</v>
      </c>
      <c r="AJ23" s="257">
        <v>16</v>
      </c>
      <c r="AK23" s="261">
        <v>27</v>
      </c>
      <c r="AL23" s="258">
        <v>43</v>
      </c>
      <c r="AM23" s="260">
        <v>0</v>
      </c>
      <c r="AN23" s="261">
        <v>22</v>
      </c>
      <c r="AO23" s="261">
        <v>37</v>
      </c>
      <c r="AP23" s="261">
        <v>19</v>
      </c>
      <c r="AQ23" s="261">
        <v>12</v>
      </c>
      <c r="AR23" s="261">
        <v>7</v>
      </c>
      <c r="AS23" s="258">
        <v>97</v>
      </c>
      <c r="AT23" s="263">
        <v>140</v>
      </c>
      <c r="AU23" s="257">
        <v>44</v>
      </c>
      <c r="AV23" s="261">
        <v>38</v>
      </c>
      <c r="AW23" s="258">
        <v>82</v>
      </c>
      <c r="AX23" s="260">
        <v>0</v>
      </c>
      <c r="AY23" s="261">
        <v>244</v>
      </c>
      <c r="AZ23" s="261">
        <v>347</v>
      </c>
      <c r="BA23" s="261">
        <v>295</v>
      </c>
      <c r="BB23" s="261">
        <v>249</v>
      </c>
      <c r="BC23" s="261">
        <v>198</v>
      </c>
      <c r="BD23" s="262">
        <v>1333</v>
      </c>
      <c r="BE23" s="263">
        <v>1415</v>
      </c>
      <c r="BF23" s="257">
        <v>0</v>
      </c>
      <c r="BG23" s="261">
        <v>0</v>
      </c>
      <c r="BH23" s="258">
        <v>0</v>
      </c>
      <c r="BI23" s="260">
        <v>0</v>
      </c>
      <c r="BJ23" s="261">
        <v>323</v>
      </c>
      <c r="BK23" s="261">
        <v>354</v>
      </c>
      <c r="BL23" s="261">
        <v>201</v>
      </c>
      <c r="BM23" s="261">
        <v>119</v>
      </c>
      <c r="BN23" s="261">
        <v>40</v>
      </c>
      <c r="BO23" s="258">
        <v>1037</v>
      </c>
      <c r="BP23" s="263">
        <v>1037</v>
      </c>
      <c r="BQ23" s="257">
        <v>27</v>
      </c>
      <c r="BR23" s="261">
        <v>42</v>
      </c>
      <c r="BS23" s="258">
        <v>69</v>
      </c>
      <c r="BT23" s="260">
        <v>0</v>
      </c>
      <c r="BU23" s="261">
        <v>60</v>
      </c>
      <c r="BV23" s="261">
        <v>72</v>
      </c>
      <c r="BW23" s="261">
        <v>39</v>
      </c>
      <c r="BX23" s="261">
        <v>19</v>
      </c>
      <c r="BY23" s="261">
        <v>9</v>
      </c>
      <c r="BZ23" s="258">
        <v>199</v>
      </c>
      <c r="CA23" s="263">
        <v>268</v>
      </c>
      <c r="CB23" s="257">
        <v>3</v>
      </c>
      <c r="CC23" s="261">
        <v>3</v>
      </c>
      <c r="CD23" s="258">
        <v>6</v>
      </c>
      <c r="CE23" s="260">
        <v>0</v>
      </c>
      <c r="CF23" s="261">
        <v>28</v>
      </c>
      <c r="CG23" s="261">
        <v>52</v>
      </c>
      <c r="CH23" s="261">
        <v>72</v>
      </c>
      <c r="CI23" s="261">
        <v>63</v>
      </c>
      <c r="CJ23" s="261">
        <v>28</v>
      </c>
      <c r="CK23" s="258">
        <v>243</v>
      </c>
      <c r="CL23" s="263">
        <v>249</v>
      </c>
      <c r="CM23" s="257">
        <v>0</v>
      </c>
      <c r="CN23" s="261">
        <v>0</v>
      </c>
      <c r="CO23" s="258">
        <v>0</v>
      </c>
      <c r="CP23" s="260">
        <v>0</v>
      </c>
      <c r="CQ23" s="261">
        <v>1</v>
      </c>
      <c r="CR23" s="261">
        <v>4</v>
      </c>
      <c r="CS23" s="261">
        <v>4</v>
      </c>
      <c r="CT23" s="261">
        <v>6</v>
      </c>
      <c r="CU23" s="261">
        <v>1</v>
      </c>
      <c r="CV23" s="258">
        <v>16</v>
      </c>
      <c r="CW23" s="263">
        <v>16</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92</v>
      </c>
      <c r="DU23" s="261">
        <v>323</v>
      </c>
      <c r="DV23" s="258">
        <v>515</v>
      </c>
      <c r="DW23" s="260">
        <v>0</v>
      </c>
      <c r="DX23" s="261">
        <v>359</v>
      </c>
      <c r="DY23" s="261">
        <v>669</v>
      </c>
      <c r="DZ23" s="261">
        <v>387</v>
      </c>
      <c r="EA23" s="261">
        <v>301</v>
      </c>
      <c r="EB23" s="261">
        <v>155</v>
      </c>
      <c r="EC23" s="258">
        <v>1871</v>
      </c>
      <c r="ED23" s="263">
        <v>2386</v>
      </c>
      <c r="EE23" s="257">
        <v>14</v>
      </c>
      <c r="EF23" s="261">
        <v>17</v>
      </c>
      <c r="EG23" s="258">
        <v>31</v>
      </c>
      <c r="EH23" s="260">
        <v>0</v>
      </c>
      <c r="EI23" s="261">
        <v>70</v>
      </c>
      <c r="EJ23" s="261">
        <v>60</v>
      </c>
      <c r="EK23" s="261">
        <v>70</v>
      </c>
      <c r="EL23" s="261">
        <v>55</v>
      </c>
      <c r="EM23" s="261">
        <v>50</v>
      </c>
      <c r="EN23" s="258">
        <v>305</v>
      </c>
      <c r="EO23" s="263">
        <v>336</v>
      </c>
      <c r="EP23" s="257">
        <v>255</v>
      </c>
      <c r="EQ23" s="261">
        <v>408</v>
      </c>
      <c r="ER23" s="258">
        <v>663</v>
      </c>
      <c r="ES23" s="260">
        <v>0</v>
      </c>
      <c r="ET23" s="261">
        <v>818</v>
      </c>
      <c r="EU23" s="261">
        <v>923</v>
      </c>
      <c r="EV23" s="261">
        <v>475</v>
      </c>
      <c r="EW23" s="261">
        <v>332</v>
      </c>
      <c r="EX23" s="261">
        <v>174</v>
      </c>
      <c r="EY23" s="258">
        <v>2722</v>
      </c>
      <c r="EZ23" s="263">
        <v>3385</v>
      </c>
    </row>
    <row r="24" spans="2:156" ht="21" customHeight="1" x14ac:dyDescent="0.2">
      <c r="B24" s="472" t="s">
        <v>22</v>
      </c>
      <c r="C24" s="257">
        <v>0</v>
      </c>
      <c r="D24" s="261">
        <v>0</v>
      </c>
      <c r="E24" s="358">
        <v>0</v>
      </c>
      <c r="F24" s="260">
        <v>0</v>
      </c>
      <c r="G24" s="261">
        <v>78</v>
      </c>
      <c r="H24" s="261">
        <v>54</v>
      </c>
      <c r="I24" s="261">
        <v>33</v>
      </c>
      <c r="J24" s="261">
        <v>31</v>
      </c>
      <c r="K24" s="261">
        <v>27</v>
      </c>
      <c r="L24" s="262">
        <v>223</v>
      </c>
      <c r="M24" s="263">
        <v>223</v>
      </c>
      <c r="N24" s="257">
        <v>0</v>
      </c>
      <c r="O24" s="261">
        <v>0</v>
      </c>
      <c r="P24" s="258">
        <v>0</v>
      </c>
      <c r="Q24" s="260">
        <v>0</v>
      </c>
      <c r="R24" s="261">
        <v>3</v>
      </c>
      <c r="S24" s="261">
        <v>1</v>
      </c>
      <c r="T24" s="261">
        <v>5</v>
      </c>
      <c r="U24" s="261">
        <v>7</v>
      </c>
      <c r="V24" s="261">
        <v>15</v>
      </c>
      <c r="W24" s="258">
        <v>31</v>
      </c>
      <c r="X24" s="263">
        <v>31</v>
      </c>
      <c r="Y24" s="257">
        <v>7</v>
      </c>
      <c r="Z24" s="261">
        <v>7</v>
      </c>
      <c r="AA24" s="258">
        <v>14</v>
      </c>
      <c r="AB24" s="260">
        <v>0</v>
      </c>
      <c r="AC24" s="261">
        <v>50</v>
      </c>
      <c r="AD24" s="261">
        <v>65</v>
      </c>
      <c r="AE24" s="261">
        <v>43</v>
      </c>
      <c r="AF24" s="261">
        <v>34</v>
      </c>
      <c r="AG24" s="261">
        <v>30</v>
      </c>
      <c r="AH24" s="258">
        <v>222</v>
      </c>
      <c r="AI24" s="263">
        <v>236</v>
      </c>
      <c r="AJ24" s="257">
        <v>0</v>
      </c>
      <c r="AK24" s="261">
        <v>1</v>
      </c>
      <c r="AL24" s="258">
        <v>1</v>
      </c>
      <c r="AM24" s="260">
        <v>0</v>
      </c>
      <c r="AN24" s="261">
        <v>9</v>
      </c>
      <c r="AO24" s="261">
        <v>10</v>
      </c>
      <c r="AP24" s="261">
        <v>3</v>
      </c>
      <c r="AQ24" s="261">
        <v>5</v>
      </c>
      <c r="AR24" s="261">
        <v>2</v>
      </c>
      <c r="AS24" s="258">
        <v>29</v>
      </c>
      <c r="AT24" s="263">
        <v>30</v>
      </c>
      <c r="AU24" s="257">
        <v>6</v>
      </c>
      <c r="AV24" s="261">
        <v>8</v>
      </c>
      <c r="AW24" s="258">
        <v>14</v>
      </c>
      <c r="AX24" s="260">
        <v>0</v>
      </c>
      <c r="AY24" s="261">
        <v>52</v>
      </c>
      <c r="AZ24" s="261">
        <v>79</v>
      </c>
      <c r="BA24" s="261">
        <v>65</v>
      </c>
      <c r="BB24" s="261">
        <v>64</v>
      </c>
      <c r="BC24" s="261">
        <v>35</v>
      </c>
      <c r="BD24" s="262">
        <v>295</v>
      </c>
      <c r="BE24" s="263">
        <v>309</v>
      </c>
      <c r="BF24" s="257">
        <v>0</v>
      </c>
      <c r="BG24" s="261">
        <v>0</v>
      </c>
      <c r="BH24" s="258">
        <v>0</v>
      </c>
      <c r="BI24" s="260">
        <v>0</v>
      </c>
      <c r="BJ24" s="261">
        <v>101</v>
      </c>
      <c r="BK24" s="261">
        <v>101</v>
      </c>
      <c r="BL24" s="261">
        <v>53</v>
      </c>
      <c r="BM24" s="261">
        <v>30</v>
      </c>
      <c r="BN24" s="261">
        <v>17</v>
      </c>
      <c r="BO24" s="258">
        <v>302</v>
      </c>
      <c r="BP24" s="263">
        <v>302</v>
      </c>
      <c r="BQ24" s="257">
        <v>0</v>
      </c>
      <c r="BR24" s="261">
        <v>5</v>
      </c>
      <c r="BS24" s="258">
        <v>5</v>
      </c>
      <c r="BT24" s="260">
        <v>0</v>
      </c>
      <c r="BU24" s="261">
        <v>19</v>
      </c>
      <c r="BV24" s="261">
        <v>30</v>
      </c>
      <c r="BW24" s="261">
        <v>15</v>
      </c>
      <c r="BX24" s="261">
        <v>14</v>
      </c>
      <c r="BY24" s="261">
        <v>9</v>
      </c>
      <c r="BZ24" s="258">
        <v>87</v>
      </c>
      <c r="CA24" s="263">
        <v>92</v>
      </c>
      <c r="CB24" s="257">
        <v>0</v>
      </c>
      <c r="CC24" s="261">
        <v>2</v>
      </c>
      <c r="CD24" s="258">
        <v>2</v>
      </c>
      <c r="CE24" s="260">
        <v>0</v>
      </c>
      <c r="CF24" s="261">
        <v>14</v>
      </c>
      <c r="CG24" s="261">
        <v>14</v>
      </c>
      <c r="CH24" s="261">
        <v>19</v>
      </c>
      <c r="CI24" s="261">
        <v>18</v>
      </c>
      <c r="CJ24" s="261">
        <v>10</v>
      </c>
      <c r="CK24" s="258">
        <v>75</v>
      </c>
      <c r="CL24" s="263">
        <v>77</v>
      </c>
      <c r="CM24" s="257">
        <v>0</v>
      </c>
      <c r="CN24" s="261">
        <v>0</v>
      </c>
      <c r="CO24" s="258">
        <v>0</v>
      </c>
      <c r="CP24" s="260">
        <v>0</v>
      </c>
      <c r="CQ24" s="261">
        <v>1</v>
      </c>
      <c r="CR24" s="261">
        <v>3</v>
      </c>
      <c r="CS24" s="261">
        <v>6</v>
      </c>
      <c r="CT24" s="261">
        <v>7</v>
      </c>
      <c r="CU24" s="261">
        <v>1</v>
      </c>
      <c r="CV24" s="258">
        <v>18</v>
      </c>
      <c r="CW24" s="263">
        <v>18</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39</v>
      </c>
      <c r="DU24" s="261">
        <v>129</v>
      </c>
      <c r="DV24" s="258">
        <v>168</v>
      </c>
      <c r="DW24" s="260">
        <v>0</v>
      </c>
      <c r="DX24" s="261">
        <v>186</v>
      </c>
      <c r="DY24" s="261">
        <v>229</v>
      </c>
      <c r="DZ24" s="261">
        <v>124</v>
      </c>
      <c r="EA24" s="261">
        <v>86</v>
      </c>
      <c r="EB24" s="261">
        <v>65</v>
      </c>
      <c r="EC24" s="258">
        <v>690</v>
      </c>
      <c r="ED24" s="263">
        <v>858</v>
      </c>
      <c r="EE24" s="257">
        <v>8</v>
      </c>
      <c r="EF24" s="261">
        <v>6</v>
      </c>
      <c r="EG24" s="258">
        <v>14</v>
      </c>
      <c r="EH24" s="260">
        <v>0</v>
      </c>
      <c r="EI24" s="261">
        <v>29</v>
      </c>
      <c r="EJ24" s="261">
        <v>23</v>
      </c>
      <c r="EK24" s="261">
        <v>26</v>
      </c>
      <c r="EL24" s="261">
        <v>27</v>
      </c>
      <c r="EM24" s="261">
        <v>8</v>
      </c>
      <c r="EN24" s="258">
        <v>113</v>
      </c>
      <c r="EO24" s="263">
        <v>127</v>
      </c>
      <c r="EP24" s="257">
        <v>47</v>
      </c>
      <c r="EQ24" s="261">
        <v>135</v>
      </c>
      <c r="ER24" s="258">
        <v>182</v>
      </c>
      <c r="ES24" s="260">
        <v>0</v>
      </c>
      <c r="ET24" s="261">
        <v>332</v>
      </c>
      <c r="EU24" s="261">
        <v>298</v>
      </c>
      <c r="EV24" s="261">
        <v>147</v>
      </c>
      <c r="EW24" s="261">
        <v>97</v>
      </c>
      <c r="EX24" s="261">
        <v>70</v>
      </c>
      <c r="EY24" s="258">
        <v>944</v>
      </c>
      <c r="EZ24" s="263">
        <v>1126</v>
      </c>
    </row>
    <row r="25" spans="2:156" ht="21" customHeight="1" x14ac:dyDescent="0.2">
      <c r="B25" s="472" t="s">
        <v>23</v>
      </c>
      <c r="C25" s="257">
        <v>0</v>
      </c>
      <c r="D25" s="261">
        <v>0</v>
      </c>
      <c r="E25" s="358">
        <v>0</v>
      </c>
      <c r="F25" s="260">
        <v>0</v>
      </c>
      <c r="G25" s="261">
        <v>140</v>
      </c>
      <c r="H25" s="261">
        <v>144</v>
      </c>
      <c r="I25" s="261">
        <v>74</v>
      </c>
      <c r="J25" s="261">
        <v>62</v>
      </c>
      <c r="K25" s="261">
        <v>37</v>
      </c>
      <c r="L25" s="262">
        <v>457</v>
      </c>
      <c r="M25" s="263">
        <v>457</v>
      </c>
      <c r="N25" s="257">
        <v>0</v>
      </c>
      <c r="O25" s="261">
        <v>0</v>
      </c>
      <c r="P25" s="258">
        <v>0</v>
      </c>
      <c r="Q25" s="260">
        <v>0</v>
      </c>
      <c r="R25" s="261">
        <v>2</v>
      </c>
      <c r="S25" s="261">
        <v>5</v>
      </c>
      <c r="T25" s="261">
        <v>9</v>
      </c>
      <c r="U25" s="261">
        <v>18</v>
      </c>
      <c r="V25" s="261">
        <v>21</v>
      </c>
      <c r="W25" s="258">
        <v>55</v>
      </c>
      <c r="X25" s="263">
        <v>55</v>
      </c>
      <c r="Y25" s="257">
        <v>37</v>
      </c>
      <c r="Z25" s="261">
        <v>50</v>
      </c>
      <c r="AA25" s="258">
        <v>87</v>
      </c>
      <c r="AB25" s="260">
        <v>0</v>
      </c>
      <c r="AC25" s="261">
        <v>84</v>
      </c>
      <c r="AD25" s="261">
        <v>149</v>
      </c>
      <c r="AE25" s="261">
        <v>58</v>
      </c>
      <c r="AF25" s="261">
        <v>77</v>
      </c>
      <c r="AG25" s="261">
        <v>45</v>
      </c>
      <c r="AH25" s="258">
        <v>413</v>
      </c>
      <c r="AI25" s="263">
        <v>500</v>
      </c>
      <c r="AJ25" s="257">
        <v>4</v>
      </c>
      <c r="AK25" s="261">
        <v>8</v>
      </c>
      <c r="AL25" s="258">
        <v>12</v>
      </c>
      <c r="AM25" s="260">
        <v>0</v>
      </c>
      <c r="AN25" s="261">
        <v>9</v>
      </c>
      <c r="AO25" s="261">
        <v>21</v>
      </c>
      <c r="AP25" s="261">
        <v>8</v>
      </c>
      <c r="AQ25" s="261">
        <v>8</v>
      </c>
      <c r="AR25" s="261">
        <v>7</v>
      </c>
      <c r="AS25" s="258">
        <v>53</v>
      </c>
      <c r="AT25" s="263">
        <v>65</v>
      </c>
      <c r="AU25" s="257">
        <v>21</v>
      </c>
      <c r="AV25" s="261">
        <v>15</v>
      </c>
      <c r="AW25" s="258">
        <v>36</v>
      </c>
      <c r="AX25" s="260">
        <v>0</v>
      </c>
      <c r="AY25" s="261">
        <v>165</v>
      </c>
      <c r="AZ25" s="261">
        <v>153</v>
      </c>
      <c r="BA25" s="261">
        <v>130</v>
      </c>
      <c r="BB25" s="261">
        <v>172</v>
      </c>
      <c r="BC25" s="261">
        <v>114</v>
      </c>
      <c r="BD25" s="262">
        <v>734</v>
      </c>
      <c r="BE25" s="263">
        <v>770</v>
      </c>
      <c r="BF25" s="257">
        <v>0</v>
      </c>
      <c r="BG25" s="261">
        <v>0</v>
      </c>
      <c r="BH25" s="258">
        <v>0</v>
      </c>
      <c r="BI25" s="260">
        <v>0</v>
      </c>
      <c r="BJ25" s="261">
        <v>302</v>
      </c>
      <c r="BK25" s="261">
        <v>257</v>
      </c>
      <c r="BL25" s="261">
        <v>128</v>
      </c>
      <c r="BM25" s="261">
        <v>82</v>
      </c>
      <c r="BN25" s="261">
        <v>33</v>
      </c>
      <c r="BO25" s="258">
        <v>802</v>
      </c>
      <c r="BP25" s="263">
        <v>802</v>
      </c>
      <c r="BQ25" s="257">
        <v>3</v>
      </c>
      <c r="BR25" s="261">
        <v>10</v>
      </c>
      <c r="BS25" s="258">
        <v>13</v>
      </c>
      <c r="BT25" s="260">
        <v>0</v>
      </c>
      <c r="BU25" s="261">
        <v>36</v>
      </c>
      <c r="BV25" s="261">
        <v>50</v>
      </c>
      <c r="BW25" s="261">
        <v>31</v>
      </c>
      <c r="BX25" s="261">
        <v>27</v>
      </c>
      <c r="BY25" s="261">
        <v>6</v>
      </c>
      <c r="BZ25" s="258">
        <v>150</v>
      </c>
      <c r="CA25" s="263">
        <v>163</v>
      </c>
      <c r="CB25" s="257">
        <v>1</v>
      </c>
      <c r="CC25" s="261">
        <v>3</v>
      </c>
      <c r="CD25" s="258">
        <v>4</v>
      </c>
      <c r="CE25" s="260">
        <v>0</v>
      </c>
      <c r="CF25" s="261">
        <v>26</v>
      </c>
      <c r="CG25" s="261">
        <v>38</v>
      </c>
      <c r="CH25" s="261">
        <v>49</v>
      </c>
      <c r="CI25" s="261">
        <v>33</v>
      </c>
      <c r="CJ25" s="261">
        <v>17</v>
      </c>
      <c r="CK25" s="258">
        <v>163</v>
      </c>
      <c r="CL25" s="263">
        <v>167</v>
      </c>
      <c r="CM25" s="257">
        <v>1</v>
      </c>
      <c r="CN25" s="261">
        <v>0</v>
      </c>
      <c r="CO25" s="258">
        <v>1</v>
      </c>
      <c r="CP25" s="260">
        <v>0</v>
      </c>
      <c r="CQ25" s="261">
        <v>1</v>
      </c>
      <c r="CR25" s="261">
        <v>1</v>
      </c>
      <c r="CS25" s="261">
        <v>3</v>
      </c>
      <c r="CT25" s="261">
        <v>3</v>
      </c>
      <c r="CU25" s="261">
        <v>2</v>
      </c>
      <c r="CV25" s="258">
        <v>10</v>
      </c>
      <c r="CW25" s="263">
        <v>1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84</v>
      </c>
      <c r="DU25" s="261">
        <v>233</v>
      </c>
      <c r="DV25" s="258">
        <v>317</v>
      </c>
      <c r="DW25" s="260">
        <v>0</v>
      </c>
      <c r="DX25" s="261">
        <v>264</v>
      </c>
      <c r="DY25" s="261">
        <v>400</v>
      </c>
      <c r="DZ25" s="261">
        <v>206</v>
      </c>
      <c r="EA25" s="261">
        <v>194</v>
      </c>
      <c r="EB25" s="261">
        <v>97</v>
      </c>
      <c r="EC25" s="258">
        <v>1161</v>
      </c>
      <c r="ED25" s="263">
        <v>1478</v>
      </c>
      <c r="EE25" s="257">
        <v>9</v>
      </c>
      <c r="EF25" s="261">
        <v>2</v>
      </c>
      <c r="EG25" s="258">
        <v>11</v>
      </c>
      <c r="EH25" s="260">
        <v>0</v>
      </c>
      <c r="EI25" s="261">
        <v>52</v>
      </c>
      <c r="EJ25" s="261">
        <v>40</v>
      </c>
      <c r="EK25" s="261">
        <v>32</v>
      </c>
      <c r="EL25" s="261">
        <v>62</v>
      </c>
      <c r="EM25" s="261">
        <v>35</v>
      </c>
      <c r="EN25" s="258">
        <v>221</v>
      </c>
      <c r="EO25" s="263">
        <v>232</v>
      </c>
      <c r="EP25" s="257">
        <v>124</v>
      </c>
      <c r="EQ25" s="261">
        <v>266</v>
      </c>
      <c r="ER25" s="258">
        <v>390</v>
      </c>
      <c r="ES25" s="260">
        <v>0</v>
      </c>
      <c r="ET25" s="261">
        <v>530</v>
      </c>
      <c r="EU25" s="261">
        <v>539</v>
      </c>
      <c r="EV25" s="261">
        <v>262</v>
      </c>
      <c r="EW25" s="261">
        <v>211</v>
      </c>
      <c r="EX25" s="261">
        <v>104</v>
      </c>
      <c r="EY25" s="258">
        <v>1646</v>
      </c>
      <c r="EZ25" s="263">
        <v>2036</v>
      </c>
    </row>
    <row r="26" spans="2:156" ht="21" customHeight="1" x14ac:dyDescent="0.2">
      <c r="B26" s="472" t="s">
        <v>24</v>
      </c>
      <c r="C26" s="257">
        <v>0</v>
      </c>
      <c r="D26" s="261">
        <v>0</v>
      </c>
      <c r="E26" s="358">
        <v>0</v>
      </c>
      <c r="F26" s="260">
        <v>0</v>
      </c>
      <c r="G26" s="261">
        <v>75</v>
      </c>
      <c r="H26" s="261">
        <v>68</v>
      </c>
      <c r="I26" s="261">
        <v>41</v>
      </c>
      <c r="J26" s="261">
        <v>33</v>
      </c>
      <c r="K26" s="261">
        <v>32</v>
      </c>
      <c r="L26" s="262">
        <v>249</v>
      </c>
      <c r="M26" s="263">
        <v>249</v>
      </c>
      <c r="N26" s="257">
        <v>0</v>
      </c>
      <c r="O26" s="261">
        <v>0</v>
      </c>
      <c r="P26" s="258">
        <v>0</v>
      </c>
      <c r="Q26" s="260">
        <v>0</v>
      </c>
      <c r="R26" s="261">
        <v>1</v>
      </c>
      <c r="S26" s="261">
        <v>3</v>
      </c>
      <c r="T26" s="261">
        <v>2</v>
      </c>
      <c r="U26" s="261">
        <v>13</v>
      </c>
      <c r="V26" s="261">
        <v>20</v>
      </c>
      <c r="W26" s="258">
        <v>39</v>
      </c>
      <c r="X26" s="263">
        <v>39</v>
      </c>
      <c r="Y26" s="257">
        <v>21</v>
      </c>
      <c r="Z26" s="261">
        <v>26</v>
      </c>
      <c r="AA26" s="258">
        <v>47</v>
      </c>
      <c r="AB26" s="260">
        <v>0</v>
      </c>
      <c r="AC26" s="261">
        <v>67</v>
      </c>
      <c r="AD26" s="261">
        <v>70</v>
      </c>
      <c r="AE26" s="261">
        <v>29</v>
      </c>
      <c r="AF26" s="261">
        <v>40</v>
      </c>
      <c r="AG26" s="261">
        <v>22</v>
      </c>
      <c r="AH26" s="258">
        <v>228</v>
      </c>
      <c r="AI26" s="263">
        <v>275</v>
      </c>
      <c r="AJ26" s="257">
        <v>0</v>
      </c>
      <c r="AK26" s="261">
        <v>1</v>
      </c>
      <c r="AL26" s="258">
        <v>1</v>
      </c>
      <c r="AM26" s="260">
        <v>0</v>
      </c>
      <c r="AN26" s="261">
        <v>3</v>
      </c>
      <c r="AO26" s="261">
        <v>8</v>
      </c>
      <c r="AP26" s="261">
        <v>2</v>
      </c>
      <c r="AQ26" s="261">
        <v>5</v>
      </c>
      <c r="AR26" s="261">
        <v>3</v>
      </c>
      <c r="AS26" s="258">
        <v>21</v>
      </c>
      <c r="AT26" s="263">
        <v>22</v>
      </c>
      <c r="AU26" s="257">
        <v>25</v>
      </c>
      <c r="AV26" s="261">
        <v>18</v>
      </c>
      <c r="AW26" s="258">
        <v>43</v>
      </c>
      <c r="AX26" s="260">
        <v>0</v>
      </c>
      <c r="AY26" s="261">
        <v>83</v>
      </c>
      <c r="AZ26" s="261">
        <v>84</v>
      </c>
      <c r="BA26" s="261">
        <v>78</v>
      </c>
      <c r="BB26" s="261">
        <v>95</v>
      </c>
      <c r="BC26" s="261">
        <v>69</v>
      </c>
      <c r="BD26" s="262">
        <v>409</v>
      </c>
      <c r="BE26" s="263">
        <v>452</v>
      </c>
      <c r="BF26" s="257">
        <v>0</v>
      </c>
      <c r="BG26" s="261">
        <v>0</v>
      </c>
      <c r="BH26" s="258">
        <v>0</v>
      </c>
      <c r="BI26" s="260">
        <v>0</v>
      </c>
      <c r="BJ26" s="261">
        <v>119</v>
      </c>
      <c r="BK26" s="261">
        <v>92</v>
      </c>
      <c r="BL26" s="261">
        <v>35</v>
      </c>
      <c r="BM26" s="261">
        <v>21</v>
      </c>
      <c r="BN26" s="261">
        <v>6</v>
      </c>
      <c r="BO26" s="258">
        <v>273</v>
      </c>
      <c r="BP26" s="263">
        <v>273</v>
      </c>
      <c r="BQ26" s="257">
        <v>12</v>
      </c>
      <c r="BR26" s="261">
        <v>9</v>
      </c>
      <c r="BS26" s="258">
        <v>21</v>
      </c>
      <c r="BT26" s="260">
        <v>0</v>
      </c>
      <c r="BU26" s="261">
        <v>44</v>
      </c>
      <c r="BV26" s="261">
        <v>34</v>
      </c>
      <c r="BW26" s="261">
        <v>21</v>
      </c>
      <c r="BX26" s="261">
        <v>13</v>
      </c>
      <c r="BY26" s="261">
        <v>12</v>
      </c>
      <c r="BZ26" s="258">
        <v>124</v>
      </c>
      <c r="CA26" s="263">
        <v>145</v>
      </c>
      <c r="CB26" s="257">
        <v>1</v>
      </c>
      <c r="CC26" s="261">
        <v>0</v>
      </c>
      <c r="CD26" s="258">
        <v>1</v>
      </c>
      <c r="CE26" s="260">
        <v>0</v>
      </c>
      <c r="CF26" s="261">
        <v>18</v>
      </c>
      <c r="CG26" s="261">
        <v>21</v>
      </c>
      <c r="CH26" s="261">
        <v>20</v>
      </c>
      <c r="CI26" s="261">
        <v>23</v>
      </c>
      <c r="CJ26" s="261">
        <v>6</v>
      </c>
      <c r="CK26" s="258">
        <v>88</v>
      </c>
      <c r="CL26" s="263">
        <v>89</v>
      </c>
      <c r="CM26" s="257">
        <v>0</v>
      </c>
      <c r="CN26" s="261">
        <v>0</v>
      </c>
      <c r="CO26" s="258">
        <v>0</v>
      </c>
      <c r="CP26" s="260">
        <v>0</v>
      </c>
      <c r="CQ26" s="261">
        <v>2</v>
      </c>
      <c r="CR26" s="261">
        <v>1</v>
      </c>
      <c r="CS26" s="261">
        <v>6</v>
      </c>
      <c r="CT26" s="261">
        <v>3</v>
      </c>
      <c r="CU26" s="261">
        <v>2</v>
      </c>
      <c r="CV26" s="258">
        <v>14</v>
      </c>
      <c r="CW26" s="263">
        <v>14</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87</v>
      </c>
      <c r="DU26" s="261">
        <v>82</v>
      </c>
      <c r="DV26" s="258">
        <v>169</v>
      </c>
      <c r="DW26" s="260">
        <v>0</v>
      </c>
      <c r="DX26" s="261">
        <v>143</v>
      </c>
      <c r="DY26" s="261">
        <v>174</v>
      </c>
      <c r="DZ26" s="261">
        <v>97</v>
      </c>
      <c r="EA26" s="261">
        <v>75</v>
      </c>
      <c r="EB26" s="261">
        <v>44</v>
      </c>
      <c r="EC26" s="258">
        <v>533</v>
      </c>
      <c r="ED26" s="263">
        <v>702</v>
      </c>
      <c r="EE26" s="257">
        <v>12</v>
      </c>
      <c r="EF26" s="261">
        <v>8</v>
      </c>
      <c r="EG26" s="258">
        <v>20</v>
      </c>
      <c r="EH26" s="260">
        <v>0</v>
      </c>
      <c r="EI26" s="261">
        <v>36</v>
      </c>
      <c r="EJ26" s="261">
        <v>30</v>
      </c>
      <c r="EK26" s="261">
        <v>26</v>
      </c>
      <c r="EL26" s="261">
        <v>39</v>
      </c>
      <c r="EM26" s="261">
        <v>22</v>
      </c>
      <c r="EN26" s="258">
        <v>153</v>
      </c>
      <c r="EO26" s="263">
        <v>173</v>
      </c>
      <c r="EP26" s="257">
        <v>113</v>
      </c>
      <c r="EQ26" s="261">
        <v>100</v>
      </c>
      <c r="ER26" s="258">
        <v>213</v>
      </c>
      <c r="ES26" s="260">
        <v>0</v>
      </c>
      <c r="ET26" s="261">
        <v>278</v>
      </c>
      <c r="EU26" s="261">
        <v>223</v>
      </c>
      <c r="EV26" s="261">
        <v>122</v>
      </c>
      <c r="EW26" s="261">
        <v>83</v>
      </c>
      <c r="EX26" s="261">
        <v>50</v>
      </c>
      <c r="EY26" s="258">
        <v>756</v>
      </c>
      <c r="EZ26" s="263">
        <v>969</v>
      </c>
    </row>
    <row r="27" spans="2:156" ht="21" customHeight="1" x14ac:dyDescent="0.2">
      <c r="B27" s="472" t="s">
        <v>25</v>
      </c>
      <c r="C27" s="257">
        <v>0</v>
      </c>
      <c r="D27" s="261">
        <v>0</v>
      </c>
      <c r="E27" s="358">
        <v>0</v>
      </c>
      <c r="F27" s="260">
        <v>0</v>
      </c>
      <c r="G27" s="261">
        <v>101</v>
      </c>
      <c r="H27" s="261">
        <v>80</v>
      </c>
      <c r="I27" s="261">
        <v>58</v>
      </c>
      <c r="J27" s="261">
        <v>40</v>
      </c>
      <c r="K27" s="261">
        <v>31</v>
      </c>
      <c r="L27" s="262">
        <v>310</v>
      </c>
      <c r="M27" s="263">
        <v>310</v>
      </c>
      <c r="N27" s="257">
        <v>0</v>
      </c>
      <c r="O27" s="261">
        <v>0</v>
      </c>
      <c r="P27" s="258">
        <v>0</v>
      </c>
      <c r="Q27" s="260">
        <v>0</v>
      </c>
      <c r="R27" s="261">
        <v>2</v>
      </c>
      <c r="S27" s="261">
        <v>9</v>
      </c>
      <c r="T27" s="261">
        <v>16</v>
      </c>
      <c r="U27" s="261">
        <v>13</v>
      </c>
      <c r="V27" s="261">
        <v>13</v>
      </c>
      <c r="W27" s="258">
        <v>53</v>
      </c>
      <c r="X27" s="263">
        <v>53</v>
      </c>
      <c r="Y27" s="257">
        <v>19</v>
      </c>
      <c r="Z27" s="261">
        <v>43</v>
      </c>
      <c r="AA27" s="258">
        <v>62</v>
      </c>
      <c r="AB27" s="260">
        <v>0</v>
      </c>
      <c r="AC27" s="261">
        <v>85</v>
      </c>
      <c r="AD27" s="261">
        <v>83</v>
      </c>
      <c r="AE27" s="261">
        <v>49</v>
      </c>
      <c r="AF27" s="261">
        <v>34</v>
      </c>
      <c r="AG27" s="261">
        <v>24</v>
      </c>
      <c r="AH27" s="258">
        <v>275</v>
      </c>
      <c r="AI27" s="263">
        <v>337</v>
      </c>
      <c r="AJ27" s="257">
        <v>2</v>
      </c>
      <c r="AK27" s="261">
        <v>5</v>
      </c>
      <c r="AL27" s="258">
        <v>7</v>
      </c>
      <c r="AM27" s="260">
        <v>0</v>
      </c>
      <c r="AN27" s="261">
        <v>1</v>
      </c>
      <c r="AO27" s="261">
        <v>10</v>
      </c>
      <c r="AP27" s="261">
        <v>7</v>
      </c>
      <c r="AQ27" s="261">
        <v>4</v>
      </c>
      <c r="AR27" s="261">
        <v>3</v>
      </c>
      <c r="AS27" s="258">
        <v>25</v>
      </c>
      <c r="AT27" s="263">
        <v>32</v>
      </c>
      <c r="AU27" s="257">
        <v>10</v>
      </c>
      <c r="AV27" s="261">
        <v>16</v>
      </c>
      <c r="AW27" s="258">
        <v>26</v>
      </c>
      <c r="AX27" s="260">
        <v>0</v>
      </c>
      <c r="AY27" s="261">
        <v>70</v>
      </c>
      <c r="AZ27" s="261">
        <v>77</v>
      </c>
      <c r="BA27" s="261">
        <v>56</v>
      </c>
      <c r="BB27" s="261">
        <v>81</v>
      </c>
      <c r="BC27" s="261">
        <v>48</v>
      </c>
      <c r="BD27" s="262">
        <v>332</v>
      </c>
      <c r="BE27" s="263">
        <v>358</v>
      </c>
      <c r="BF27" s="257">
        <v>0</v>
      </c>
      <c r="BG27" s="261">
        <v>0</v>
      </c>
      <c r="BH27" s="258">
        <v>0</v>
      </c>
      <c r="BI27" s="260">
        <v>0</v>
      </c>
      <c r="BJ27" s="261">
        <v>158</v>
      </c>
      <c r="BK27" s="261">
        <v>82</v>
      </c>
      <c r="BL27" s="261">
        <v>60</v>
      </c>
      <c r="BM27" s="261">
        <v>37</v>
      </c>
      <c r="BN27" s="261">
        <v>8</v>
      </c>
      <c r="BO27" s="258">
        <v>345</v>
      </c>
      <c r="BP27" s="263">
        <v>345</v>
      </c>
      <c r="BQ27" s="257">
        <v>16</v>
      </c>
      <c r="BR27" s="261">
        <v>15</v>
      </c>
      <c r="BS27" s="258">
        <v>31</v>
      </c>
      <c r="BT27" s="260">
        <v>0</v>
      </c>
      <c r="BU27" s="261">
        <v>34</v>
      </c>
      <c r="BV27" s="261">
        <v>59</v>
      </c>
      <c r="BW27" s="261">
        <v>26</v>
      </c>
      <c r="BX27" s="261">
        <v>19</v>
      </c>
      <c r="BY27" s="261">
        <v>3</v>
      </c>
      <c r="BZ27" s="258">
        <v>141</v>
      </c>
      <c r="CA27" s="263">
        <v>172</v>
      </c>
      <c r="CB27" s="257">
        <v>0</v>
      </c>
      <c r="CC27" s="261">
        <v>2</v>
      </c>
      <c r="CD27" s="258">
        <v>2</v>
      </c>
      <c r="CE27" s="260">
        <v>0</v>
      </c>
      <c r="CF27" s="261">
        <v>20</v>
      </c>
      <c r="CG27" s="261">
        <v>26</v>
      </c>
      <c r="CH27" s="261">
        <v>24</v>
      </c>
      <c r="CI27" s="261">
        <v>14</v>
      </c>
      <c r="CJ27" s="261">
        <v>3</v>
      </c>
      <c r="CK27" s="258">
        <v>87</v>
      </c>
      <c r="CL27" s="263">
        <v>89</v>
      </c>
      <c r="CM27" s="257">
        <v>0</v>
      </c>
      <c r="CN27" s="261">
        <v>0</v>
      </c>
      <c r="CO27" s="258">
        <v>0</v>
      </c>
      <c r="CP27" s="260">
        <v>0</v>
      </c>
      <c r="CQ27" s="261">
        <v>2</v>
      </c>
      <c r="CR27" s="261">
        <v>5</v>
      </c>
      <c r="CS27" s="261">
        <v>4</v>
      </c>
      <c r="CT27" s="261">
        <v>5</v>
      </c>
      <c r="CU27" s="261">
        <v>2</v>
      </c>
      <c r="CV27" s="258">
        <v>18</v>
      </c>
      <c r="CW27" s="263">
        <v>18</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78</v>
      </c>
      <c r="DU27" s="261">
        <v>136</v>
      </c>
      <c r="DV27" s="258">
        <v>214</v>
      </c>
      <c r="DW27" s="260">
        <v>0</v>
      </c>
      <c r="DX27" s="261">
        <v>134</v>
      </c>
      <c r="DY27" s="261">
        <v>223</v>
      </c>
      <c r="DZ27" s="261">
        <v>129</v>
      </c>
      <c r="EA27" s="261">
        <v>98</v>
      </c>
      <c r="EB27" s="261">
        <v>46</v>
      </c>
      <c r="EC27" s="258">
        <v>630</v>
      </c>
      <c r="ED27" s="263">
        <v>844</v>
      </c>
      <c r="EE27" s="257">
        <v>5</v>
      </c>
      <c r="EF27" s="261">
        <v>4</v>
      </c>
      <c r="EG27" s="258">
        <v>9</v>
      </c>
      <c r="EH27" s="260">
        <v>0</v>
      </c>
      <c r="EI27" s="261">
        <v>18</v>
      </c>
      <c r="EJ27" s="261">
        <v>12</v>
      </c>
      <c r="EK27" s="261">
        <v>14</v>
      </c>
      <c r="EL27" s="261">
        <v>23</v>
      </c>
      <c r="EM27" s="261">
        <v>13</v>
      </c>
      <c r="EN27" s="258">
        <v>80</v>
      </c>
      <c r="EO27" s="263">
        <v>89</v>
      </c>
      <c r="EP27" s="257">
        <v>96</v>
      </c>
      <c r="EQ27" s="261">
        <v>159</v>
      </c>
      <c r="ER27" s="258">
        <v>255</v>
      </c>
      <c r="ES27" s="260">
        <v>0</v>
      </c>
      <c r="ET27" s="261">
        <v>356</v>
      </c>
      <c r="EU27" s="261">
        <v>276</v>
      </c>
      <c r="EV27" s="261">
        <v>153</v>
      </c>
      <c r="EW27" s="261">
        <v>111</v>
      </c>
      <c r="EX27" s="261">
        <v>49</v>
      </c>
      <c r="EY27" s="258">
        <v>945</v>
      </c>
      <c r="EZ27" s="263">
        <v>1200</v>
      </c>
    </row>
    <row r="28" spans="2:156" ht="21" customHeight="1" x14ac:dyDescent="0.2">
      <c r="B28" s="472" t="s">
        <v>26</v>
      </c>
      <c r="C28" s="257">
        <v>0</v>
      </c>
      <c r="D28" s="261">
        <v>0</v>
      </c>
      <c r="E28" s="358">
        <v>0</v>
      </c>
      <c r="F28" s="260">
        <v>0</v>
      </c>
      <c r="G28" s="261">
        <v>78</v>
      </c>
      <c r="H28" s="261">
        <v>69</v>
      </c>
      <c r="I28" s="261">
        <v>62</v>
      </c>
      <c r="J28" s="261">
        <v>38</v>
      </c>
      <c r="K28" s="261">
        <v>40</v>
      </c>
      <c r="L28" s="262">
        <v>287</v>
      </c>
      <c r="M28" s="263">
        <v>287</v>
      </c>
      <c r="N28" s="257">
        <v>0</v>
      </c>
      <c r="O28" s="261">
        <v>0</v>
      </c>
      <c r="P28" s="258">
        <v>0</v>
      </c>
      <c r="Q28" s="260">
        <v>0</v>
      </c>
      <c r="R28" s="261">
        <v>0</v>
      </c>
      <c r="S28" s="261">
        <v>1</v>
      </c>
      <c r="T28" s="261">
        <v>2</v>
      </c>
      <c r="U28" s="261">
        <v>10</v>
      </c>
      <c r="V28" s="261">
        <v>14</v>
      </c>
      <c r="W28" s="258">
        <v>27</v>
      </c>
      <c r="X28" s="263">
        <v>27</v>
      </c>
      <c r="Y28" s="257">
        <v>8</v>
      </c>
      <c r="Z28" s="261">
        <v>11</v>
      </c>
      <c r="AA28" s="258">
        <v>19</v>
      </c>
      <c r="AB28" s="260">
        <v>0</v>
      </c>
      <c r="AC28" s="261">
        <v>60</v>
      </c>
      <c r="AD28" s="261">
        <v>66</v>
      </c>
      <c r="AE28" s="261">
        <v>44</v>
      </c>
      <c r="AF28" s="261">
        <v>36</v>
      </c>
      <c r="AG28" s="261">
        <v>35</v>
      </c>
      <c r="AH28" s="258">
        <v>241</v>
      </c>
      <c r="AI28" s="263">
        <v>260</v>
      </c>
      <c r="AJ28" s="257">
        <v>1</v>
      </c>
      <c r="AK28" s="261">
        <v>1</v>
      </c>
      <c r="AL28" s="258">
        <v>2</v>
      </c>
      <c r="AM28" s="260">
        <v>0</v>
      </c>
      <c r="AN28" s="261">
        <v>1</v>
      </c>
      <c r="AO28" s="261">
        <v>4</v>
      </c>
      <c r="AP28" s="261">
        <v>7</v>
      </c>
      <c r="AQ28" s="261">
        <v>3</v>
      </c>
      <c r="AR28" s="261">
        <v>2</v>
      </c>
      <c r="AS28" s="258">
        <v>17</v>
      </c>
      <c r="AT28" s="263">
        <v>19</v>
      </c>
      <c r="AU28" s="257">
        <v>10</v>
      </c>
      <c r="AV28" s="261">
        <v>10</v>
      </c>
      <c r="AW28" s="258">
        <v>20</v>
      </c>
      <c r="AX28" s="260">
        <v>0</v>
      </c>
      <c r="AY28" s="261">
        <v>64</v>
      </c>
      <c r="AZ28" s="261">
        <v>71</v>
      </c>
      <c r="BA28" s="261">
        <v>80</v>
      </c>
      <c r="BB28" s="261">
        <v>52</v>
      </c>
      <c r="BC28" s="261">
        <v>47</v>
      </c>
      <c r="BD28" s="262">
        <v>314</v>
      </c>
      <c r="BE28" s="263">
        <v>334</v>
      </c>
      <c r="BF28" s="257">
        <v>0</v>
      </c>
      <c r="BG28" s="261">
        <v>0</v>
      </c>
      <c r="BH28" s="258">
        <v>0</v>
      </c>
      <c r="BI28" s="260">
        <v>0</v>
      </c>
      <c r="BJ28" s="261">
        <v>121</v>
      </c>
      <c r="BK28" s="261">
        <v>92</v>
      </c>
      <c r="BL28" s="261">
        <v>55</v>
      </c>
      <c r="BM28" s="261">
        <v>25</v>
      </c>
      <c r="BN28" s="261">
        <v>13</v>
      </c>
      <c r="BO28" s="258">
        <v>306</v>
      </c>
      <c r="BP28" s="263">
        <v>306</v>
      </c>
      <c r="BQ28" s="257">
        <v>7</v>
      </c>
      <c r="BR28" s="261">
        <v>6</v>
      </c>
      <c r="BS28" s="258">
        <v>13</v>
      </c>
      <c r="BT28" s="260">
        <v>0</v>
      </c>
      <c r="BU28" s="261">
        <v>20</v>
      </c>
      <c r="BV28" s="261">
        <v>29</v>
      </c>
      <c r="BW28" s="261">
        <v>13</v>
      </c>
      <c r="BX28" s="261">
        <v>10</v>
      </c>
      <c r="BY28" s="261">
        <v>7</v>
      </c>
      <c r="BZ28" s="258">
        <v>79</v>
      </c>
      <c r="CA28" s="263">
        <v>92</v>
      </c>
      <c r="CB28" s="257">
        <v>2</v>
      </c>
      <c r="CC28" s="261">
        <v>1</v>
      </c>
      <c r="CD28" s="258">
        <v>3</v>
      </c>
      <c r="CE28" s="260">
        <v>0</v>
      </c>
      <c r="CF28" s="261">
        <v>17</v>
      </c>
      <c r="CG28" s="261">
        <v>22</v>
      </c>
      <c r="CH28" s="261">
        <v>24</v>
      </c>
      <c r="CI28" s="261">
        <v>18</v>
      </c>
      <c r="CJ28" s="261">
        <v>9</v>
      </c>
      <c r="CK28" s="258">
        <v>90</v>
      </c>
      <c r="CL28" s="263">
        <v>93</v>
      </c>
      <c r="CM28" s="257">
        <v>0</v>
      </c>
      <c r="CN28" s="261">
        <v>0</v>
      </c>
      <c r="CO28" s="258">
        <v>0</v>
      </c>
      <c r="CP28" s="260">
        <v>0</v>
      </c>
      <c r="CQ28" s="261">
        <v>1</v>
      </c>
      <c r="CR28" s="261">
        <v>4</v>
      </c>
      <c r="CS28" s="261">
        <v>3</v>
      </c>
      <c r="CT28" s="261">
        <v>4</v>
      </c>
      <c r="CU28" s="261">
        <v>1</v>
      </c>
      <c r="CV28" s="258">
        <v>13</v>
      </c>
      <c r="CW28" s="263">
        <v>13</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57</v>
      </c>
      <c r="DU28" s="261">
        <v>95</v>
      </c>
      <c r="DV28" s="258">
        <v>152</v>
      </c>
      <c r="DW28" s="260">
        <v>0</v>
      </c>
      <c r="DX28" s="261">
        <v>155</v>
      </c>
      <c r="DY28" s="261">
        <v>178</v>
      </c>
      <c r="DZ28" s="261">
        <v>113</v>
      </c>
      <c r="EA28" s="261">
        <v>80</v>
      </c>
      <c r="EB28" s="261">
        <v>59</v>
      </c>
      <c r="EC28" s="258">
        <v>585</v>
      </c>
      <c r="ED28" s="263">
        <v>737</v>
      </c>
      <c r="EE28" s="257">
        <v>8</v>
      </c>
      <c r="EF28" s="261">
        <v>6</v>
      </c>
      <c r="EG28" s="258">
        <v>14</v>
      </c>
      <c r="EH28" s="260">
        <v>0</v>
      </c>
      <c r="EI28" s="261">
        <v>23</v>
      </c>
      <c r="EJ28" s="261">
        <v>21</v>
      </c>
      <c r="EK28" s="261">
        <v>25</v>
      </c>
      <c r="EL28" s="261">
        <v>13</v>
      </c>
      <c r="EM28" s="261">
        <v>8</v>
      </c>
      <c r="EN28" s="258">
        <v>90</v>
      </c>
      <c r="EO28" s="263">
        <v>104</v>
      </c>
      <c r="EP28" s="257">
        <v>71</v>
      </c>
      <c r="EQ28" s="261">
        <v>102</v>
      </c>
      <c r="ER28" s="258">
        <v>173</v>
      </c>
      <c r="ES28" s="260">
        <v>0</v>
      </c>
      <c r="ET28" s="261">
        <v>285</v>
      </c>
      <c r="EU28" s="261">
        <v>238</v>
      </c>
      <c r="EV28" s="261">
        <v>149</v>
      </c>
      <c r="EW28" s="261">
        <v>88</v>
      </c>
      <c r="EX28" s="261">
        <v>61</v>
      </c>
      <c r="EY28" s="258">
        <v>821</v>
      </c>
      <c r="EZ28" s="263">
        <v>994</v>
      </c>
    </row>
    <row r="29" spans="2:156" ht="21" customHeight="1" x14ac:dyDescent="0.2">
      <c r="B29" s="472" t="s">
        <v>27</v>
      </c>
      <c r="C29" s="257">
        <v>0</v>
      </c>
      <c r="D29" s="261">
        <v>0</v>
      </c>
      <c r="E29" s="358">
        <v>0</v>
      </c>
      <c r="F29" s="260">
        <v>0</v>
      </c>
      <c r="G29" s="261">
        <v>62</v>
      </c>
      <c r="H29" s="261">
        <v>47</v>
      </c>
      <c r="I29" s="261">
        <v>42</v>
      </c>
      <c r="J29" s="261">
        <v>28</v>
      </c>
      <c r="K29" s="261">
        <v>35</v>
      </c>
      <c r="L29" s="262">
        <v>214</v>
      </c>
      <c r="M29" s="263">
        <v>214</v>
      </c>
      <c r="N29" s="257">
        <v>0</v>
      </c>
      <c r="O29" s="261">
        <v>0</v>
      </c>
      <c r="P29" s="258">
        <v>0</v>
      </c>
      <c r="Q29" s="260">
        <v>0</v>
      </c>
      <c r="R29" s="261">
        <v>1</v>
      </c>
      <c r="S29" s="261">
        <v>5</v>
      </c>
      <c r="T29" s="261">
        <v>6</v>
      </c>
      <c r="U29" s="261">
        <v>14</v>
      </c>
      <c r="V29" s="261">
        <v>19</v>
      </c>
      <c r="W29" s="258">
        <v>45</v>
      </c>
      <c r="X29" s="263">
        <v>45</v>
      </c>
      <c r="Y29" s="257">
        <v>23</v>
      </c>
      <c r="Z29" s="261">
        <v>42</v>
      </c>
      <c r="AA29" s="258">
        <v>65</v>
      </c>
      <c r="AB29" s="260">
        <v>0</v>
      </c>
      <c r="AC29" s="261">
        <v>41</v>
      </c>
      <c r="AD29" s="261">
        <v>40</v>
      </c>
      <c r="AE29" s="261">
        <v>39</v>
      </c>
      <c r="AF29" s="261">
        <v>25</v>
      </c>
      <c r="AG29" s="261">
        <v>33</v>
      </c>
      <c r="AH29" s="258">
        <v>178</v>
      </c>
      <c r="AI29" s="263">
        <v>243</v>
      </c>
      <c r="AJ29" s="257">
        <v>1</v>
      </c>
      <c r="AK29" s="261">
        <v>2</v>
      </c>
      <c r="AL29" s="258">
        <v>3</v>
      </c>
      <c r="AM29" s="260">
        <v>0</v>
      </c>
      <c r="AN29" s="261">
        <v>0</v>
      </c>
      <c r="AO29" s="261">
        <v>2</v>
      </c>
      <c r="AP29" s="261">
        <v>0</v>
      </c>
      <c r="AQ29" s="261">
        <v>0</v>
      </c>
      <c r="AR29" s="261">
        <v>2</v>
      </c>
      <c r="AS29" s="258">
        <v>4</v>
      </c>
      <c r="AT29" s="263">
        <v>7</v>
      </c>
      <c r="AU29" s="257">
        <v>8</v>
      </c>
      <c r="AV29" s="261">
        <v>15</v>
      </c>
      <c r="AW29" s="258">
        <v>23</v>
      </c>
      <c r="AX29" s="260">
        <v>0</v>
      </c>
      <c r="AY29" s="261">
        <v>64</v>
      </c>
      <c r="AZ29" s="261">
        <v>62</v>
      </c>
      <c r="BA29" s="261">
        <v>75</v>
      </c>
      <c r="BB29" s="261">
        <v>69</v>
      </c>
      <c r="BC29" s="261">
        <v>53</v>
      </c>
      <c r="BD29" s="262">
        <v>323</v>
      </c>
      <c r="BE29" s="263">
        <v>346</v>
      </c>
      <c r="BF29" s="257">
        <v>0</v>
      </c>
      <c r="BG29" s="261">
        <v>0</v>
      </c>
      <c r="BH29" s="258">
        <v>0</v>
      </c>
      <c r="BI29" s="260">
        <v>0</v>
      </c>
      <c r="BJ29" s="261">
        <v>111</v>
      </c>
      <c r="BK29" s="261">
        <v>70</v>
      </c>
      <c r="BL29" s="261">
        <v>39</v>
      </c>
      <c r="BM29" s="261">
        <v>29</v>
      </c>
      <c r="BN29" s="261">
        <v>11</v>
      </c>
      <c r="BO29" s="258">
        <v>260</v>
      </c>
      <c r="BP29" s="263">
        <v>260</v>
      </c>
      <c r="BQ29" s="257">
        <v>10</v>
      </c>
      <c r="BR29" s="261">
        <v>29</v>
      </c>
      <c r="BS29" s="258">
        <v>39</v>
      </c>
      <c r="BT29" s="260">
        <v>0</v>
      </c>
      <c r="BU29" s="261">
        <v>16</v>
      </c>
      <c r="BV29" s="261">
        <v>27</v>
      </c>
      <c r="BW29" s="261">
        <v>15</v>
      </c>
      <c r="BX29" s="261">
        <v>4</v>
      </c>
      <c r="BY29" s="261">
        <v>6</v>
      </c>
      <c r="BZ29" s="258">
        <v>68</v>
      </c>
      <c r="CA29" s="263">
        <v>107</v>
      </c>
      <c r="CB29" s="257">
        <v>0</v>
      </c>
      <c r="CC29" s="261">
        <v>2</v>
      </c>
      <c r="CD29" s="258">
        <v>2</v>
      </c>
      <c r="CE29" s="260">
        <v>0</v>
      </c>
      <c r="CF29" s="261">
        <v>14</v>
      </c>
      <c r="CG29" s="261">
        <v>11</v>
      </c>
      <c r="CH29" s="261">
        <v>16</v>
      </c>
      <c r="CI29" s="261">
        <v>14</v>
      </c>
      <c r="CJ29" s="261">
        <v>7</v>
      </c>
      <c r="CK29" s="258">
        <v>62</v>
      </c>
      <c r="CL29" s="263">
        <v>64</v>
      </c>
      <c r="CM29" s="257">
        <v>0</v>
      </c>
      <c r="CN29" s="261">
        <v>1</v>
      </c>
      <c r="CO29" s="258">
        <v>1</v>
      </c>
      <c r="CP29" s="260">
        <v>0</v>
      </c>
      <c r="CQ29" s="261">
        <v>4</v>
      </c>
      <c r="CR29" s="261">
        <v>2</v>
      </c>
      <c r="CS29" s="261">
        <v>1</v>
      </c>
      <c r="CT29" s="261">
        <v>2</v>
      </c>
      <c r="CU29" s="261">
        <v>0</v>
      </c>
      <c r="CV29" s="258">
        <v>9</v>
      </c>
      <c r="CW29" s="263">
        <v>1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88</v>
      </c>
      <c r="DU29" s="261">
        <v>147</v>
      </c>
      <c r="DV29" s="258">
        <v>235</v>
      </c>
      <c r="DW29" s="260">
        <v>0</v>
      </c>
      <c r="DX29" s="261">
        <v>84</v>
      </c>
      <c r="DY29" s="261">
        <v>114</v>
      </c>
      <c r="DZ29" s="261">
        <v>84</v>
      </c>
      <c r="EA29" s="261">
        <v>54</v>
      </c>
      <c r="EB29" s="261">
        <v>49</v>
      </c>
      <c r="EC29" s="258">
        <v>385</v>
      </c>
      <c r="ED29" s="263">
        <v>620</v>
      </c>
      <c r="EE29" s="257">
        <v>9</v>
      </c>
      <c r="EF29" s="261">
        <v>13</v>
      </c>
      <c r="EG29" s="258">
        <v>22</v>
      </c>
      <c r="EH29" s="260">
        <v>0</v>
      </c>
      <c r="EI29" s="261">
        <v>38</v>
      </c>
      <c r="EJ29" s="261">
        <v>32</v>
      </c>
      <c r="EK29" s="261">
        <v>33</v>
      </c>
      <c r="EL29" s="261">
        <v>40</v>
      </c>
      <c r="EM29" s="261">
        <v>15</v>
      </c>
      <c r="EN29" s="258">
        <v>158</v>
      </c>
      <c r="EO29" s="263">
        <v>180</v>
      </c>
      <c r="EP29" s="257">
        <v>118</v>
      </c>
      <c r="EQ29" s="261">
        <v>175</v>
      </c>
      <c r="ER29" s="258">
        <v>293</v>
      </c>
      <c r="ES29" s="260">
        <v>0</v>
      </c>
      <c r="ET29" s="261">
        <v>213</v>
      </c>
      <c r="EU29" s="261">
        <v>150</v>
      </c>
      <c r="EV29" s="261">
        <v>98</v>
      </c>
      <c r="EW29" s="261">
        <v>59</v>
      </c>
      <c r="EX29" s="261">
        <v>51</v>
      </c>
      <c r="EY29" s="258">
        <v>571</v>
      </c>
      <c r="EZ29" s="263">
        <v>864</v>
      </c>
    </row>
    <row r="30" spans="2:156" ht="21" customHeight="1" x14ac:dyDescent="0.2">
      <c r="B30" s="472" t="s">
        <v>28</v>
      </c>
      <c r="C30" s="257">
        <v>0</v>
      </c>
      <c r="D30" s="261">
        <v>0</v>
      </c>
      <c r="E30" s="358">
        <v>0</v>
      </c>
      <c r="F30" s="260">
        <v>0</v>
      </c>
      <c r="G30" s="261">
        <v>10</v>
      </c>
      <c r="H30" s="261">
        <v>18</v>
      </c>
      <c r="I30" s="261">
        <v>7</v>
      </c>
      <c r="J30" s="261">
        <v>9</v>
      </c>
      <c r="K30" s="261">
        <v>8</v>
      </c>
      <c r="L30" s="262">
        <v>52</v>
      </c>
      <c r="M30" s="263">
        <v>52</v>
      </c>
      <c r="N30" s="257">
        <v>0</v>
      </c>
      <c r="O30" s="261">
        <v>0</v>
      </c>
      <c r="P30" s="258">
        <v>0</v>
      </c>
      <c r="Q30" s="260">
        <v>0</v>
      </c>
      <c r="R30" s="261">
        <v>0</v>
      </c>
      <c r="S30" s="261">
        <v>3</v>
      </c>
      <c r="T30" s="261">
        <v>1</v>
      </c>
      <c r="U30" s="261">
        <v>4</v>
      </c>
      <c r="V30" s="261">
        <v>3</v>
      </c>
      <c r="W30" s="258">
        <v>11</v>
      </c>
      <c r="X30" s="263">
        <v>11</v>
      </c>
      <c r="Y30" s="257">
        <v>1</v>
      </c>
      <c r="Z30" s="261">
        <v>5</v>
      </c>
      <c r="AA30" s="258">
        <v>6</v>
      </c>
      <c r="AB30" s="260">
        <v>0</v>
      </c>
      <c r="AC30" s="261">
        <v>9</v>
      </c>
      <c r="AD30" s="261">
        <v>16</v>
      </c>
      <c r="AE30" s="261">
        <v>13</v>
      </c>
      <c r="AF30" s="261">
        <v>13</v>
      </c>
      <c r="AG30" s="261">
        <v>8</v>
      </c>
      <c r="AH30" s="258">
        <v>59</v>
      </c>
      <c r="AI30" s="263">
        <v>65</v>
      </c>
      <c r="AJ30" s="257">
        <v>0</v>
      </c>
      <c r="AK30" s="261">
        <v>0</v>
      </c>
      <c r="AL30" s="258">
        <v>0</v>
      </c>
      <c r="AM30" s="260">
        <v>0</v>
      </c>
      <c r="AN30" s="261">
        <v>2</v>
      </c>
      <c r="AO30" s="261">
        <v>1</v>
      </c>
      <c r="AP30" s="261">
        <v>0</v>
      </c>
      <c r="AQ30" s="261">
        <v>1</v>
      </c>
      <c r="AR30" s="261">
        <v>2</v>
      </c>
      <c r="AS30" s="258">
        <v>6</v>
      </c>
      <c r="AT30" s="263">
        <v>6</v>
      </c>
      <c r="AU30" s="257">
        <v>1</v>
      </c>
      <c r="AV30" s="261">
        <v>1</v>
      </c>
      <c r="AW30" s="258">
        <v>2</v>
      </c>
      <c r="AX30" s="260">
        <v>0</v>
      </c>
      <c r="AY30" s="261">
        <v>13</v>
      </c>
      <c r="AZ30" s="261">
        <v>23</v>
      </c>
      <c r="BA30" s="261">
        <v>18</v>
      </c>
      <c r="BB30" s="261">
        <v>23</v>
      </c>
      <c r="BC30" s="261">
        <v>12</v>
      </c>
      <c r="BD30" s="262">
        <v>89</v>
      </c>
      <c r="BE30" s="263">
        <v>91</v>
      </c>
      <c r="BF30" s="257">
        <v>0</v>
      </c>
      <c r="BG30" s="261">
        <v>0</v>
      </c>
      <c r="BH30" s="258">
        <v>0</v>
      </c>
      <c r="BI30" s="260">
        <v>0</v>
      </c>
      <c r="BJ30" s="261">
        <v>31</v>
      </c>
      <c r="BK30" s="261">
        <v>27</v>
      </c>
      <c r="BL30" s="261">
        <v>17</v>
      </c>
      <c r="BM30" s="261">
        <v>12</v>
      </c>
      <c r="BN30" s="261">
        <v>7</v>
      </c>
      <c r="BO30" s="258">
        <v>94</v>
      </c>
      <c r="BP30" s="263">
        <v>94</v>
      </c>
      <c r="BQ30" s="257">
        <v>1</v>
      </c>
      <c r="BR30" s="261">
        <v>2</v>
      </c>
      <c r="BS30" s="258">
        <v>3</v>
      </c>
      <c r="BT30" s="260">
        <v>0</v>
      </c>
      <c r="BU30" s="261">
        <v>8</v>
      </c>
      <c r="BV30" s="261">
        <v>17</v>
      </c>
      <c r="BW30" s="261">
        <v>10</v>
      </c>
      <c r="BX30" s="261">
        <v>5</v>
      </c>
      <c r="BY30" s="261">
        <v>4</v>
      </c>
      <c r="BZ30" s="258">
        <v>44</v>
      </c>
      <c r="CA30" s="263">
        <v>47</v>
      </c>
      <c r="CB30" s="257">
        <v>0</v>
      </c>
      <c r="CC30" s="261">
        <v>1</v>
      </c>
      <c r="CD30" s="258">
        <v>1</v>
      </c>
      <c r="CE30" s="260">
        <v>0</v>
      </c>
      <c r="CF30" s="261">
        <v>1</v>
      </c>
      <c r="CG30" s="261">
        <v>6</v>
      </c>
      <c r="CH30" s="261">
        <v>7</v>
      </c>
      <c r="CI30" s="261">
        <v>7</v>
      </c>
      <c r="CJ30" s="261">
        <v>3</v>
      </c>
      <c r="CK30" s="258">
        <v>24</v>
      </c>
      <c r="CL30" s="263">
        <v>25</v>
      </c>
      <c r="CM30" s="257">
        <v>0</v>
      </c>
      <c r="CN30" s="261">
        <v>0</v>
      </c>
      <c r="CO30" s="258">
        <v>0</v>
      </c>
      <c r="CP30" s="260">
        <v>0</v>
      </c>
      <c r="CQ30" s="261">
        <v>2</v>
      </c>
      <c r="CR30" s="261">
        <v>2</v>
      </c>
      <c r="CS30" s="261">
        <v>4</v>
      </c>
      <c r="CT30" s="261">
        <v>1</v>
      </c>
      <c r="CU30" s="261">
        <v>1</v>
      </c>
      <c r="CV30" s="258">
        <v>10</v>
      </c>
      <c r="CW30" s="263">
        <v>1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9</v>
      </c>
      <c r="DU30" s="261">
        <v>17</v>
      </c>
      <c r="DV30" s="258">
        <v>26</v>
      </c>
      <c r="DW30" s="260">
        <v>0</v>
      </c>
      <c r="DX30" s="261">
        <v>43</v>
      </c>
      <c r="DY30" s="261">
        <v>64</v>
      </c>
      <c r="DZ30" s="261">
        <v>37</v>
      </c>
      <c r="EA30" s="261">
        <v>25</v>
      </c>
      <c r="EB30" s="261">
        <v>14</v>
      </c>
      <c r="EC30" s="258">
        <v>183</v>
      </c>
      <c r="ED30" s="263">
        <v>209</v>
      </c>
      <c r="EE30" s="257">
        <v>0</v>
      </c>
      <c r="EF30" s="261">
        <v>0</v>
      </c>
      <c r="EG30" s="258">
        <v>0</v>
      </c>
      <c r="EH30" s="260">
        <v>0</v>
      </c>
      <c r="EI30" s="261">
        <v>5</v>
      </c>
      <c r="EJ30" s="261">
        <v>7</v>
      </c>
      <c r="EK30" s="261">
        <v>5</v>
      </c>
      <c r="EL30" s="261">
        <v>6</v>
      </c>
      <c r="EM30" s="261">
        <v>1</v>
      </c>
      <c r="EN30" s="258">
        <v>24</v>
      </c>
      <c r="EO30" s="263">
        <v>24</v>
      </c>
      <c r="EP30" s="257">
        <v>10</v>
      </c>
      <c r="EQ30" s="261">
        <v>19</v>
      </c>
      <c r="ER30" s="258">
        <v>29</v>
      </c>
      <c r="ES30" s="260">
        <v>0</v>
      </c>
      <c r="ET30" s="261">
        <v>74</v>
      </c>
      <c r="EU30" s="261">
        <v>84</v>
      </c>
      <c r="EV30" s="261">
        <v>39</v>
      </c>
      <c r="EW30" s="261">
        <v>30</v>
      </c>
      <c r="EX30" s="261">
        <v>16</v>
      </c>
      <c r="EY30" s="258">
        <v>243</v>
      </c>
      <c r="EZ30" s="263">
        <v>272</v>
      </c>
    </row>
    <row r="31" spans="2:156" ht="21" customHeight="1" x14ac:dyDescent="0.2">
      <c r="B31" s="472" t="s">
        <v>29</v>
      </c>
      <c r="C31" s="257">
        <v>0</v>
      </c>
      <c r="D31" s="261">
        <v>0</v>
      </c>
      <c r="E31" s="358">
        <v>0</v>
      </c>
      <c r="F31" s="260">
        <v>0</v>
      </c>
      <c r="G31" s="261">
        <v>29</v>
      </c>
      <c r="H31" s="261">
        <v>23</v>
      </c>
      <c r="I31" s="261">
        <v>17</v>
      </c>
      <c r="J31" s="261">
        <v>11</v>
      </c>
      <c r="K31" s="261">
        <v>9</v>
      </c>
      <c r="L31" s="262">
        <v>89</v>
      </c>
      <c r="M31" s="263">
        <v>89</v>
      </c>
      <c r="N31" s="257">
        <v>0</v>
      </c>
      <c r="O31" s="261">
        <v>0</v>
      </c>
      <c r="P31" s="258">
        <v>0</v>
      </c>
      <c r="Q31" s="260">
        <v>0</v>
      </c>
      <c r="R31" s="261">
        <v>0</v>
      </c>
      <c r="S31" s="261">
        <v>0</v>
      </c>
      <c r="T31" s="261">
        <v>1</v>
      </c>
      <c r="U31" s="261">
        <v>2</v>
      </c>
      <c r="V31" s="261">
        <v>8</v>
      </c>
      <c r="W31" s="258">
        <v>11</v>
      </c>
      <c r="X31" s="263">
        <v>11</v>
      </c>
      <c r="Y31" s="257">
        <v>3</v>
      </c>
      <c r="Z31" s="261">
        <v>6</v>
      </c>
      <c r="AA31" s="258">
        <v>9</v>
      </c>
      <c r="AB31" s="260">
        <v>0</v>
      </c>
      <c r="AC31" s="261">
        <v>25</v>
      </c>
      <c r="AD31" s="261">
        <v>15</v>
      </c>
      <c r="AE31" s="261">
        <v>20</v>
      </c>
      <c r="AF31" s="261">
        <v>9</v>
      </c>
      <c r="AG31" s="261">
        <v>10</v>
      </c>
      <c r="AH31" s="258">
        <v>79</v>
      </c>
      <c r="AI31" s="263">
        <v>88</v>
      </c>
      <c r="AJ31" s="257">
        <v>0</v>
      </c>
      <c r="AK31" s="261">
        <v>1</v>
      </c>
      <c r="AL31" s="258">
        <v>1</v>
      </c>
      <c r="AM31" s="260">
        <v>0</v>
      </c>
      <c r="AN31" s="261">
        <v>2</v>
      </c>
      <c r="AO31" s="261">
        <v>2</v>
      </c>
      <c r="AP31" s="261">
        <v>2</v>
      </c>
      <c r="AQ31" s="261">
        <v>2</v>
      </c>
      <c r="AR31" s="261">
        <v>0</v>
      </c>
      <c r="AS31" s="258">
        <v>8</v>
      </c>
      <c r="AT31" s="263">
        <v>9</v>
      </c>
      <c r="AU31" s="257">
        <v>1</v>
      </c>
      <c r="AV31" s="261">
        <v>2</v>
      </c>
      <c r="AW31" s="258">
        <v>3</v>
      </c>
      <c r="AX31" s="260">
        <v>0</v>
      </c>
      <c r="AY31" s="261">
        <v>16</v>
      </c>
      <c r="AZ31" s="261">
        <v>30</v>
      </c>
      <c r="BA31" s="261">
        <v>20</v>
      </c>
      <c r="BB31" s="261">
        <v>18</v>
      </c>
      <c r="BC31" s="261">
        <v>11</v>
      </c>
      <c r="BD31" s="262">
        <v>95</v>
      </c>
      <c r="BE31" s="263">
        <v>98</v>
      </c>
      <c r="BF31" s="257">
        <v>0</v>
      </c>
      <c r="BG31" s="261">
        <v>0</v>
      </c>
      <c r="BH31" s="258">
        <v>0</v>
      </c>
      <c r="BI31" s="260">
        <v>0</v>
      </c>
      <c r="BJ31" s="261">
        <v>35</v>
      </c>
      <c r="BK31" s="261">
        <v>40</v>
      </c>
      <c r="BL31" s="261">
        <v>28</v>
      </c>
      <c r="BM31" s="261">
        <v>12</v>
      </c>
      <c r="BN31" s="261">
        <v>6</v>
      </c>
      <c r="BO31" s="258">
        <v>121</v>
      </c>
      <c r="BP31" s="263">
        <v>121</v>
      </c>
      <c r="BQ31" s="257">
        <v>1</v>
      </c>
      <c r="BR31" s="261">
        <v>1</v>
      </c>
      <c r="BS31" s="258">
        <v>2</v>
      </c>
      <c r="BT31" s="260">
        <v>0</v>
      </c>
      <c r="BU31" s="261">
        <v>15</v>
      </c>
      <c r="BV31" s="261">
        <v>10</v>
      </c>
      <c r="BW31" s="261">
        <v>10</v>
      </c>
      <c r="BX31" s="261">
        <v>1</v>
      </c>
      <c r="BY31" s="261">
        <v>1</v>
      </c>
      <c r="BZ31" s="258">
        <v>37</v>
      </c>
      <c r="CA31" s="263">
        <v>39</v>
      </c>
      <c r="CB31" s="257">
        <v>0</v>
      </c>
      <c r="CC31" s="261">
        <v>0</v>
      </c>
      <c r="CD31" s="258">
        <v>0</v>
      </c>
      <c r="CE31" s="260">
        <v>0</v>
      </c>
      <c r="CF31" s="261">
        <v>5</v>
      </c>
      <c r="CG31" s="261">
        <v>10</v>
      </c>
      <c r="CH31" s="261">
        <v>19</v>
      </c>
      <c r="CI31" s="261">
        <v>4</v>
      </c>
      <c r="CJ31" s="261">
        <v>6</v>
      </c>
      <c r="CK31" s="258">
        <v>44</v>
      </c>
      <c r="CL31" s="263">
        <v>44</v>
      </c>
      <c r="CM31" s="257">
        <v>0</v>
      </c>
      <c r="CN31" s="261">
        <v>0</v>
      </c>
      <c r="CO31" s="258">
        <v>0</v>
      </c>
      <c r="CP31" s="260">
        <v>0</v>
      </c>
      <c r="CQ31" s="261">
        <v>2</v>
      </c>
      <c r="CR31" s="261">
        <v>2</v>
      </c>
      <c r="CS31" s="261">
        <v>2</v>
      </c>
      <c r="CT31" s="261">
        <v>0</v>
      </c>
      <c r="CU31" s="261">
        <v>1</v>
      </c>
      <c r="CV31" s="258">
        <v>7</v>
      </c>
      <c r="CW31" s="263">
        <v>7</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2</v>
      </c>
      <c r="DU31" s="261">
        <v>33</v>
      </c>
      <c r="DV31" s="258">
        <v>55</v>
      </c>
      <c r="DW31" s="260">
        <v>0</v>
      </c>
      <c r="DX31" s="261">
        <v>48</v>
      </c>
      <c r="DY31" s="261">
        <v>58</v>
      </c>
      <c r="DZ31" s="261">
        <v>54</v>
      </c>
      <c r="EA31" s="261">
        <v>30</v>
      </c>
      <c r="EB31" s="261">
        <v>23</v>
      </c>
      <c r="EC31" s="258">
        <v>213</v>
      </c>
      <c r="ED31" s="263">
        <v>268</v>
      </c>
      <c r="EE31" s="257">
        <v>0</v>
      </c>
      <c r="EF31" s="261">
        <v>0</v>
      </c>
      <c r="EG31" s="258">
        <v>0</v>
      </c>
      <c r="EH31" s="260">
        <v>0</v>
      </c>
      <c r="EI31" s="261">
        <v>7</v>
      </c>
      <c r="EJ31" s="261">
        <v>7</v>
      </c>
      <c r="EK31" s="261">
        <v>4</v>
      </c>
      <c r="EL31" s="261">
        <v>7</v>
      </c>
      <c r="EM31" s="261">
        <v>3</v>
      </c>
      <c r="EN31" s="258">
        <v>28</v>
      </c>
      <c r="EO31" s="263">
        <v>28</v>
      </c>
      <c r="EP31" s="257">
        <v>26</v>
      </c>
      <c r="EQ31" s="261">
        <v>38</v>
      </c>
      <c r="ER31" s="258">
        <v>64</v>
      </c>
      <c r="ES31" s="260">
        <v>0</v>
      </c>
      <c r="ET31" s="261">
        <v>97</v>
      </c>
      <c r="EU31" s="261">
        <v>83</v>
      </c>
      <c r="EV31" s="261">
        <v>62</v>
      </c>
      <c r="EW31" s="261">
        <v>30</v>
      </c>
      <c r="EX31" s="261">
        <v>23</v>
      </c>
      <c r="EY31" s="258">
        <v>295</v>
      </c>
      <c r="EZ31" s="263">
        <v>359</v>
      </c>
    </row>
    <row r="32" spans="2:156" ht="21" customHeight="1" x14ac:dyDescent="0.2">
      <c r="B32" s="472" t="s">
        <v>30</v>
      </c>
      <c r="C32" s="257">
        <v>0</v>
      </c>
      <c r="D32" s="261">
        <v>0</v>
      </c>
      <c r="E32" s="358">
        <v>0</v>
      </c>
      <c r="F32" s="260">
        <v>0</v>
      </c>
      <c r="G32" s="261">
        <v>24</v>
      </c>
      <c r="H32" s="261">
        <v>14</v>
      </c>
      <c r="I32" s="261">
        <v>21</v>
      </c>
      <c r="J32" s="261">
        <v>17</v>
      </c>
      <c r="K32" s="261">
        <v>6</v>
      </c>
      <c r="L32" s="262">
        <v>82</v>
      </c>
      <c r="M32" s="263">
        <v>82</v>
      </c>
      <c r="N32" s="257">
        <v>0</v>
      </c>
      <c r="O32" s="261">
        <v>0</v>
      </c>
      <c r="P32" s="258">
        <v>0</v>
      </c>
      <c r="Q32" s="260">
        <v>0</v>
      </c>
      <c r="R32" s="261">
        <v>1</v>
      </c>
      <c r="S32" s="261">
        <v>0</v>
      </c>
      <c r="T32" s="261">
        <v>1</v>
      </c>
      <c r="U32" s="261">
        <v>8</v>
      </c>
      <c r="V32" s="261">
        <v>3</v>
      </c>
      <c r="W32" s="258">
        <v>13</v>
      </c>
      <c r="X32" s="263">
        <v>13</v>
      </c>
      <c r="Y32" s="257">
        <v>4</v>
      </c>
      <c r="Z32" s="261">
        <v>6</v>
      </c>
      <c r="AA32" s="258">
        <v>10</v>
      </c>
      <c r="AB32" s="260">
        <v>0</v>
      </c>
      <c r="AC32" s="261">
        <v>17</v>
      </c>
      <c r="AD32" s="261">
        <v>19</v>
      </c>
      <c r="AE32" s="261">
        <v>14</v>
      </c>
      <c r="AF32" s="261">
        <v>20</v>
      </c>
      <c r="AG32" s="261">
        <v>3</v>
      </c>
      <c r="AH32" s="258">
        <v>73</v>
      </c>
      <c r="AI32" s="263">
        <v>83</v>
      </c>
      <c r="AJ32" s="257">
        <v>2</v>
      </c>
      <c r="AK32" s="261">
        <v>0</v>
      </c>
      <c r="AL32" s="258">
        <v>2</v>
      </c>
      <c r="AM32" s="260">
        <v>0</v>
      </c>
      <c r="AN32" s="261">
        <v>1</v>
      </c>
      <c r="AO32" s="261">
        <v>0</v>
      </c>
      <c r="AP32" s="261">
        <v>5</v>
      </c>
      <c r="AQ32" s="261">
        <v>1</v>
      </c>
      <c r="AR32" s="261">
        <v>0</v>
      </c>
      <c r="AS32" s="258">
        <v>7</v>
      </c>
      <c r="AT32" s="263">
        <v>9</v>
      </c>
      <c r="AU32" s="257">
        <v>1</v>
      </c>
      <c r="AV32" s="261">
        <v>2</v>
      </c>
      <c r="AW32" s="258">
        <v>3</v>
      </c>
      <c r="AX32" s="260">
        <v>0</v>
      </c>
      <c r="AY32" s="261">
        <v>20</v>
      </c>
      <c r="AZ32" s="261">
        <v>17</v>
      </c>
      <c r="BA32" s="261">
        <v>20</v>
      </c>
      <c r="BB32" s="261">
        <v>25</v>
      </c>
      <c r="BC32" s="261">
        <v>7</v>
      </c>
      <c r="BD32" s="262">
        <v>89</v>
      </c>
      <c r="BE32" s="263">
        <v>92</v>
      </c>
      <c r="BF32" s="257">
        <v>0</v>
      </c>
      <c r="BG32" s="261">
        <v>0</v>
      </c>
      <c r="BH32" s="258">
        <v>0</v>
      </c>
      <c r="BI32" s="260">
        <v>0</v>
      </c>
      <c r="BJ32" s="261">
        <v>29</v>
      </c>
      <c r="BK32" s="261">
        <v>23</v>
      </c>
      <c r="BL32" s="261">
        <v>16</v>
      </c>
      <c r="BM32" s="261">
        <v>16</v>
      </c>
      <c r="BN32" s="261">
        <v>2</v>
      </c>
      <c r="BO32" s="258">
        <v>86</v>
      </c>
      <c r="BP32" s="263">
        <v>86</v>
      </c>
      <c r="BQ32" s="257">
        <v>0</v>
      </c>
      <c r="BR32" s="261">
        <v>3</v>
      </c>
      <c r="BS32" s="258">
        <v>3</v>
      </c>
      <c r="BT32" s="260">
        <v>0</v>
      </c>
      <c r="BU32" s="261">
        <v>6</v>
      </c>
      <c r="BV32" s="261">
        <v>7</v>
      </c>
      <c r="BW32" s="261">
        <v>7</v>
      </c>
      <c r="BX32" s="261">
        <v>4</v>
      </c>
      <c r="BY32" s="261">
        <v>0</v>
      </c>
      <c r="BZ32" s="258">
        <v>24</v>
      </c>
      <c r="CA32" s="263">
        <v>27</v>
      </c>
      <c r="CB32" s="257">
        <v>0</v>
      </c>
      <c r="CC32" s="261">
        <v>1</v>
      </c>
      <c r="CD32" s="258">
        <v>1</v>
      </c>
      <c r="CE32" s="260">
        <v>0</v>
      </c>
      <c r="CF32" s="261">
        <v>6</v>
      </c>
      <c r="CG32" s="261">
        <v>6</v>
      </c>
      <c r="CH32" s="261">
        <v>7</v>
      </c>
      <c r="CI32" s="261">
        <v>8</v>
      </c>
      <c r="CJ32" s="261">
        <v>1</v>
      </c>
      <c r="CK32" s="258">
        <v>28</v>
      </c>
      <c r="CL32" s="263">
        <v>29</v>
      </c>
      <c r="CM32" s="257">
        <v>0</v>
      </c>
      <c r="CN32" s="261">
        <v>0</v>
      </c>
      <c r="CO32" s="258">
        <v>0</v>
      </c>
      <c r="CP32" s="260">
        <v>0</v>
      </c>
      <c r="CQ32" s="261">
        <v>2</v>
      </c>
      <c r="CR32" s="261">
        <v>1</v>
      </c>
      <c r="CS32" s="261">
        <v>2</v>
      </c>
      <c r="CT32" s="261">
        <v>0</v>
      </c>
      <c r="CU32" s="261">
        <v>1</v>
      </c>
      <c r="CV32" s="258">
        <v>6</v>
      </c>
      <c r="CW32" s="263">
        <v>6</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42</v>
      </c>
      <c r="DU32" s="261">
        <v>25</v>
      </c>
      <c r="DV32" s="258">
        <v>67</v>
      </c>
      <c r="DW32" s="260">
        <v>0</v>
      </c>
      <c r="DX32" s="261">
        <v>48</v>
      </c>
      <c r="DY32" s="261">
        <v>47</v>
      </c>
      <c r="DZ32" s="261">
        <v>53</v>
      </c>
      <c r="EA32" s="261">
        <v>36</v>
      </c>
      <c r="EB32" s="261">
        <v>11</v>
      </c>
      <c r="EC32" s="258">
        <v>195</v>
      </c>
      <c r="ED32" s="263">
        <v>262</v>
      </c>
      <c r="EE32" s="257">
        <v>1</v>
      </c>
      <c r="EF32" s="261">
        <v>1</v>
      </c>
      <c r="EG32" s="258">
        <v>2</v>
      </c>
      <c r="EH32" s="260">
        <v>0</v>
      </c>
      <c r="EI32" s="261">
        <v>6</v>
      </c>
      <c r="EJ32" s="261">
        <v>7</v>
      </c>
      <c r="EK32" s="261">
        <v>5</v>
      </c>
      <c r="EL32" s="261">
        <v>3</v>
      </c>
      <c r="EM32" s="261">
        <v>1</v>
      </c>
      <c r="EN32" s="258">
        <v>22</v>
      </c>
      <c r="EO32" s="263">
        <v>24</v>
      </c>
      <c r="EP32" s="257">
        <v>44</v>
      </c>
      <c r="EQ32" s="261">
        <v>28</v>
      </c>
      <c r="ER32" s="258">
        <v>72</v>
      </c>
      <c r="ES32" s="260">
        <v>0</v>
      </c>
      <c r="ET32" s="261">
        <v>80</v>
      </c>
      <c r="EU32" s="261">
        <v>57</v>
      </c>
      <c r="EV32" s="261">
        <v>56</v>
      </c>
      <c r="EW32" s="261">
        <v>41</v>
      </c>
      <c r="EX32" s="261">
        <v>12</v>
      </c>
      <c r="EY32" s="258">
        <v>246</v>
      </c>
      <c r="EZ32" s="263">
        <v>318</v>
      </c>
    </row>
    <row r="33" spans="2:156" ht="21" customHeight="1" x14ac:dyDescent="0.2">
      <c r="B33" s="472" t="s">
        <v>31</v>
      </c>
      <c r="C33" s="257">
        <v>0</v>
      </c>
      <c r="D33" s="261">
        <v>0</v>
      </c>
      <c r="E33" s="358">
        <v>0</v>
      </c>
      <c r="F33" s="260">
        <v>0</v>
      </c>
      <c r="G33" s="261">
        <v>11</v>
      </c>
      <c r="H33" s="261">
        <v>11</v>
      </c>
      <c r="I33" s="261">
        <v>8</v>
      </c>
      <c r="J33" s="261">
        <v>8</v>
      </c>
      <c r="K33" s="261">
        <v>8</v>
      </c>
      <c r="L33" s="262">
        <v>46</v>
      </c>
      <c r="M33" s="263">
        <v>46</v>
      </c>
      <c r="N33" s="257">
        <v>0</v>
      </c>
      <c r="O33" s="261">
        <v>0</v>
      </c>
      <c r="P33" s="258">
        <v>0</v>
      </c>
      <c r="Q33" s="260">
        <v>0</v>
      </c>
      <c r="R33" s="261">
        <v>1</v>
      </c>
      <c r="S33" s="261">
        <v>1</v>
      </c>
      <c r="T33" s="261">
        <v>3</v>
      </c>
      <c r="U33" s="261">
        <v>9</v>
      </c>
      <c r="V33" s="261">
        <v>3</v>
      </c>
      <c r="W33" s="258">
        <v>17</v>
      </c>
      <c r="X33" s="263">
        <v>17</v>
      </c>
      <c r="Y33" s="257">
        <v>5</v>
      </c>
      <c r="Z33" s="261">
        <v>5</v>
      </c>
      <c r="AA33" s="258">
        <v>10</v>
      </c>
      <c r="AB33" s="260">
        <v>0</v>
      </c>
      <c r="AC33" s="261">
        <v>18</v>
      </c>
      <c r="AD33" s="261">
        <v>18</v>
      </c>
      <c r="AE33" s="261">
        <v>14</v>
      </c>
      <c r="AF33" s="261">
        <v>18</v>
      </c>
      <c r="AG33" s="261">
        <v>9</v>
      </c>
      <c r="AH33" s="258">
        <v>77</v>
      </c>
      <c r="AI33" s="263">
        <v>87</v>
      </c>
      <c r="AJ33" s="257">
        <v>1</v>
      </c>
      <c r="AK33" s="261">
        <v>2</v>
      </c>
      <c r="AL33" s="258">
        <v>3</v>
      </c>
      <c r="AM33" s="260">
        <v>0</v>
      </c>
      <c r="AN33" s="261">
        <v>2</v>
      </c>
      <c r="AO33" s="261">
        <v>2</v>
      </c>
      <c r="AP33" s="261">
        <v>3</v>
      </c>
      <c r="AQ33" s="261">
        <v>3</v>
      </c>
      <c r="AR33" s="261">
        <v>1</v>
      </c>
      <c r="AS33" s="258">
        <v>11</v>
      </c>
      <c r="AT33" s="263">
        <v>14</v>
      </c>
      <c r="AU33" s="257">
        <v>2</v>
      </c>
      <c r="AV33" s="261">
        <v>0</v>
      </c>
      <c r="AW33" s="258">
        <v>2</v>
      </c>
      <c r="AX33" s="260">
        <v>0</v>
      </c>
      <c r="AY33" s="261">
        <v>9</v>
      </c>
      <c r="AZ33" s="261">
        <v>17</v>
      </c>
      <c r="BA33" s="261">
        <v>13</v>
      </c>
      <c r="BB33" s="261">
        <v>13</v>
      </c>
      <c r="BC33" s="261">
        <v>11</v>
      </c>
      <c r="BD33" s="262">
        <v>63</v>
      </c>
      <c r="BE33" s="263">
        <v>65</v>
      </c>
      <c r="BF33" s="257">
        <v>0</v>
      </c>
      <c r="BG33" s="261">
        <v>0</v>
      </c>
      <c r="BH33" s="258">
        <v>0</v>
      </c>
      <c r="BI33" s="260">
        <v>0</v>
      </c>
      <c r="BJ33" s="261">
        <v>39</v>
      </c>
      <c r="BK33" s="261">
        <v>40</v>
      </c>
      <c r="BL33" s="261">
        <v>17</v>
      </c>
      <c r="BM33" s="261">
        <v>16</v>
      </c>
      <c r="BN33" s="261">
        <v>3</v>
      </c>
      <c r="BO33" s="258">
        <v>115</v>
      </c>
      <c r="BP33" s="263">
        <v>115</v>
      </c>
      <c r="BQ33" s="257">
        <v>0</v>
      </c>
      <c r="BR33" s="261">
        <v>0</v>
      </c>
      <c r="BS33" s="258">
        <v>0</v>
      </c>
      <c r="BT33" s="260">
        <v>0</v>
      </c>
      <c r="BU33" s="261">
        <v>4</v>
      </c>
      <c r="BV33" s="261">
        <v>6</v>
      </c>
      <c r="BW33" s="261">
        <v>5</v>
      </c>
      <c r="BX33" s="261">
        <v>3</v>
      </c>
      <c r="BY33" s="261">
        <v>1</v>
      </c>
      <c r="BZ33" s="258">
        <v>19</v>
      </c>
      <c r="CA33" s="263">
        <v>19</v>
      </c>
      <c r="CB33" s="257">
        <v>0</v>
      </c>
      <c r="CC33" s="261">
        <v>0</v>
      </c>
      <c r="CD33" s="258">
        <v>0</v>
      </c>
      <c r="CE33" s="260">
        <v>0</v>
      </c>
      <c r="CF33" s="261">
        <v>7</v>
      </c>
      <c r="CG33" s="261">
        <v>5</v>
      </c>
      <c r="CH33" s="261">
        <v>9</v>
      </c>
      <c r="CI33" s="261">
        <v>7</v>
      </c>
      <c r="CJ33" s="261">
        <v>1</v>
      </c>
      <c r="CK33" s="258">
        <v>29</v>
      </c>
      <c r="CL33" s="263">
        <v>29</v>
      </c>
      <c r="CM33" s="257">
        <v>0</v>
      </c>
      <c r="CN33" s="261">
        <v>0</v>
      </c>
      <c r="CO33" s="258">
        <v>0</v>
      </c>
      <c r="CP33" s="260">
        <v>0</v>
      </c>
      <c r="CQ33" s="261">
        <v>0</v>
      </c>
      <c r="CR33" s="261">
        <v>1</v>
      </c>
      <c r="CS33" s="261">
        <v>0</v>
      </c>
      <c r="CT33" s="261">
        <v>1</v>
      </c>
      <c r="CU33" s="261">
        <v>1</v>
      </c>
      <c r="CV33" s="258">
        <v>3</v>
      </c>
      <c r="CW33" s="263">
        <v>3</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0</v>
      </c>
      <c r="DU33" s="261">
        <v>56</v>
      </c>
      <c r="DV33" s="258">
        <v>76</v>
      </c>
      <c r="DW33" s="260">
        <v>0</v>
      </c>
      <c r="DX33" s="261">
        <v>56</v>
      </c>
      <c r="DY33" s="261">
        <v>59</v>
      </c>
      <c r="DZ33" s="261">
        <v>43</v>
      </c>
      <c r="EA33" s="261">
        <v>33</v>
      </c>
      <c r="EB33" s="261">
        <v>14</v>
      </c>
      <c r="EC33" s="258">
        <v>205</v>
      </c>
      <c r="ED33" s="263">
        <v>281</v>
      </c>
      <c r="EE33" s="257">
        <v>1</v>
      </c>
      <c r="EF33" s="261">
        <v>1</v>
      </c>
      <c r="EG33" s="258">
        <v>2</v>
      </c>
      <c r="EH33" s="260">
        <v>0</v>
      </c>
      <c r="EI33" s="261">
        <v>7</v>
      </c>
      <c r="EJ33" s="261">
        <v>7</v>
      </c>
      <c r="EK33" s="261">
        <v>5</v>
      </c>
      <c r="EL33" s="261">
        <v>4</v>
      </c>
      <c r="EM33" s="261">
        <v>0</v>
      </c>
      <c r="EN33" s="258">
        <v>23</v>
      </c>
      <c r="EO33" s="263">
        <v>25</v>
      </c>
      <c r="EP33" s="257">
        <v>24</v>
      </c>
      <c r="EQ33" s="261">
        <v>60</v>
      </c>
      <c r="ER33" s="258">
        <v>84</v>
      </c>
      <c r="ES33" s="260">
        <v>0</v>
      </c>
      <c r="ET33" s="261">
        <v>96</v>
      </c>
      <c r="EU33" s="261">
        <v>83</v>
      </c>
      <c r="EV33" s="261">
        <v>46</v>
      </c>
      <c r="EW33" s="261">
        <v>35</v>
      </c>
      <c r="EX33" s="261">
        <v>14</v>
      </c>
      <c r="EY33" s="258">
        <v>274</v>
      </c>
      <c r="EZ33" s="263">
        <v>358</v>
      </c>
    </row>
    <row r="34" spans="2:156" ht="21" customHeight="1" x14ac:dyDescent="0.2">
      <c r="B34" s="472" t="s">
        <v>32</v>
      </c>
      <c r="C34" s="257">
        <v>0</v>
      </c>
      <c r="D34" s="261">
        <v>0</v>
      </c>
      <c r="E34" s="358">
        <v>0</v>
      </c>
      <c r="F34" s="260">
        <v>0</v>
      </c>
      <c r="G34" s="261">
        <v>29</v>
      </c>
      <c r="H34" s="261">
        <v>23</v>
      </c>
      <c r="I34" s="261">
        <v>17</v>
      </c>
      <c r="J34" s="261">
        <v>14</v>
      </c>
      <c r="K34" s="261">
        <v>12</v>
      </c>
      <c r="L34" s="262">
        <v>95</v>
      </c>
      <c r="M34" s="263">
        <v>95</v>
      </c>
      <c r="N34" s="257">
        <v>0</v>
      </c>
      <c r="O34" s="261">
        <v>0</v>
      </c>
      <c r="P34" s="258">
        <v>0</v>
      </c>
      <c r="Q34" s="260">
        <v>0</v>
      </c>
      <c r="R34" s="261">
        <v>0</v>
      </c>
      <c r="S34" s="261">
        <v>0</v>
      </c>
      <c r="T34" s="261">
        <v>2</v>
      </c>
      <c r="U34" s="261">
        <v>3</v>
      </c>
      <c r="V34" s="261">
        <v>7</v>
      </c>
      <c r="W34" s="258">
        <v>12</v>
      </c>
      <c r="X34" s="263">
        <v>12</v>
      </c>
      <c r="Y34" s="257">
        <v>2</v>
      </c>
      <c r="Z34" s="261">
        <v>7</v>
      </c>
      <c r="AA34" s="258">
        <v>9</v>
      </c>
      <c r="AB34" s="260">
        <v>0</v>
      </c>
      <c r="AC34" s="261">
        <v>33</v>
      </c>
      <c r="AD34" s="261">
        <v>27</v>
      </c>
      <c r="AE34" s="261">
        <v>17</v>
      </c>
      <c r="AF34" s="261">
        <v>15</v>
      </c>
      <c r="AG34" s="261">
        <v>8</v>
      </c>
      <c r="AH34" s="258">
        <v>100</v>
      </c>
      <c r="AI34" s="263">
        <v>109</v>
      </c>
      <c r="AJ34" s="257">
        <v>0</v>
      </c>
      <c r="AK34" s="261">
        <v>0</v>
      </c>
      <c r="AL34" s="258">
        <v>0</v>
      </c>
      <c r="AM34" s="260">
        <v>0</v>
      </c>
      <c r="AN34" s="261">
        <v>4</v>
      </c>
      <c r="AO34" s="261">
        <v>2</v>
      </c>
      <c r="AP34" s="261">
        <v>1</v>
      </c>
      <c r="AQ34" s="261">
        <v>1</v>
      </c>
      <c r="AR34" s="261">
        <v>2</v>
      </c>
      <c r="AS34" s="258">
        <v>10</v>
      </c>
      <c r="AT34" s="263">
        <v>10</v>
      </c>
      <c r="AU34" s="257">
        <v>3</v>
      </c>
      <c r="AV34" s="261">
        <v>0</v>
      </c>
      <c r="AW34" s="258">
        <v>3</v>
      </c>
      <c r="AX34" s="260">
        <v>0</v>
      </c>
      <c r="AY34" s="261">
        <v>18</v>
      </c>
      <c r="AZ34" s="261">
        <v>23</v>
      </c>
      <c r="BA34" s="261">
        <v>21</v>
      </c>
      <c r="BB34" s="261">
        <v>28</v>
      </c>
      <c r="BC34" s="261">
        <v>22</v>
      </c>
      <c r="BD34" s="262">
        <v>112</v>
      </c>
      <c r="BE34" s="263">
        <v>115</v>
      </c>
      <c r="BF34" s="257">
        <v>0</v>
      </c>
      <c r="BG34" s="261">
        <v>0</v>
      </c>
      <c r="BH34" s="258">
        <v>0</v>
      </c>
      <c r="BI34" s="260">
        <v>0</v>
      </c>
      <c r="BJ34" s="261">
        <v>49</v>
      </c>
      <c r="BK34" s="261">
        <v>49</v>
      </c>
      <c r="BL34" s="261">
        <v>24</v>
      </c>
      <c r="BM34" s="261">
        <v>15</v>
      </c>
      <c r="BN34" s="261">
        <v>3</v>
      </c>
      <c r="BO34" s="258">
        <v>140</v>
      </c>
      <c r="BP34" s="263">
        <v>140</v>
      </c>
      <c r="BQ34" s="257">
        <v>0</v>
      </c>
      <c r="BR34" s="261">
        <v>0</v>
      </c>
      <c r="BS34" s="258">
        <v>0</v>
      </c>
      <c r="BT34" s="260">
        <v>0</v>
      </c>
      <c r="BU34" s="261">
        <v>5</v>
      </c>
      <c r="BV34" s="261">
        <v>14</v>
      </c>
      <c r="BW34" s="261">
        <v>5</v>
      </c>
      <c r="BX34" s="261">
        <v>6</v>
      </c>
      <c r="BY34" s="261">
        <v>2</v>
      </c>
      <c r="BZ34" s="258">
        <v>32</v>
      </c>
      <c r="CA34" s="263">
        <v>32</v>
      </c>
      <c r="CB34" s="257">
        <v>0</v>
      </c>
      <c r="CC34" s="261">
        <v>1</v>
      </c>
      <c r="CD34" s="258">
        <v>1</v>
      </c>
      <c r="CE34" s="260">
        <v>0</v>
      </c>
      <c r="CF34" s="261">
        <v>4</v>
      </c>
      <c r="CG34" s="261">
        <v>11</v>
      </c>
      <c r="CH34" s="261">
        <v>8</v>
      </c>
      <c r="CI34" s="261">
        <v>4</v>
      </c>
      <c r="CJ34" s="261">
        <v>2</v>
      </c>
      <c r="CK34" s="258">
        <v>29</v>
      </c>
      <c r="CL34" s="263">
        <v>30</v>
      </c>
      <c r="CM34" s="257">
        <v>0</v>
      </c>
      <c r="CN34" s="261">
        <v>0</v>
      </c>
      <c r="CO34" s="258">
        <v>0</v>
      </c>
      <c r="CP34" s="260">
        <v>0</v>
      </c>
      <c r="CQ34" s="261">
        <v>2</v>
      </c>
      <c r="CR34" s="261">
        <v>2</v>
      </c>
      <c r="CS34" s="261">
        <v>2</v>
      </c>
      <c r="CT34" s="261">
        <v>1</v>
      </c>
      <c r="CU34" s="261">
        <v>0</v>
      </c>
      <c r="CV34" s="258">
        <v>7</v>
      </c>
      <c r="CW34" s="263">
        <v>7</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9</v>
      </c>
      <c r="DU34" s="261">
        <v>46</v>
      </c>
      <c r="DV34" s="258">
        <v>65</v>
      </c>
      <c r="DW34" s="260">
        <v>0</v>
      </c>
      <c r="DX34" s="261">
        <v>68</v>
      </c>
      <c r="DY34" s="261">
        <v>82</v>
      </c>
      <c r="DZ34" s="261">
        <v>49</v>
      </c>
      <c r="EA34" s="261">
        <v>33</v>
      </c>
      <c r="EB34" s="261">
        <v>18</v>
      </c>
      <c r="EC34" s="258">
        <v>250</v>
      </c>
      <c r="ED34" s="263">
        <v>315</v>
      </c>
      <c r="EE34" s="257">
        <v>3</v>
      </c>
      <c r="EF34" s="261">
        <v>3</v>
      </c>
      <c r="EG34" s="258">
        <v>6</v>
      </c>
      <c r="EH34" s="260">
        <v>0</v>
      </c>
      <c r="EI34" s="261">
        <v>7</v>
      </c>
      <c r="EJ34" s="261">
        <v>7</v>
      </c>
      <c r="EK34" s="261">
        <v>8</v>
      </c>
      <c r="EL34" s="261">
        <v>10</v>
      </c>
      <c r="EM34" s="261">
        <v>5</v>
      </c>
      <c r="EN34" s="258">
        <v>37</v>
      </c>
      <c r="EO34" s="263">
        <v>43</v>
      </c>
      <c r="EP34" s="257">
        <v>20</v>
      </c>
      <c r="EQ34" s="261">
        <v>48</v>
      </c>
      <c r="ER34" s="258">
        <v>68</v>
      </c>
      <c r="ES34" s="260">
        <v>0</v>
      </c>
      <c r="ET34" s="261">
        <v>135</v>
      </c>
      <c r="EU34" s="261">
        <v>117</v>
      </c>
      <c r="EV34" s="261">
        <v>60</v>
      </c>
      <c r="EW34" s="261">
        <v>32</v>
      </c>
      <c r="EX34" s="261">
        <v>20</v>
      </c>
      <c r="EY34" s="258">
        <v>364</v>
      </c>
      <c r="EZ34" s="263">
        <v>432</v>
      </c>
    </row>
    <row r="35" spans="2:156" ht="21" customHeight="1" x14ac:dyDescent="0.2">
      <c r="B35" s="472" t="s">
        <v>33</v>
      </c>
      <c r="C35" s="257">
        <v>0</v>
      </c>
      <c r="D35" s="261">
        <v>0</v>
      </c>
      <c r="E35" s="358">
        <v>0</v>
      </c>
      <c r="F35" s="260">
        <v>0</v>
      </c>
      <c r="G35" s="261">
        <v>17</v>
      </c>
      <c r="H35" s="261">
        <v>15</v>
      </c>
      <c r="I35" s="261">
        <v>9</v>
      </c>
      <c r="J35" s="261">
        <v>7</v>
      </c>
      <c r="K35" s="261">
        <v>10</v>
      </c>
      <c r="L35" s="262">
        <v>58</v>
      </c>
      <c r="M35" s="263">
        <v>58</v>
      </c>
      <c r="N35" s="257">
        <v>0</v>
      </c>
      <c r="O35" s="261">
        <v>0</v>
      </c>
      <c r="P35" s="258">
        <v>0</v>
      </c>
      <c r="Q35" s="260">
        <v>0</v>
      </c>
      <c r="R35" s="261">
        <v>0</v>
      </c>
      <c r="S35" s="261">
        <v>0</v>
      </c>
      <c r="T35" s="261">
        <v>1</v>
      </c>
      <c r="U35" s="261">
        <v>3</v>
      </c>
      <c r="V35" s="261">
        <v>4</v>
      </c>
      <c r="W35" s="258">
        <v>8</v>
      </c>
      <c r="X35" s="263">
        <v>8</v>
      </c>
      <c r="Y35" s="257">
        <v>0</v>
      </c>
      <c r="Z35" s="261">
        <v>3</v>
      </c>
      <c r="AA35" s="258">
        <v>3</v>
      </c>
      <c r="AB35" s="260">
        <v>0</v>
      </c>
      <c r="AC35" s="261">
        <v>17</v>
      </c>
      <c r="AD35" s="261">
        <v>15</v>
      </c>
      <c r="AE35" s="261">
        <v>4</v>
      </c>
      <c r="AF35" s="261">
        <v>6</v>
      </c>
      <c r="AG35" s="261">
        <v>6</v>
      </c>
      <c r="AH35" s="258">
        <v>48</v>
      </c>
      <c r="AI35" s="263">
        <v>51</v>
      </c>
      <c r="AJ35" s="257">
        <v>13</v>
      </c>
      <c r="AK35" s="261">
        <v>20</v>
      </c>
      <c r="AL35" s="258">
        <v>33</v>
      </c>
      <c r="AM35" s="260">
        <v>0</v>
      </c>
      <c r="AN35" s="261">
        <v>36</v>
      </c>
      <c r="AO35" s="261">
        <v>20</v>
      </c>
      <c r="AP35" s="261">
        <v>8</v>
      </c>
      <c r="AQ35" s="261">
        <v>3</v>
      </c>
      <c r="AR35" s="261">
        <v>3</v>
      </c>
      <c r="AS35" s="258">
        <v>70</v>
      </c>
      <c r="AT35" s="263">
        <v>103</v>
      </c>
      <c r="AU35" s="257">
        <v>6</v>
      </c>
      <c r="AV35" s="261">
        <v>9</v>
      </c>
      <c r="AW35" s="258">
        <v>15</v>
      </c>
      <c r="AX35" s="260">
        <v>0</v>
      </c>
      <c r="AY35" s="261">
        <v>31</v>
      </c>
      <c r="AZ35" s="261">
        <v>36</v>
      </c>
      <c r="BA35" s="261">
        <v>37</v>
      </c>
      <c r="BB35" s="261">
        <v>13</v>
      </c>
      <c r="BC35" s="261">
        <v>17</v>
      </c>
      <c r="BD35" s="262">
        <v>134</v>
      </c>
      <c r="BE35" s="263">
        <v>149</v>
      </c>
      <c r="BF35" s="257">
        <v>0</v>
      </c>
      <c r="BG35" s="261">
        <v>0</v>
      </c>
      <c r="BH35" s="258">
        <v>0</v>
      </c>
      <c r="BI35" s="260">
        <v>0</v>
      </c>
      <c r="BJ35" s="261">
        <v>7</v>
      </c>
      <c r="BK35" s="261">
        <v>10</v>
      </c>
      <c r="BL35" s="261">
        <v>5</v>
      </c>
      <c r="BM35" s="261">
        <v>4</v>
      </c>
      <c r="BN35" s="261">
        <v>3</v>
      </c>
      <c r="BO35" s="258">
        <v>29</v>
      </c>
      <c r="BP35" s="263">
        <v>29</v>
      </c>
      <c r="BQ35" s="257">
        <v>5</v>
      </c>
      <c r="BR35" s="261">
        <v>16</v>
      </c>
      <c r="BS35" s="258">
        <v>21</v>
      </c>
      <c r="BT35" s="260">
        <v>0</v>
      </c>
      <c r="BU35" s="261">
        <v>32</v>
      </c>
      <c r="BV35" s="261">
        <v>19</v>
      </c>
      <c r="BW35" s="261">
        <v>9</v>
      </c>
      <c r="BX35" s="261">
        <v>2</v>
      </c>
      <c r="BY35" s="261">
        <v>1</v>
      </c>
      <c r="BZ35" s="258">
        <v>63</v>
      </c>
      <c r="CA35" s="263">
        <v>84</v>
      </c>
      <c r="CB35" s="257">
        <v>0</v>
      </c>
      <c r="CC35" s="261">
        <v>1</v>
      </c>
      <c r="CD35" s="258">
        <v>1</v>
      </c>
      <c r="CE35" s="260">
        <v>0</v>
      </c>
      <c r="CF35" s="261">
        <v>3</v>
      </c>
      <c r="CG35" s="261">
        <v>7</v>
      </c>
      <c r="CH35" s="261">
        <v>6</v>
      </c>
      <c r="CI35" s="261">
        <v>3</v>
      </c>
      <c r="CJ35" s="261">
        <v>1</v>
      </c>
      <c r="CK35" s="258">
        <v>20</v>
      </c>
      <c r="CL35" s="263">
        <v>21</v>
      </c>
      <c r="CM35" s="257">
        <v>0</v>
      </c>
      <c r="CN35" s="261">
        <v>0</v>
      </c>
      <c r="CO35" s="258">
        <v>0</v>
      </c>
      <c r="CP35" s="260">
        <v>0</v>
      </c>
      <c r="CQ35" s="261">
        <v>2</v>
      </c>
      <c r="CR35" s="261">
        <v>1</v>
      </c>
      <c r="CS35" s="261">
        <v>1</v>
      </c>
      <c r="CT35" s="261">
        <v>0</v>
      </c>
      <c r="CU35" s="261">
        <v>0</v>
      </c>
      <c r="CV35" s="258">
        <v>4</v>
      </c>
      <c r="CW35" s="263">
        <v>4</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23</v>
      </c>
      <c r="DU35" s="261">
        <v>39</v>
      </c>
      <c r="DV35" s="258">
        <v>62</v>
      </c>
      <c r="DW35" s="260">
        <v>0</v>
      </c>
      <c r="DX35" s="261">
        <v>62</v>
      </c>
      <c r="DY35" s="261">
        <v>45</v>
      </c>
      <c r="DZ35" s="261">
        <v>26</v>
      </c>
      <c r="EA35" s="261">
        <v>16</v>
      </c>
      <c r="EB35" s="261">
        <v>20</v>
      </c>
      <c r="EC35" s="258">
        <v>169</v>
      </c>
      <c r="ED35" s="263">
        <v>231</v>
      </c>
      <c r="EE35" s="257">
        <v>3</v>
      </c>
      <c r="EF35" s="261">
        <v>4</v>
      </c>
      <c r="EG35" s="258">
        <v>7</v>
      </c>
      <c r="EH35" s="260">
        <v>0</v>
      </c>
      <c r="EI35" s="261">
        <v>13</v>
      </c>
      <c r="EJ35" s="261">
        <v>18</v>
      </c>
      <c r="EK35" s="261">
        <v>17</v>
      </c>
      <c r="EL35" s="261">
        <v>6</v>
      </c>
      <c r="EM35" s="261">
        <v>5</v>
      </c>
      <c r="EN35" s="258">
        <v>59</v>
      </c>
      <c r="EO35" s="263">
        <v>66</v>
      </c>
      <c r="EP35" s="257">
        <v>33</v>
      </c>
      <c r="EQ35" s="261">
        <v>58</v>
      </c>
      <c r="ER35" s="258">
        <v>91</v>
      </c>
      <c r="ES35" s="260">
        <v>0</v>
      </c>
      <c r="ET35" s="261">
        <v>106</v>
      </c>
      <c r="EU35" s="261">
        <v>63</v>
      </c>
      <c r="EV35" s="261">
        <v>36</v>
      </c>
      <c r="EW35" s="261">
        <v>15</v>
      </c>
      <c r="EX35" s="261">
        <v>19</v>
      </c>
      <c r="EY35" s="258">
        <v>239</v>
      </c>
      <c r="EZ35" s="263">
        <v>330</v>
      </c>
    </row>
    <row r="36" spans="2:156" ht="21" customHeight="1" x14ac:dyDescent="0.2">
      <c r="B36" s="472" t="s">
        <v>34</v>
      </c>
      <c r="C36" s="257">
        <v>0</v>
      </c>
      <c r="D36" s="261">
        <v>0</v>
      </c>
      <c r="E36" s="358">
        <v>0</v>
      </c>
      <c r="F36" s="260">
        <v>0</v>
      </c>
      <c r="G36" s="261">
        <v>14</v>
      </c>
      <c r="H36" s="261">
        <v>10</v>
      </c>
      <c r="I36" s="261">
        <v>6</v>
      </c>
      <c r="J36" s="261">
        <v>8</v>
      </c>
      <c r="K36" s="261">
        <v>3</v>
      </c>
      <c r="L36" s="262">
        <v>41</v>
      </c>
      <c r="M36" s="263">
        <v>41</v>
      </c>
      <c r="N36" s="257">
        <v>0</v>
      </c>
      <c r="O36" s="261">
        <v>0</v>
      </c>
      <c r="P36" s="258">
        <v>0</v>
      </c>
      <c r="Q36" s="260">
        <v>0</v>
      </c>
      <c r="R36" s="261">
        <v>0</v>
      </c>
      <c r="S36" s="261">
        <v>1</v>
      </c>
      <c r="T36" s="261">
        <v>0</v>
      </c>
      <c r="U36" s="261">
        <v>1</v>
      </c>
      <c r="V36" s="261">
        <v>6</v>
      </c>
      <c r="W36" s="258">
        <v>8</v>
      </c>
      <c r="X36" s="263">
        <v>8</v>
      </c>
      <c r="Y36" s="257">
        <v>1</v>
      </c>
      <c r="Z36" s="261">
        <v>7</v>
      </c>
      <c r="AA36" s="258">
        <v>8</v>
      </c>
      <c r="AB36" s="260">
        <v>0</v>
      </c>
      <c r="AC36" s="261">
        <v>13</v>
      </c>
      <c r="AD36" s="261">
        <v>15</v>
      </c>
      <c r="AE36" s="261">
        <v>8</v>
      </c>
      <c r="AF36" s="261">
        <v>9</v>
      </c>
      <c r="AG36" s="261">
        <v>7</v>
      </c>
      <c r="AH36" s="258">
        <v>52</v>
      </c>
      <c r="AI36" s="263">
        <v>60</v>
      </c>
      <c r="AJ36" s="257">
        <v>0</v>
      </c>
      <c r="AK36" s="261">
        <v>0</v>
      </c>
      <c r="AL36" s="258">
        <v>0</v>
      </c>
      <c r="AM36" s="260">
        <v>0</v>
      </c>
      <c r="AN36" s="261">
        <v>4</v>
      </c>
      <c r="AO36" s="261">
        <v>6</v>
      </c>
      <c r="AP36" s="261">
        <v>2</v>
      </c>
      <c r="AQ36" s="261">
        <v>1</v>
      </c>
      <c r="AR36" s="261">
        <v>1</v>
      </c>
      <c r="AS36" s="258">
        <v>14</v>
      </c>
      <c r="AT36" s="263">
        <v>14</v>
      </c>
      <c r="AU36" s="257">
        <v>6</v>
      </c>
      <c r="AV36" s="261">
        <v>3</v>
      </c>
      <c r="AW36" s="258">
        <v>9</v>
      </c>
      <c r="AX36" s="260">
        <v>0</v>
      </c>
      <c r="AY36" s="261">
        <v>33</v>
      </c>
      <c r="AZ36" s="261">
        <v>23</v>
      </c>
      <c r="BA36" s="261">
        <v>17</v>
      </c>
      <c r="BB36" s="261">
        <v>24</v>
      </c>
      <c r="BC36" s="261">
        <v>16</v>
      </c>
      <c r="BD36" s="262">
        <v>113</v>
      </c>
      <c r="BE36" s="263">
        <v>122</v>
      </c>
      <c r="BF36" s="257">
        <v>0</v>
      </c>
      <c r="BG36" s="261">
        <v>0</v>
      </c>
      <c r="BH36" s="258">
        <v>0</v>
      </c>
      <c r="BI36" s="260">
        <v>0</v>
      </c>
      <c r="BJ36" s="261">
        <v>26</v>
      </c>
      <c r="BK36" s="261">
        <v>19</v>
      </c>
      <c r="BL36" s="261">
        <v>13</v>
      </c>
      <c r="BM36" s="261">
        <v>13</v>
      </c>
      <c r="BN36" s="261">
        <v>1</v>
      </c>
      <c r="BO36" s="258">
        <v>72</v>
      </c>
      <c r="BP36" s="263">
        <v>72</v>
      </c>
      <c r="BQ36" s="257">
        <v>1</v>
      </c>
      <c r="BR36" s="261">
        <v>3</v>
      </c>
      <c r="BS36" s="258">
        <v>4</v>
      </c>
      <c r="BT36" s="260">
        <v>0</v>
      </c>
      <c r="BU36" s="261">
        <v>8</v>
      </c>
      <c r="BV36" s="261">
        <v>2</v>
      </c>
      <c r="BW36" s="261">
        <v>2</v>
      </c>
      <c r="BX36" s="261">
        <v>5</v>
      </c>
      <c r="BY36" s="261">
        <v>0</v>
      </c>
      <c r="BZ36" s="258">
        <v>17</v>
      </c>
      <c r="CA36" s="263">
        <v>21</v>
      </c>
      <c r="CB36" s="257">
        <v>0</v>
      </c>
      <c r="CC36" s="261">
        <v>0</v>
      </c>
      <c r="CD36" s="258">
        <v>0</v>
      </c>
      <c r="CE36" s="260">
        <v>0</v>
      </c>
      <c r="CF36" s="261">
        <v>4</v>
      </c>
      <c r="CG36" s="261">
        <v>2</v>
      </c>
      <c r="CH36" s="261">
        <v>3</v>
      </c>
      <c r="CI36" s="261">
        <v>4</v>
      </c>
      <c r="CJ36" s="261">
        <v>4</v>
      </c>
      <c r="CK36" s="258">
        <v>17</v>
      </c>
      <c r="CL36" s="263">
        <v>17</v>
      </c>
      <c r="CM36" s="257">
        <v>0</v>
      </c>
      <c r="CN36" s="261">
        <v>0</v>
      </c>
      <c r="CO36" s="258">
        <v>0</v>
      </c>
      <c r="CP36" s="260">
        <v>0</v>
      </c>
      <c r="CQ36" s="261">
        <v>1</v>
      </c>
      <c r="CR36" s="261">
        <v>0</v>
      </c>
      <c r="CS36" s="261">
        <v>0</v>
      </c>
      <c r="CT36" s="261">
        <v>0</v>
      </c>
      <c r="CU36" s="261">
        <v>0</v>
      </c>
      <c r="CV36" s="258">
        <v>1</v>
      </c>
      <c r="CW36" s="263">
        <v>1</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15</v>
      </c>
      <c r="DU36" s="261">
        <v>20</v>
      </c>
      <c r="DV36" s="258">
        <v>35</v>
      </c>
      <c r="DW36" s="260">
        <v>0</v>
      </c>
      <c r="DX36" s="261">
        <v>40</v>
      </c>
      <c r="DY36" s="261">
        <v>49</v>
      </c>
      <c r="DZ36" s="261">
        <v>26</v>
      </c>
      <c r="EA36" s="261">
        <v>25</v>
      </c>
      <c r="EB36" s="261">
        <v>12</v>
      </c>
      <c r="EC36" s="258">
        <v>152</v>
      </c>
      <c r="ED36" s="263">
        <v>187</v>
      </c>
      <c r="EE36" s="257">
        <v>3</v>
      </c>
      <c r="EF36" s="261">
        <v>2</v>
      </c>
      <c r="EG36" s="258">
        <v>5</v>
      </c>
      <c r="EH36" s="260">
        <v>0</v>
      </c>
      <c r="EI36" s="261">
        <v>14</v>
      </c>
      <c r="EJ36" s="261">
        <v>5</v>
      </c>
      <c r="EK36" s="261">
        <v>4</v>
      </c>
      <c r="EL36" s="261">
        <v>9</v>
      </c>
      <c r="EM36" s="261">
        <v>4</v>
      </c>
      <c r="EN36" s="258">
        <v>36</v>
      </c>
      <c r="EO36" s="263">
        <v>41</v>
      </c>
      <c r="EP36" s="257">
        <v>16</v>
      </c>
      <c r="EQ36" s="261">
        <v>24</v>
      </c>
      <c r="ER36" s="258">
        <v>40</v>
      </c>
      <c r="ES36" s="260">
        <v>0</v>
      </c>
      <c r="ET36" s="261">
        <v>70</v>
      </c>
      <c r="EU36" s="261">
        <v>54</v>
      </c>
      <c r="EV36" s="261">
        <v>24</v>
      </c>
      <c r="EW36" s="261">
        <v>25</v>
      </c>
      <c r="EX36" s="261">
        <v>10</v>
      </c>
      <c r="EY36" s="258">
        <v>183</v>
      </c>
      <c r="EZ36" s="263">
        <v>223</v>
      </c>
    </row>
    <row r="37" spans="2:156" ht="21" customHeight="1" x14ac:dyDescent="0.2">
      <c r="B37" s="472" t="s">
        <v>35</v>
      </c>
      <c r="C37" s="257">
        <v>0</v>
      </c>
      <c r="D37" s="261">
        <v>0</v>
      </c>
      <c r="E37" s="358">
        <v>0</v>
      </c>
      <c r="F37" s="260">
        <v>0</v>
      </c>
      <c r="G37" s="261">
        <v>111</v>
      </c>
      <c r="H37" s="261">
        <v>53</v>
      </c>
      <c r="I37" s="261">
        <v>43</v>
      </c>
      <c r="J37" s="261">
        <v>40</v>
      </c>
      <c r="K37" s="261">
        <v>16</v>
      </c>
      <c r="L37" s="262">
        <v>263</v>
      </c>
      <c r="M37" s="263">
        <v>263</v>
      </c>
      <c r="N37" s="257">
        <v>0</v>
      </c>
      <c r="O37" s="261">
        <v>0</v>
      </c>
      <c r="P37" s="258">
        <v>0</v>
      </c>
      <c r="Q37" s="260">
        <v>0</v>
      </c>
      <c r="R37" s="261">
        <v>0</v>
      </c>
      <c r="S37" s="261">
        <v>3</v>
      </c>
      <c r="T37" s="261">
        <v>4</v>
      </c>
      <c r="U37" s="261">
        <v>11</v>
      </c>
      <c r="V37" s="261">
        <v>10</v>
      </c>
      <c r="W37" s="258">
        <v>28</v>
      </c>
      <c r="X37" s="263">
        <v>28</v>
      </c>
      <c r="Y37" s="257">
        <v>4</v>
      </c>
      <c r="Z37" s="261">
        <v>12</v>
      </c>
      <c r="AA37" s="258">
        <v>16</v>
      </c>
      <c r="AB37" s="260">
        <v>0</v>
      </c>
      <c r="AC37" s="261">
        <v>52</v>
      </c>
      <c r="AD37" s="261">
        <v>34</v>
      </c>
      <c r="AE37" s="261">
        <v>32</v>
      </c>
      <c r="AF37" s="261">
        <v>32</v>
      </c>
      <c r="AG37" s="261">
        <v>17</v>
      </c>
      <c r="AH37" s="258">
        <v>167</v>
      </c>
      <c r="AI37" s="263">
        <v>183</v>
      </c>
      <c r="AJ37" s="257">
        <v>4</v>
      </c>
      <c r="AK37" s="261">
        <v>12</v>
      </c>
      <c r="AL37" s="258">
        <v>16</v>
      </c>
      <c r="AM37" s="260">
        <v>0</v>
      </c>
      <c r="AN37" s="261">
        <v>23</v>
      </c>
      <c r="AO37" s="261">
        <v>12</v>
      </c>
      <c r="AP37" s="261">
        <v>5</v>
      </c>
      <c r="AQ37" s="261">
        <v>10</v>
      </c>
      <c r="AR37" s="261">
        <v>4</v>
      </c>
      <c r="AS37" s="258">
        <v>54</v>
      </c>
      <c r="AT37" s="263">
        <v>70</v>
      </c>
      <c r="AU37" s="257">
        <v>20</v>
      </c>
      <c r="AV37" s="261">
        <v>25</v>
      </c>
      <c r="AW37" s="258">
        <v>45</v>
      </c>
      <c r="AX37" s="260">
        <v>0</v>
      </c>
      <c r="AY37" s="261">
        <v>99</v>
      </c>
      <c r="AZ37" s="261">
        <v>78</v>
      </c>
      <c r="BA37" s="261">
        <v>78</v>
      </c>
      <c r="BB37" s="261">
        <v>92</v>
      </c>
      <c r="BC37" s="261">
        <v>40</v>
      </c>
      <c r="BD37" s="262">
        <v>387</v>
      </c>
      <c r="BE37" s="263">
        <v>432</v>
      </c>
      <c r="BF37" s="257">
        <v>0</v>
      </c>
      <c r="BG37" s="261">
        <v>0</v>
      </c>
      <c r="BH37" s="258">
        <v>0</v>
      </c>
      <c r="BI37" s="260">
        <v>0</v>
      </c>
      <c r="BJ37" s="261">
        <v>143</v>
      </c>
      <c r="BK37" s="261">
        <v>77</v>
      </c>
      <c r="BL37" s="261">
        <v>43</v>
      </c>
      <c r="BM37" s="261">
        <v>34</v>
      </c>
      <c r="BN37" s="261">
        <v>11</v>
      </c>
      <c r="BO37" s="258">
        <v>308</v>
      </c>
      <c r="BP37" s="263">
        <v>308</v>
      </c>
      <c r="BQ37" s="257">
        <v>8</v>
      </c>
      <c r="BR37" s="261">
        <v>19</v>
      </c>
      <c r="BS37" s="258">
        <v>27</v>
      </c>
      <c r="BT37" s="260">
        <v>0</v>
      </c>
      <c r="BU37" s="261">
        <v>62</v>
      </c>
      <c r="BV37" s="261">
        <v>31</v>
      </c>
      <c r="BW37" s="261">
        <v>11</v>
      </c>
      <c r="BX37" s="261">
        <v>16</v>
      </c>
      <c r="BY37" s="261">
        <v>1</v>
      </c>
      <c r="BZ37" s="258">
        <v>121</v>
      </c>
      <c r="CA37" s="263">
        <v>148</v>
      </c>
      <c r="CB37" s="257">
        <v>1</v>
      </c>
      <c r="CC37" s="261">
        <v>0</v>
      </c>
      <c r="CD37" s="258">
        <v>1</v>
      </c>
      <c r="CE37" s="260">
        <v>0</v>
      </c>
      <c r="CF37" s="261">
        <v>10</v>
      </c>
      <c r="CG37" s="261">
        <v>5</v>
      </c>
      <c r="CH37" s="261">
        <v>9</v>
      </c>
      <c r="CI37" s="261">
        <v>8</v>
      </c>
      <c r="CJ37" s="261">
        <v>1</v>
      </c>
      <c r="CK37" s="258">
        <v>33</v>
      </c>
      <c r="CL37" s="263">
        <v>34</v>
      </c>
      <c r="CM37" s="257">
        <v>0</v>
      </c>
      <c r="CN37" s="261">
        <v>0</v>
      </c>
      <c r="CO37" s="258">
        <v>0</v>
      </c>
      <c r="CP37" s="260">
        <v>0</v>
      </c>
      <c r="CQ37" s="261">
        <v>2</v>
      </c>
      <c r="CR37" s="261">
        <v>2</v>
      </c>
      <c r="CS37" s="261">
        <v>2</v>
      </c>
      <c r="CT37" s="261">
        <v>5</v>
      </c>
      <c r="CU37" s="261">
        <v>1</v>
      </c>
      <c r="CV37" s="258">
        <v>12</v>
      </c>
      <c r="CW37" s="263">
        <v>12</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45</v>
      </c>
      <c r="DU37" s="261">
        <v>81</v>
      </c>
      <c r="DV37" s="258">
        <v>126</v>
      </c>
      <c r="DW37" s="260">
        <v>0</v>
      </c>
      <c r="DX37" s="261">
        <v>187</v>
      </c>
      <c r="DY37" s="261">
        <v>142</v>
      </c>
      <c r="DZ37" s="261">
        <v>87</v>
      </c>
      <c r="EA37" s="261">
        <v>77</v>
      </c>
      <c r="EB37" s="261">
        <v>31</v>
      </c>
      <c r="EC37" s="258">
        <v>524</v>
      </c>
      <c r="ED37" s="263">
        <v>650</v>
      </c>
      <c r="EE37" s="257">
        <v>17</v>
      </c>
      <c r="EF37" s="261">
        <v>12</v>
      </c>
      <c r="EG37" s="258">
        <v>29</v>
      </c>
      <c r="EH37" s="260">
        <v>0</v>
      </c>
      <c r="EI37" s="261">
        <v>44</v>
      </c>
      <c r="EJ37" s="261">
        <v>21</v>
      </c>
      <c r="EK37" s="261">
        <v>27</v>
      </c>
      <c r="EL37" s="261">
        <v>31</v>
      </c>
      <c r="EM37" s="261">
        <v>9</v>
      </c>
      <c r="EN37" s="258">
        <v>132</v>
      </c>
      <c r="EO37" s="263">
        <v>161</v>
      </c>
      <c r="EP37" s="257">
        <v>55</v>
      </c>
      <c r="EQ37" s="261">
        <v>105</v>
      </c>
      <c r="ER37" s="258">
        <v>160</v>
      </c>
      <c r="ES37" s="260">
        <v>0</v>
      </c>
      <c r="ET37" s="261">
        <v>317</v>
      </c>
      <c r="EU37" s="261">
        <v>178</v>
      </c>
      <c r="EV37" s="261">
        <v>91</v>
      </c>
      <c r="EW37" s="261">
        <v>86</v>
      </c>
      <c r="EX37" s="261">
        <v>31</v>
      </c>
      <c r="EY37" s="258">
        <v>703</v>
      </c>
      <c r="EZ37" s="263">
        <v>863</v>
      </c>
    </row>
    <row r="38" spans="2:156" ht="21" customHeight="1" x14ac:dyDescent="0.2">
      <c r="B38" s="472" t="s">
        <v>36</v>
      </c>
      <c r="C38" s="257">
        <v>0</v>
      </c>
      <c r="D38" s="261">
        <v>0</v>
      </c>
      <c r="E38" s="358">
        <v>0</v>
      </c>
      <c r="F38" s="260">
        <v>0</v>
      </c>
      <c r="G38" s="261">
        <v>65</v>
      </c>
      <c r="H38" s="261">
        <v>66</v>
      </c>
      <c r="I38" s="261">
        <v>36</v>
      </c>
      <c r="J38" s="261">
        <v>35</v>
      </c>
      <c r="K38" s="261">
        <v>32</v>
      </c>
      <c r="L38" s="262">
        <v>234</v>
      </c>
      <c r="M38" s="263">
        <v>234</v>
      </c>
      <c r="N38" s="257">
        <v>0</v>
      </c>
      <c r="O38" s="261">
        <v>0</v>
      </c>
      <c r="P38" s="258">
        <v>0</v>
      </c>
      <c r="Q38" s="260">
        <v>0</v>
      </c>
      <c r="R38" s="261">
        <v>2</v>
      </c>
      <c r="S38" s="261">
        <v>3</v>
      </c>
      <c r="T38" s="261">
        <v>6</v>
      </c>
      <c r="U38" s="261">
        <v>7</v>
      </c>
      <c r="V38" s="261">
        <v>11</v>
      </c>
      <c r="W38" s="258">
        <v>29</v>
      </c>
      <c r="X38" s="263">
        <v>29</v>
      </c>
      <c r="Y38" s="257">
        <v>13</v>
      </c>
      <c r="Z38" s="261">
        <v>25</v>
      </c>
      <c r="AA38" s="258">
        <v>38</v>
      </c>
      <c r="AB38" s="260">
        <v>0</v>
      </c>
      <c r="AC38" s="261">
        <v>52</v>
      </c>
      <c r="AD38" s="261">
        <v>57</v>
      </c>
      <c r="AE38" s="261">
        <v>31</v>
      </c>
      <c r="AF38" s="261">
        <v>30</v>
      </c>
      <c r="AG38" s="261">
        <v>29</v>
      </c>
      <c r="AH38" s="258">
        <v>199</v>
      </c>
      <c r="AI38" s="263">
        <v>237</v>
      </c>
      <c r="AJ38" s="257">
        <v>4</v>
      </c>
      <c r="AK38" s="261">
        <v>11</v>
      </c>
      <c r="AL38" s="258">
        <v>15</v>
      </c>
      <c r="AM38" s="260">
        <v>0</v>
      </c>
      <c r="AN38" s="261">
        <v>15</v>
      </c>
      <c r="AO38" s="261">
        <v>15</v>
      </c>
      <c r="AP38" s="261">
        <v>9</v>
      </c>
      <c r="AQ38" s="261">
        <v>7</v>
      </c>
      <c r="AR38" s="261">
        <v>5</v>
      </c>
      <c r="AS38" s="258">
        <v>51</v>
      </c>
      <c r="AT38" s="263">
        <v>66</v>
      </c>
      <c r="AU38" s="257">
        <v>3</v>
      </c>
      <c r="AV38" s="261">
        <v>8</v>
      </c>
      <c r="AW38" s="258">
        <v>11</v>
      </c>
      <c r="AX38" s="260">
        <v>0</v>
      </c>
      <c r="AY38" s="261">
        <v>33</v>
      </c>
      <c r="AZ38" s="261">
        <v>61</v>
      </c>
      <c r="BA38" s="261">
        <v>55</v>
      </c>
      <c r="BB38" s="261">
        <v>57</v>
      </c>
      <c r="BC38" s="261">
        <v>48</v>
      </c>
      <c r="BD38" s="262">
        <v>254</v>
      </c>
      <c r="BE38" s="263">
        <v>265</v>
      </c>
      <c r="BF38" s="257">
        <v>0</v>
      </c>
      <c r="BG38" s="261">
        <v>0</v>
      </c>
      <c r="BH38" s="258">
        <v>0</v>
      </c>
      <c r="BI38" s="260">
        <v>0</v>
      </c>
      <c r="BJ38" s="261">
        <v>85</v>
      </c>
      <c r="BK38" s="261">
        <v>99</v>
      </c>
      <c r="BL38" s="261">
        <v>40</v>
      </c>
      <c r="BM38" s="261">
        <v>30</v>
      </c>
      <c r="BN38" s="261">
        <v>15</v>
      </c>
      <c r="BO38" s="258">
        <v>269</v>
      </c>
      <c r="BP38" s="263">
        <v>269</v>
      </c>
      <c r="BQ38" s="257">
        <v>4</v>
      </c>
      <c r="BR38" s="261">
        <v>8</v>
      </c>
      <c r="BS38" s="258">
        <v>12</v>
      </c>
      <c r="BT38" s="260">
        <v>0</v>
      </c>
      <c r="BU38" s="261">
        <v>26</v>
      </c>
      <c r="BV38" s="261">
        <v>25</v>
      </c>
      <c r="BW38" s="261">
        <v>17</v>
      </c>
      <c r="BX38" s="261">
        <v>5</v>
      </c>
      <c r="BY38" s="261">
        <v>4</v>
      </c>
      <c r="BZ38" s="258">
        <v>77</v>
      </c>
      <c r="CA38" s="263">
        <v>89</v>
      </c>
      <c r="CB38" s="257">
        <v>0</v>
      </c>
      <c r="CC38" s="261">
        <v>0</v>
      </c>
      <c r="CD38" s="258">
        <v>0</v>
      </c>
      <c r="CE38" s="260">
        <v>0</v>
      </c>
      <c r="CF38" s="261">
        <v>15</v>
      </c>
      <c r="CG38" s="261">
        <v>26</v>
      </c>
      <c r="CH38" s="261">
        <v>23</v>
      </c>
      <c r="CI38" s="261">
        <v>21</v>
      </c>
      <c r="CJ38" s="261">
        <v>12</v>
      </c>
      <c r="CK38" s="258">
        <v>97</v>
      </c>
      <c r="CL38" s="263">
        <v>97</v>
      </c>
      <c r="CM38" s="257">
        <v>0</v>
      </c>
      <c r="CN38" s="261">
        <v>0</v>
      </c>
      <c r="CO38" s="258">
        <v>0</v>
      </c>
      <c r="CP38" s="260">
        <v>0</v>
      </c>
      <c r="CQ38" s="261">
        <v>2</v>
      </c>
      <c r="CR38" s="261">
        <v>1</v>
      </c>
      <c r="CS38" s="261">
        <v>0</v>
      </c>
      <c r="CT38" s="261">
        <v>2</v>
      </c>
      <c r="CU38" s="261">
        <v>1</v>
      </c>
      <c r="CV38" s="258">
        <v>6</v>
      </c>
      <c r="CW38" s="263">
        <v>6</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34</v>
      </c>
      <c r="DU38" s="261">
        <v>103</v>
      </c>
      <c r="DV38" s="258">
        <v>137</v>
      </c>
      <c r="DW38" s="260">
        <v>0</v>
      </c>
      <c r="DX38" s="261">
        <v>168</v>
      </c>
      <c r="DY38" s="261">
        <v>189</v>
      </c>
      <c r="DZ38" s="261">
        <v>94</v>
      </c>
      <c r="EA38" s="261">
        <v>81</v>
      </c>
      <c r="EB38" s="261">
        <v>55</v>
      </c>
      <c r="EC38" s="258">
        <v>587</v>
      </c>
      <c r="ED38" s="263">
        <v>724</v>
      </c>
      <c r="EE38" s="257">
        <v>3</v>
      </c>
      <c r="EF38" s="261">
        <v>1</v>
      </c>
      <c r="EG38" s="258">
        <v>4</v>
      </c>
      <c r="EH38" s="260">
        <v>0</v>
      </c>
      <c r="EI38" s="261">
        <v>11</v>
      </c>
      <c r="EJ38" s="261">
        <v>12</v>
      </c>
      <c r="EK38" s="261">
        <v>14</v>
      </c>
      <c r="EL38" s="261">
        <v>9</v>
      </c>
      <c r="EM38" s="261">
        <v>5</v>
      </c>
      <c r="EN38" s="258">
        <v>51</v>
      </c>
      <c r="EO38" s="263">
        <v>55</v>
      </c>
      <c r="EP38" s="257">
        <v>47</v>
      </c>
      <c r="EQ38" s="261">
        <v>127</v>
      </c>
      <c r="ER38" s="258">
        <v>174</v>
      </c>
      <c r="ES38" s="260">
        <v>0</v>
      </c>
      <c r="ET38" s="261">
        <v>276</v>
      </c>
      <c r="EU38" s="261">
        <v>248</v>
      </c>
      <c r="EV38" s="261">
        <v>119</v>
      </c>
      <c r="EW38" s="261">
        <v>95</v>
      </c>
      <c r="EX38" s="261">
        <v>67</v>
      </c>
      <c r="EY38" s="258">
        <v>805</v>
      </c>
      <c r="EZ38" s="263">
        <v>979</v>
      </c>
    </row>
    <row r="39" spans="2:156" ht="21" customHeight="1" thickBot="1" x14ac:dyDescent="0.25">
      <c r="B39" s="473" t="s">
        <v>37</v>
      </c>
      <c r="C39" s="264">
        <v>0</v>
      </c>
      <c r="D39" s="268">
        <v>0</v>
      </c>
      <c r="E39" s="359">
        <v>0</v>
      </c>
      <c r="F39" s="267">
        <v>0</v>
      </c>
      <c r="G39" s="268">
        <v>5</v>
      </c>
      <c r="H39" s="268">
        <v>7</v>
      </c>
      <c r="I39" s="268">
        <v>1</v>
      </c>
      <c r="J39" s="268">
        <v>2</v>
      </c>
      <c r="K39" s="268">
        <v>4</v>
      </c>
      <c r="L39" s="269">
        <v>19</v>
      </c>
      <c r="M39" s="270">
        <v>19</v>
      </c>
      <c r="N39" s="264">
        <v>0</v>
      </c>
      <c r="O39" s="268">
        <v>0</v>
      </c>
      <c r="P39" s="265">
        <v>0</v>
      </c>
      <c r="Q39" s="267">
        <v>0</v>
      </c>
      <c r="R39" s="268">
        <v>0</v>
      </c>
      <c r="S39" s="268">
        <v>0</v>
      </c>
      <c r="T39" s="268">
        <v>0</v>
      </c>
      <c r="U39" s="268">
        <v>0</v>
      </c>
      <c r="V39" s="268">
        <v>0</v>
      </c>
      <c r="W39" s="265">
        <v>0</v>
      </c>
      <c r="X39" s="270">
        <v>0</v>
      </c>
      <c r="Y39" s="264">
        <v>1</v>
      </c>
      <c r="Z39" s="268">
        <v>1</v>
      </c>
      <c r="AA39" s="265">
        <v>2</v>
      </c>
      <c r="AB39" s="267">
        <v>0</v>
      </c>
      <c r="AC39" s="268">
        <v>5</v>
      </c>
      <c r="AD39" s="268">
        <v>4</v>
      </c>
      <c r="AE39" s="268">
        <v>1</v>
      </c>
      <c r="AF39" s="268">
        <v>5</v>
      </c>
      <c r="AG39" s="268">
        <v>2</v>
      </c>
      <c r="AH39" s="265">
        <v>17</v>
      </c>
      <c r="AI39" s="270">
        <v>19</v>
      </c>
      <c r="AJ39" s="264">
        <v>0</v>
      </c>
      <c r="AK39" s="268">
        <v>0</v>
      </c>
      <c r="AL39" s="265">
        <v>0</v>
      </c>
      <c r="AM39" s="267">
        <v>0</v>
      </c>
      <c r="AN39" s="268">
        <v>0</v>
      </c>
      <c r="AO39" s="268">
        <v>1</v>
      </c>
      <c r="AP39" s="268">
        <v>0</v>
      </c>
      <c r="AQ39" s="268">
        <v>2</v>
      </c>
      <c r="AR39" s="268">
        <v>0</v>
      </c>
      <c r="AS39" s="265">
        <v>3</v>
      </c>
      <c r="AT39" s="270">
        <v>3</v>
      </c>
      <c r="AU39" s="264">
        <v>1</v>
      </c>
      <c r="AV39" s="268">
        <v>0</v>
      </c>
      <c r="AW39" s="265">
        <v>1</v>
      </c>
      <c r="AX39" s="267">
        <v>0</v>
      </c>
      <c r="AY39" s="268">
        <v>3</v>
      </c>
      <c r="AZ39" s="268">
        <v>1</v>
      </c>
      <c r="BA39" s="268">
        <v>5</v>
      </c>
      <c r="BB39" s="268">
        <v>8</v>
      </c>
      <c r="BC39" s="268">
        <v>5</v>
      </c>
      <c r="BD39" s="269">
        <v>22</v>
      </c>
      <c r="BE39" s="270">
        <v>23</v>
      </c>
      <c r="BF39" s="264">
        <v>0</v>
      </c>
      <c r="BG39" s="268">
        <v>0</v>
      </c>
      <c r="BH39" s="265">
        <v>0</v>
      </c>
      <c r="BI39" s="267">
        <v>0</v>
      </c>
      <c r="BJ39" s="268">
        <v>6</v>
      </c>
      <c r="BK39" s="268">
        <v>4</v>
      </c>
      <c r="BL39" s="268">
        <v>6</v>
      </c>
      <c r="BM39" s="268">
        <v>3</v>
      </c>
      <c r="BN39" s="268">
        <v>2</v>
      </c>
      <c r="BO39" s="265">
        <v>21</v>
      </c>
      <c r="BP39" s="270">
        <v>21</v>
      </c>
      <c r="BQ39" s="264">
        <v>3</v>
      </c>
      <c r="BR39" s="268">
        <v>2</v>
      </c>
      <c r="BS39" s="265">
        <v>5</v>
      </c>
      <c r="BT39" s="267">
        <v>0</v>
      </c>
      <c r="BU39" s="268">
        <v>5</v>
      </c>
      <c r="BV39" s="268">
        <v>5</v>
      </c>
      <c r="BW39" s="268">
        <v>0</v>
      </c>
      <c r="BX39" s="268">
        <v>3</v>
      </c>
      <c r="BY39" s="268">
        <v>1</v>
      </c>
      <c r="BZ39" s="265">
        <v>14</v>
      </c>
      <c r="CA39" s="270">
        <v>19</v>
      </c>
      <c r="CB39" s="264">
        <v>0</v>
      </c>
      <c r="CC39" s="268">
        <v>0</v>
      </c>
      <c r="CD39" s="265">
        <v>0</v>
      </c>
      <c r="CE39" s="267">
        <v>0</v>
      </c>
      <c r="CF39" s="268">
        <v>0</v>
      </c>
      <c r="CG39" s="268">
        <v>2</v>
      </c>
      <c r="CH39" s="268">
        <v>4</v>
      </c>
      <c r="CI39" s="268">
        <v>2</v>
      </c>
      <c r="CJ39" s="268">
        <v>1</v>
      </c>
      <c r="CK39" s="265">
        <v>9</v>
      </c>
      <c r="CL39" s="270">
        <v>9</v>
      </c>
      <c r="CM39" s="264">
        <v>0</v>
      </c>
      <c r="CN39" s="268">
        <v>0</v>
      </c>
      <c r="CO39" s="265">
        <v>0</v>
      </c>
      <c r="CP39" s="267">
        <v>0</v>
      </c>
      <c r="CQ39" s="268">
        <v>1</v>
      </c>
      <c r="CR39" s="268">
        <v>0</v>
      </c>
      <c r="CS39" s="268">
        <v>0</v>
      </c>
      <c r="CT39" s="268">
        <v>1</v>
      </c>
      <c r="CU39" s="268">
        <v>1</v>
      </c>
      <c r="CV39" s="265">
        <v>3</v>
      </c>
      <c r="CW39" s="270">
        <v>3</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14</v>
      </c>
      <c r="DU39" s="268">
        <v>3</v>
      </c>
      <c r="DV39" s="265">
        <v>17</v>
      </c>
      <c r="DW39" s="267">
        <v>0</v>
      </c>
      <c r="DX39" s="268">
        <v>16</v>
      </c>
      <c r="DY39" s="268">
        <v>20</v>
      </c>
      <c r="DZ39" s="268">
        <v>11</v>
      </c>
      <c r="EA39" s="268">
        <v>8</v>
      </c>
      <c r="EB39" s="268">
        <v>7</v>
      </c>
      <c r="EC39" s="265">
        <v>62</v>
      </c>
      <c r="ED39" s="270">
        <v>79</v>
      </c>
      <c r="EE39" s="264">
        <v>0</v>
      </c>
      <c r="EF39" s="268">
        <v>0</v>
      </c>
      <c r="EG39" s="265">
        <v>0</v>
      </c>
      <c r="EH39" s="267">
        <v>0</v>
      </c>
      <c r="EI39" s="268">
        <v>0</v>
      </c>
      <c r="EJ39" s="268">
        <v>0</v>
      </c>
      <c r="EK39" s="268">
        <v>0</v>
      </c>
      <c r="EL39" s="268">
        <v>2</v>
      </c>
      <c r="EM39" s="268">
        <v>0</v>
      </c>
      <c r="EN39" s="265">
        <v>2</v>
      </c>
      <c r="EO39" s="270">
        <v>2</v>
      </c>
      <c r="EP39" s="264">
        <v>17</v>
      </c>
      <c r="EQ39" s="268">
        <v>4</v>
      </c>
      <c r="ER39" s="265">
        <v>21</v>
      </c>
      <c r="ES39" s="267">
        <v>0</v>
      </c>
      <c r="ET39" s="268">
        <v>25</v>
      </c>
      <c r="EU39" s="268">
        <v>23</v>
      </c>
      <c r="EV39" s="268">
        <v>14</v>
      </c>
      <c r="EW39" s="268">
        <v>10</v>
      </c>
      <c r="EX39" s="268">
        <v>8</v>
      </c>
      <c r="EY39" s="265">
        <v>80</v>
      </c>
      <c r="EZ39" s="270">
        <v>101</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242"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9</v>
      </c>
      <c r="L1" s="504">
        <f>IF(K1&lt;3,K1+12-2,K1-2)</f>
        <v>7</v>
      </c>
      <c r="M1" s="504"/>
    </row>
    <row r="2" spans="2:156" ht="24" customHeight="1" thickBot="1" x14ac:dyDescent="0.25">
      <c r="B2" s="271" t="s">
        <v>130</v>
      </c>
      <c r="G2" s="234"/>
      <c r="H2" s="235"/>
      <c r="J2" s="300"/>
      <c r="K2" s="300"/>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301" t="s">
        <v>43</v>
      </c>
      <c r="D5" s="243" t="s">
        <v>44</v>
      </c>
      <c r="E5" s="356" t="s">
        <v>45</v>
      </c>
      <c r="F5" s="248" t="s">
        <v>83</v>
      </c>
      <c r="G5" s="243" t="s">
        <v>47</v>
      </c>
      <c r="H5" s="243" t="s">
        <v>48</v>
      </c>
      <c r="I5" s="243" t="s">
        <v>49</v>
      </c>
      <c r="J5" s="243" t="s">
        <v>50</v>
      </c>
      <c r="K5" s="243" t="s">
        <v>51</v>
      </c>
      <c r="L5" s="249" t="s">
        <v>45</v>
      </c>
      <c r="M5" s="506"/>
      <c r="N5" s="301" t="s">
        <v>43</v>
      </c>
      <c r="O5" s="243" t="s">
        <v>44</v>
      </c>
      <c r="P5" s="246" t="s">
        <v>45</v>
      </c>
      <c r="Q5" s="248" t="s">
        <v>83</v>
      </c>
      <c r="R5" s="243" t="s">
        <v>47</v>
      </c>
      <c r="S5" s="243" t="s">
        <v>48</v>
      </c>
      <c r="T5" s="243" t="s">
        <v>49</v>
      </c>
      <c r="U5" s="243" t="s">
        <v>50</v>
      </c>
      <c r="V5" s="243" t="s">
        <v>51</v>
      </c>
      <c r="W5" s="246" t="s">
        <v>45</v>
      </c>
      <c r="X5" s="506"/>
      <c r="Y5" s="301" t="s">
        <v>43</v>
      </c>
      <c r="Z5" s="243" t="s">
        <v>44</v>
      </c>
      <c r="AA5" s="246" t="s">
        <v>45</v>
      </c>
      <c r="AB5" s="248" t="s">
        <v>83</v>
      </c>
      <c r="AC5" s="243" t="s">
        <v>47</v>
      </c>
      <c r="AD5" s="243" t="s">
        <v>48</v>
      </c>
      <c r="AE5" s="243" t="s">
        <v>49</v>
      </c>
      <c r="AF5" s="243" t="s">
        <v>50</v>
      </c>
      <c r="AG5" s="243" t="s">
        <v>51</v>
      </c>
      <c r="AH5" s="246" t="s">
        <v>45</v>
      </c>
      <c r="AI5" s="506"/>
      <c r="AJ5" s="301" t="s">
        <v>43</v>
      </c>
      <c r="AK5" s="243" t="s">
        <v>44</v>
      </c>
      <c r="AL5" s="246" t="s">
        <v>45</v>
      </c>
      <c r="AM5" s="248" t="s">
        <v>83</v>
      </c>
      <c r="AN5" s="243" t="s">
        <v>47</v>
      </c>
      <c r="AO5" s="243" t="s">
        <v>48</v>
      </c>
      <c r="AP5" s="243" t="s">
        <v>49</v>
      </c>
      <c r="AQ5" s="243" t="s">
        <v>50</v>
      </c>
      <c r="AR5" s="243" t="s">
        <v>51</v>
      </c>
      <c r="AS5" s="246" t="s">
        <v>45</v>
      </c>
      <c r="AT5" s="506"/>
      <c r="AU5" s="301" t="s">
        <v>43</v>
      </c>
      <c r="AV5" s="243" t="s">
        <v>44</v>
      </c>
      <c r="AW5" s="246" t="s">
        <v>45</v>
      </c>
      <c r="AX5" s="248" t="s">
        <v>83</v>
      </c>
      <c r="AY5" s="243" t="s">
        <v>47</v>
      </c>
      <c r="AZ5" s="243" t="s">
        <v>48</v>
      </c>
      <c r="BA5" s="243" t="s">
        <v>49</v>
      </c>
      <c r="BB5" s="243" t="s">
        <v>50</v>
      </c>
      <c r="BC5" s="243" t="s">
        <v>51</v>
      </c>
      <c r="BD5" s="249" t="s">
        <v>45</v>
      </c>
      <c r="BE5" s="506"/>
      <c r="BF5" s="301" t="s">
        <v>43</v>
      </c>
      <c r="BG5" s="243" t="s">
        <v>44</v>
      </c>
      <c r="BH5" s="246" t="s">
        <v>45</v>
      </c>
      <c r="BI5" s="248" t="s">
        <v>83</v>
      </c>
      <c r="BJ5" s="243" t="s">
        <v>47</v>
      </c>
      <c r="BK5" s="243" t="s">
        <v>48</v>
      </c>
      <c r="BL5" s="243" t="s">
        <v>49</v>
      </c>
      <c r="BM5" s="243" t="s">
        <v>50</v>
      </c>
      <c r="BN5" s="243" t="s">
        <v>51</v>
      </c>
      <c r="BO5" s="246" t="s">
        <v>45</v>
      </c>
      <c r="BP5" s="506"/>
      <c r="BQ5" s="301" t="s">
        <v>43</v>
      </c>
      <c r="BR5" s="243" t="s">
        <v>44</v>
      </c>
      <c r="BS5" s="246" t="s">
        <v>45</v>
      </c>
      <c r="BT5" s="248" t="s">
        <v>83</v>
      </c>
      <c r="BU5" s="243" t="s">
        <v>47</v>
      </c>
      <c r="BV5" s="243" t="s">
        <v>48</v>
      </c>
      <c r="BW5" s="243" t="s">
        <v>49</v>
      </c>
      <c r="BX5" s="243" t="s">
        <v>50</v>
      </c>
      <c r="BY5" s="243" t="s">
        <v>51</v>
      </c>
      <c r="BZ5" s="246" t="s">
        <v>45</v>
      </c>
      <c r="CA5" s="506"/>
      <c r="CB5" s="301" t="s">
        <v>43</v>
      </c>
      <c r="CC5" s="243" t="s">
        <v>44</v>
      </c>
      <c r="CD5" s="246" t="s">
        <v>45</v>
      </c>
      <c r="CE5" s="248" t="s">
        <v>83</v>
      </c>
      <c r="CF5" s="243" t="s">
        <v>47</v>
      </c>
      <c r="CG5" s="243" t="s">
        <v>48</v>
      </c>
      <c r="CH5" s="243" t="s">
        <v>49</v>
      </c>
      <c r="CI5" s="243" t="s">
        <v>50</v>
      </c>
      <c r="CJ5" s="243" t="s">
        <v>51</v>
      </c>
      <c r="CK5" s="246" t="s">
        <v>45</v>
      </c>
      <c r="CL5" s="506"/>
      <c r="CM5" s="301" t="s">
        <v>43</v>
      </c>
      <c r="CN5" s="243" t="s">
        <v>44</v>
      </c>
      <c r="CO5" s="246" t="s">
        <v>45</v>
      </c>
      <c r="CP5" s="248" t="s">
        <v>83</v>
      </c>
      <c r="CQ5" s="243" t="s">
        <v>47</v>
      </c>
      <c r="CR5" s="243" t="s">
        <v>48</v>
      </c>
      <c r="CS5" s="243" t="s">
        <v>49</v>
      </c>
      <c r="CT5" s="243" t="s">
        <v>50</v>
      </c>
      <c r="CU5" s="243" t="s">
        <v>51</v>
      </c>
      <c r="CV5" s="246" t="s">
        <v>45</v>
      </c>
      <c r="CW5" s="506"/>
      <c r="CX5" s="301" t="s">
        <v>43</v>
      </c>
      <c r="CY5" s="243" t="s">
        <v>44</v>
      </c>
      <c r="CZ5" s="246" t="s">
        <v>45</v>
      </c>
      <c r="DA5" s="248" t="s">
        <v>83</v>
      </c>
      <c r="DB5" s="243" t="s">
        <v>47</v>
      </c>
      <c r="DC5" s="243" t="s">
        <v>48</v>
      </c>
      <c r="DD5" s="243" t="s">
        <v>49</v>
      </c>
      <c r="DE5" s="243" t="s">
        <v>50</v>
      </c>
      <c r="DF5" s="243" t="s">
        <v>51</v>
      </c>
      <c r="DG5" s="246" t="s">
        <v>45</v>
      </c>
      <c r="DH5" s="506"/>
      <c r="DI5" s="321" t="s">
        <v>43</v>
      </c>
      <c r="DJ5" s="243" t="s">
        <v>44</v>
      </c>
      <c r="DK5" s="246" t="s">
        <v>45</v>
      </c>
      <c r="DL5" s="248" t="s">
        <v>83</v>
      </c>
      <c r="DM5" s="243" t="s">
        <v>47</v>
      </c>
      <c r="DN5" s="243" t="s">
        <v>48</v>
      </c>
      <c r="DO5" s="243" t="s">
        <v>49</v>
      </c>
      <c r="DP5" s="243" t="s">
        <v>50</v>
      </c>
      <c r="DQ5" s="243" t="s">
        <v>51</v>
      </c>
      <c r="DR5" s="246" t="s">
        <v>45</v>
      </c>
      <c r="DS5" s="506"/>
      <c r="DT5" s="301" t="s">
        <v>43</v>
      </c>
      <c r="DU5" s="243" t="s">
        <v>44</v>
      </c>
      <c r="DV5" s="246" t="s">
        <v>45</v>
      </c>
      <c r="DW5" s="248" t="s">
        <v>83</v>
      </c>
      <c r="DX5" s="243" t="s">
        <v>47</v>
      </c>
      <c r="DY5" s="243" t="s">
        <v>48</v>
      </c>
      <c r="DZ5" s="243" t="s">
        <v>49</v>
      </c>
      <c r="EA5" s="243" t="s">
        <v>50</v>
      </c>
      <c r="EB5" s="243" t="s">
        <v>51</v>
      </c>
      <c r="EC5" s="246" t="s">
        <v>45</v>
      </c>
      <c r="ED5" s="506"/>
      <c r="EE5" s="301" t="s">
        <v>43</v>
      </c>
      <c r="EF5" s="243" t="s">
        <v>44</v>
      </c>
      <c r="EG5" s="246" t="s">
        <v>45</v>
      </c>
      <c r="EH5" s="248" t="s">
        <v>83</v>
      </c>
      <c r="EI5" s="243" t="s">
        <v>47</v>
      </c>
      <c r="EJ5" s="243" t="s">
        <v>48</v>
      </c>
      <c r="EK5" s="243" t="s">
        <v>49</v>
      </c>
      <c r="EL5" s="243" t="s">
        <v>50</v>
      </c>
      <c r="EM5" s="243" t="s">
        <v>51</v>
      </c>
      <c r="EN5" s="246" t="s">
        <v>45</v>
      </c>
      <c r="EO5" s="506"/>
      <c r="EP5" s="301"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245</v>
      </c>
      <c r="H6" s="254">
        <v>1346</v>
      </c>
      <c r="I6" s="254">
        <v>783</v>
      </c>
      <c r="J6" s="254">
        <v>564</v>
      </c>
      <c r="K6" s="254">
        <v>412</v>
      </c>
      <c r="L6" s="255">
        <v>4350</v>
      </c>
      <c r="M6" s="256">
        <v>4350</v>
      </c>
      <c r="N6" s="250">
        <v>0</v>
      </c>
      <c r="O6" s="254">
        <v>1</v>
      </c>
      <c r="P6" s="251">
        <v>1</v>
      </c>
      <c r="Q6" s="253">
        <v>0</v>
      </c>
      <c r="R6" s="254">
        <v>5</v>
      </c>
      <c r="S6" s="254">
        <v>31</v>
      </c>
      <c r="T6" s="254">
        <v>67</v>
      </c>
      <c r="U6" s="254">
        <v>122</v>
      </c>
      <c r="V6" s="254">
        <v>209</v>
      </c>
      <c r="W6" s="251">
        <v>434</v>
      </c>
      <c r="X6" s="256">
        <v>435</v>
      </c>
      <c r="Y6" s="250">
        <v>189</v>
      </c>
      <c r="Z6" s="254">
        <v>383</v>
      </c>
      <c r="AA6" s="251">
        <v>572</v>
      </c>
      <c r="AB6" s="253">
        <v>0</v>
      </c>
      <c r="AC6" s="254">
        <v>951</v>
      </c>
      <c r="AD6" s="254">
        <v>1297</v>
      </c>
      <c r="AE6" s="254">
        <v>792</v>
      </c>
      <c r="AF6" s="254">
        <v>608</v>
      </c>
      <c r="AG6" s="254">
        <v>398</v>
      </c>
      <c r="AH6" s="251">
        <v>4046</v>
      </c>
      <c r="AI6" s="256">
        <v>4618</v>
      </c>
      <c r="AJ6" s="250">
        <v>18</v>
      </c>
      <c r="AK6" s="254">
        <v>58</v>
      </c>
      <c r="AL6" s="251">
        <v>76</v>
      </c>
      <c r="AM6" s="253">
        <v>0</v>
      </c>
      <c r="AN6" s="254">
        <v>78</v>
      </c>
      <c r="AO6" s="254">
        <v>137</v>
      </c>
      <c r="AP6" s="254">
        <v>76</v>
      </c>
      <c r="AQ6" s="254">
        <v>75</v>
      </c>
      <c r="AR6" s="254">
        <v>30</v>
      </c>
      <c r="AS6" s="251">
        <v>396</v>
      </c>
      <c r="AT6" s="256">
        <v>472</v>
      </c>
      <c r="AU6" s="250">
        <v>296</v>
      </c>
      <c r="AV6" s="254">
        <v>336</v>
      </c>
      <c r="AW6" s="251">
        <v>632</v>
      </c>
      <c r="AX6" s="253">
        <v>0</v>
      </c>
      <c r="AY6" s="254">
        <v>1365</v>
      </c>
      <c r="AZ6" s="254">
        <v>1631</v>
      </c>
      <c r="BA6" s="254">
        <v>1461</v>
      </c>
      <c r="BB6" s="254">
        <v>1303</v>
      </c>
      <c r="BC6" s="254">
        <v>913</v>
      </c>
      <c r="BD6" s="255">
        <v>6673</v>
      </c>
      <c r="BE6" s="256">
        <v>7305</v>
      </c>
      <c r="BF6" s="250">
        <v>0</v>
      </c>
      <c r="BG6" s="254">
        <v>0</v>
      </c>
      <c r="BH6" s="251">
        <v>0</v>
      </c>
      <c r="BI6" s="253">
        <v>0</v>
      </c>
      <c r="BJ6" s="254">
        <v>1655</v>
      </c>
      <c r="BK6" s="254">
        <v>1469</v>
      </c>
      <c r="BL6" s="254">
        <v>737</v>
      </c>
      <c r="BM6" s="254">
        <v>411</v>
      </c>
      <c r="BN6" s="254">
        <v>167</v>
      </c>
      <c r="BO6" s="251">
        <v>4439</v>
      </c>
      <c r="BP6" s="256">
        <v>4439</v>
      </c>
      <c r="BQ6" s="250">
        <v>135</v>
      </c>
      <c r="BR6" s="254">
        <v>174</v>
      </c>
      <c r="BS6" s="251">
        <v>309</v>
      </c>
      <c r="BT6" s="253">
        <v>0</v>
      </c>
      <c r="BU6" s="254">
        <v>359</v>
      </c>
      <c r="BV6" s="254">
        <v>510</v>
      </c>
      <c r="BW6" s="254">
        <v>336</v>
      </c>
      <c r="BX6" s="254">
        <v>177</v>
      </c>
      <c r="BY6" s="254">
        <v>62</v>
      </c>
      <c r="BZ6" s="251">
        <v>1444</v>
      </c>
      <c r="CA6" s="256">
        <v>1753</v>
      </c>
      <c r="CB6" s="250">
        <v>6</v>
      </c>
      <c r="CC6" s="254">
        <v>18</v>
      </c>
      <c r="CD6" s="251">
        <v>24</v>
      </c>
      <c r="CE6" s="253">
        <v>0</v>
      </c>
      <c r="CF6" s="254">
        <v>182</v>
      </c>
      <c r="CG6" s="254">
        <v>258</v>
      </c>
      <c r="CH6" s="254">
        <v>312</v>
      </c>
      <c r="CI6" s="254">
        <v>213</v>
      </c>
      <c r="CJ6" s="254">
        <v>99</v>
      </c>
      <c r="CK6" s="251">
        <v>1064</v>
      </c>
      <c r="CL6" s="256">
        <v>1088</v>
      </c>
      <c r="CM6" s="250">
        <v>3</v>
      </c>
      <c r="CN6" s="254">
        <v>3</v>
      </c>
      <c r="CO6" s="251">
        <v>6</v>
      </c>
      <c r="CP6" s="253">
        <v>0</v>
      </c>
      <c r="CQ6" s="254">
        <v>21</v>
      </c>
      <c r="CR6" s="254">
        <v>46</v>
      </c>
      <c r="CS6" s="254">
        <v>65</v>
      </c>
      <c r="CT6" s="254">
        <v>55</v>
      </c>
      <c r="CU6" s="254">
        <v>30</v>
      </c>
      <c r="CV6" s="251">
        <v>217</v>
      </c>
      <c r="CW6" s="256">
        <v>223</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29</v>
      </c>
      <c r="DU6" s="254">
        <v>1338</v>
      </c>
      <c r="DV6" s="251">
        <v>1967</v>
      </c>
      <c r="DW6" s="253">
        <v>0</v>
      </c>
      <c r="DX6" s="254">
        <v>1809</v>
      </c>
      <c r="DY6" s="254">
        <v>3144</v>
      </c>
      <c r="DZ6" s="254">
        <v>1891</v>
      </c>
      <c r="EA6" s="254">
        <v>1332</v>
      </c>
      <c r="EB6" s="254">
        <v>778</v>
      </c>
      <c r="EC6" s="251">
        <v>8954</v>
      </c>
      <c r="ED6" s="256">
        <v>10921</v>
      </c>
      <c r="EE6" s="250">
        <v>185</v>
      </c>
      <c r="EF6" s="254">
        <v>133</v>
      </c>
      <c r="EG6" s="251">
        <v>318</v>
      </c>
      <c r="EH6" s="253">
        <v>0</v>
      </c>
      <c r="EI6" s="254">
        <v>542</v>
      </c>
      <c r="EJ6" s="254">
        <v>486</v>
      </c>
      <c r="EK6" s="254">
        <v>453</v>
      </c>
      <c r="EL6" s="254">
        <v>438</v>
      </c>
      <c r="EM6" s="254">
        <v>251</v>
      </c>
      <c r="EN6" s="251">
        <v>2170</v>
      </c>
      <c r="EO6" s="256">
        <v>2488</v>
      </c>
      <c r="EP6" s="250">
        <v>913</v>
      </c>
      <c r="EQ6" s="254">
        <v>1677</v>
      </c>
      <c r="ER6" s="251">
        <v>2590</v>
      </c>
      <c r="ES6" s="253">
        <v>0</v>
      </c>
      <c r="ET6" s="254">
        <v>4315</v>
      </c>
      <c r="EU6" s="254">
        <v>4378</v>
      </c>
      <c r="EV6" s="254">
        <v>2288</v>
      </c>
      <c r="EW6" s="254">
        <v>1437</v>
      </c>
      <c r="EX6" s="254">
        <v>785</v>
      </c>
      <c r="EY6" s="251">
        <v>13203</v>
      </c>
      <c r="EZ6" s="256">
        <v>15793</v>
      </c>
    </row>
    <row r="7" spans="2:156" ht="21" customHeight="1" x14ac:dyDescent="0.2">
      <c r="B7" s="471" t="s">
        <v>5</v>
      </c>
      <c r="C7" s="257">
        <v>0</v>
      </c>
      <c r="D7" s="261">
        <v>0</v>
      </c>
      <c r="E7" s="358">
        <v>0</v>
      </c>
      <c r="F7" s="260">
        <v>0</v>
      </c>
      <c r="G7" s="261">
        <v>514</v>
      </c>
      <c r="H7" s="261">
        <v>638</v>
      </c>
      <c r="I7" s="261">
        <v>368</v>
      </c>
      <c r="J7" s="261">
        <v>238</v>
      </c>
      <c r="K7" s="261">
        <v>188</v>
      </c>
      <c r="L7" s="262">
        <v>1946</v>
      </c>
      <c r="M7" s="263">
        <v>1946</v>
      </c>
      <c r="N7" s="257">
        <v>0</v>
      </c>
      <c r="O7" s="261">
        <v>1</v>
      </c>
      <c r="P7" s="258">
        <v>1</v>
      </c>
      <c r="Q7" s="260">
        <v>0</v>
      </c>
      <c r="R7" s="261">
        <v>1</v>
      </c>
      <c r="S7" s="261">
        <v>14</v>
      </c>
      <c r="T7" s="261">
        <v>27</v>
      </c>
      <c r="U7" s="261">
        <v>51</v>
      </c>
      <c r="V7" s="261">
        <v>102</v>
      </c>
      <c r="W7" s="258">
        <v>195</v>
      </c>
      <c r="X7" s="263">
        <v>196</v>
      </c>
      <c r="Y7" s="257">
        <v>92</v>
      </c>
      <c r="Z7" s="261">
        <v>215</v>
      </c>
      <c r="AA7" s="258">
        <v>307</v>
      </c>
      <c r="AB7" s="260">
        <v>0</v>
      </c>
      <c r="AC7" s="261">
        <v>384</v>
      </c>
      <c r="AD7" s="261">
        <v>676</v>
      </c>
      <c r="AE7" s="261">
        <v>396</v>
      </c>
      <c r="AF7" s="261">
        <v>289</v>
      </c>
      <c r="AG7" s="261">
        <v>183</v>
      </c>
      <c r="AH7" s="258">
        <v>1928</v>
      </c>
      <c r="AI7" s="263">
        <v>2235</v>
      </c>
      <c r="AJ7" s="257">
        <v>7</v>
      </c>
      <c r="AK7" s="261">
        <v>32</v>
      </c>
      <c r="AL7" s="258">
        <v>39</v>
      </c>
      <c r="AM7" s="260">
        <v>0</v>
      </c>
      <c r="AN7" s="261">
        <v>24</v>
      </c>
      <c r="AO7" s="261">
        <v>54</v>
      </c>
      <c r="AP7" s="261">
        <v>29</v>
      </c>
      <c r="AQ7" s="261">
        <v>28</v>
      </c>
      <c r="AR7" s="261">
        <v>11</v>
      </c>
      <c r="AS7" s="258">
        <v>146</v>
      </c>
      <c r="AT7" s="263">
        <v>185</v>
      </c>
      <c r="AU7" s="257">
        <v>133</v>
      </c>
      <c r="AV7" s="261">
        <v>190</v>
      </c>
      <c r="AW7" s="258">
        <v>323</v>
      </c>
      <c r="AX7" s="260">
        <v>0</v>
      </c>
      <c r="AY7" s="261">
        <v>485</v>
      </c>
      <c r="AZ7" s="261">
        <v>733</v>
      </c>
      <c r="BA7" s="261">
        <v>639</v>
      </c>
      <c r="BB7" s="261">
        <v>557</v>
      </c>
      <c r="BC7" s="261">
        <v>408</v>
      </c>
      <c r="BD7" s="262">
        <v>2822</v>
      </c>
      <c r="BE7" s="263">
        <v>3145</v>
      </c>
      <c r="BF7" s="257">
        <v>0</v>
      </c>
      <c r="BG7" s="261">
        <v>0</v>
      </c>
      <c r="BH7" s="258">
        <v>0</v>
      </c>
      <c r="BI7" s="260">
        <v>0</v>
      </c>
      <c r="BJ7" s="261">
        <v>603</v>
      </c>
      <c r="BK7" s="261">
        <v>645</v>
      </c>
      <c r="BL7" s="261">
        <v>300</v>
      </c>
      <c r="BM7" s="261">
        <v>159</v>
      </c>
      <c r="BN7" s="261">
        <v>66</v>
      </c>
      <c r="BO7" s="258">
        <v>1773</v>
      </c>
      <c r="BP7" s="263">
        <v>1773</v>
      </c>
      <c r="BQ7" s="257">
        <v>70</v>
      </c>
      <c r="BR7" s="261">
        <v>91</v>
      </c>
      <c r="BS7" s="258">
        <v>161</v>
      </c>
      <c r="BT7" s="260">
        <v>0</v>
      </c>
      <c r="BU7" s="261">
        <v>133</v>
      </c>
      <c r="BV7" s="261">
        <v>232</v>
      </c>
      <c r="BW7" s="261">
        <v>169</v>
      </c>
      <c r="BX7" s="261">
        <v>79</v>
      </c>
      <c r="BY7" s="261">
        <v>26</v>
      </c>
      <c r="BZ7" s="258">
        <v>639</v>
      </c>
      <c r="CA7" s="263">
        <v>800</v>
      </c>
      <c r="CB7" s="257">
        <v>2</v>
      </c>
      <c r="CC7" s="261">
        <v>6</v>
      </c>
      <c r="CD7" s="258">
        <v>8</v>
      </c>
      <c r="CE7" s="260">
        <v>0</v>
      </c>
      <c r="CF7" s="261">
        <v>62</v>
      </c>
      <c r="CG7" s="261">
        <v>100</v>
      </c>
      <c r="CH7" s="261">
        <v>134</v>
      </c>
      <c r="CI7" s="261">
        <v>74</v>
      </c>
      <c r="CJ7" s="261">
        <v>41</v>
      </c>
      <c r="CK7" s="258">
        <v>411</v>
      </c>
      <c r="CL7" s="263">
        <v>419</v>
      </c>
      <c r="CM7" s="257">
        <v>1</v>
      </c>
      <c r="CN7" s="261">
        <v>3</v>
      </c>
      <c r="CO7" s="258">
        <v>4</v>
      </c>
      <c r="CP7" s="260">
        <v>0</v>
      </c>
      <c r="CQ7" s="261">
        <v>10</v>
      </c>
      <c r="CR7" s="261">
        <v>27</v>
      </c>
      <c r="CS7" s="261">
        <v>38</v>
      </c>
      <c r="CT7" s="261">
        <v>30</v>
      </c>
      <c r="CU7" s="261">
        <v>19</v>
      </c>
      <c r="CV7" s="258">
        <v>124</v>
      </c>
      <c r="CW7" s="263">
        <v>128</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35</v>
      </c>
      <c r="DU7" s="261">
        <v>628</v>
      </c>
      <c r="DV7" s="258">
        <v>863</v>
      </c>
      <c r="DW7" s="260">
        <v>0</v>
      </c>
      <c r="DX7" s="261">
        <v>590</v>
      </c>
      <c r="DY7" s="261">
        <v>1421</v>
      </c>
      <c r="DZ7" s="261">
        <v>852</v>
      </c>
      <c r="EA7" s="261">
        <v>554</v>
      </c>
      <c r="EB7" s="261">
        <v>347</v>
      </c>
      <c r="EC7" s="258">
        <v>3764</v>
      </c>
      <c r="ED7" s="263">
        <v>4627</v>
      </c>
      <c r="EE7" s="257">
        <v>76</v>
      </c>
      <c r="EF7" s="261">
        <v>74</v>
      </c>
      <c r="EG7" s="258">
        <v>150</v>
      </c>
      <c r="EH7" s="260">
        <v>0</v>
      </c>
      <c r="EI7" s="261">
        <v>195</v>
      </c>
      <c r="EJ7" s="261">
        <v>215</v>
      </c>
      <c r="EK7" s="261">
        <v>207</v>
      </c>
      <c r="EL7" s="261">
        <v>200</v>
      </c>
      <c r="EM7" s="261">
        <v>123</v>
      </c>
      <c r="EN7" s="258">
        <v>940</v>
      </c>
      <c r="EO7" s="263">
        <v>1090</v>
      </c>
      <c r="EP7" s="257">
        <v>373</v>
      </c>
      <c r="EQ7" s="261">
        <v>816</v>
      </c>
      <c r="ER7" s="258">
        <v>1189</v>
      </c>
      <c r="ES7" s="260">
        <v>0</v>
      </c>
      <c r="ET7" s="261">
        <v>1609</v>
      </c>
      <c r="EU7" s="261">
        <v>2031</v>
      </c>
      <c r="EV7" s="261">
        <v>1047</v>
      </c>
      <c r="EW7" s="261">
        <v>627</v>
      </c>
      <c r="EX7" s="261">
        <v>352</v>
      </c>
      <c r="EY7" s="258">
        <v>5666</v>
      </c>
      <c r="EZ7" s="263">
        <v>6855</v>
      </c>
    </row>
    <row r="8" spans="2:156" ht="21" customHeight="1" x14ac:dyDescent="0.2">
      <c r="B8" s="472" t="s">
        <v>6</v>
      </c>
      <c r="C8" s="257">
        <v>0</v>
      </c>
      <c r="D8" s="261">
        <v>0</v>
      </c>
      <c r="E8" s="358">
        <v>0</v>
      </c>
      <c r="F8" s="260">
        <v>0</v>
      </c>
      <c r="G8" s="261">
        <v>174</v>
      </c>
      <c r="H8" s="261">
        <v>145</v>
      </c>
      <c r="I8" s="261">
        <v>82</v>
      </c>
      <c r="J8" s="261">
        <v>75</v>
      </c>
      <c r="K8" s="261">
        <v>47</v>
      </c>
      <c r="L8" s="262">
        <v>523</v>
      </c>
      <c r="M8" s="263">
        <v>523</v>
      </c>
      <c r="N8" s="257">
        <v>0</v>
      </c>
      <c r="O8" s="261">
        <v>0</v>
      </c>
      <c r="P8" s="258">
        <v>0</v>
      </c>
      <c r="Q8" s="260">
        <v>0</v>
      </c>
      <c r="R8" s="261">
        <v>1</v>
      </c>
      <c r="S8" s="261">
        <v>3</v>
      </c>
      <c r="T8" s="261">
        <v>7</v>
      </c>
      <c r="U8" s="261">
        <v>10</v>
      </c>
      <c r="V8" s="261">
        <v>25</v>
      </c>
      <c r="W8" s="258">
        <v>46</v>
      </c>
      <c r="X8" s="263">
        <v>46</v>
      </c>
      <c r="Y8" s="257">
        <v>21</v>
      </c>
      <c r="Z8" s="261">
        <v>40</v>
      </c>
      <c r="AA8" s="258">
        <v>61</v>
      </c>
      <c r="AB8" s="260">
        <v>0</v>
      </c>
      <c r="AC8" s="261">
        <v>137</v>
      </c>
      <c r="AD8" s="261">
        <v>158</v>
      </c>
      <c r="AE8" s="261">
        <v>84</v>
      </c>
      <c r="AF8" s="261">
        <v>79</v>
      </c>
      <c r="AG8" s="261">
        <v>58</v>
      </c>
      <c r="AH8" s="258">
        <v>516</v>
      </c>
      <c r="AI8" s="263">
        <v>577</v>
      </c>
      <c r="AJ8" s="257">
        <v>2</v>
      </c>
      <c r="AK8" s="261">
        <v>3</v>
      </c>
      <c r="AL8" s="258">
        <v>5</v>
      </c>
      <c r="AM8" s="260">
        <v>0</v>
      </c>
      <c r="AN8" s="261">
        <v>15</v>
      </c>
      <c r="AO8" s="261">
        <v>19</v>
      </c>
      <c r="AP8" s="261">
        <v>8</v>
      </c>
      <c r="AQ8" s="261">
        <v>8</v>
      </c>
      <c r="AR8" s="261">
        <v>4</v>
      </c>
      <c r="AS8" s="258">
        <v>54</v>
      </c>
      <c r="AT8" s="263">
        <v>59</v>
      </c>
      <c r="AU8" s="257">
        <v>51</v>
      </c>
      <c r="AV8" s="261">
        <v>38</v>
      </c>
      <c r="AW8" s="258">
        <v>89</v>
      </c>
      <c r="AX8" s="260">
        <v>0</v>
      </c>
      <c r="AY8" s="261">
        <v>241</v>
      </c>
      <c r="AZ8" s="261">
        <v>221</v>
      </c>
      <c r="BA8" s="261">
        <v>187</v>
      </c>
      <c r="BB8" s="261">
        <v>195</v>
      </c>
      <c r="BC8" s="261">
        <v>128</v>
      </c>
      <c r="BD8" s="262">
        <v>972</v>
      </c>
      <c r="BE8" s="263">
        <v>1061</v>
      </c>
      <c r="BF8" s="257">
        <v>0</v>
      </c>
      <c r="BG8" s="261">
        <v>0</v>
      </c>
      <c r="BH8" s="258">
        <v>0</v>
      </c>
      <c r="BI8" s="260">
        <v>0</v>
      </c>
      <c r="BJ8" s="261">
        <v>222</v>
      </c>
      <c r="BK8" s="261">
        <v>170</v>
      </c>
      <c r="BL8" s="261">
        <v>82</v>
      </c>
      <c r="BM8" s="261">
        <v>56</v>
      </c>
      <c r="BN8" s="261">
        <v>24</v>
      </c>
      <c r="BO8" s="258">
        <v>554</v>
      </c>
      <c r="BP8" s="263">
        <v>554</v>
      </c>
      <c r="BQ8" s="257">
        <v>8</v>
      </c>
      <c r="BR8" s="261">
        <v>12</v>
      </c>
      <c r="BS8" s="258">
        <v>20</v>
      </c>
      <c r="BT8" s="260">
        <v>0</v>
      </c>
      <c r="BU8" s="261">
        <v>40</v>
      </c>
      <c r="BV8" s="261">
        <v>55</v>
      </c>
      <c r="BW8" s="261">
        <v>37</v>
      </c>
      <c r="BX8" s="261">
        <v>19</v>
      </c>
      <c r="BY8" s="261">
        <v>15</v>
      </c>
      <c r="BZ8" s="258">
        <v>166</v>
      </c>
      <c r="CA8" s="263">
        <v>186</v>
      </c>
      <c r="CB8" s="257">
        <v>0</v>
      </c>
      <c r="CC8" s="261">
        <v>3</v>
      </c>
      <c r="CD8" s="258">
        <v>3</v>
      </c>
      <c r="CE8" s="260">
        <v>0</v>
      </c>
      <c r="CF8" s="261">
        <v>18</v>
      </c>
      <c r="CG8" s="261">
        <v>29</v>
      </c>
      <c r="CH8" s="261">
        <v>30</v>
      </c>
      <c r="CI8" s="261">
        <v>18</v>
      </c>
      <c r="CJ8" s="261">
        <v>12</v>
      </c>
      <c r="CK8" s="258">
        <v>107</v>
      </c>
      <c r="CL8" s="263">
        <v>110</v>
      </c>
      <c r="CM8" s="257">
        <v>0</v>
      </c>
      <c r="CN8" s="261">
        <v>0</v>
      </c>
      <c r="CO8" s="258">
        <v>0</v>
      </c>
      <c r="CP8" s="260">
        <v>0</v>
      </c>
      <c r="CQ8" s="261">
        <v>3</v>
      </c>
      <c r="CR8" s="261">
        <v>2</v>
      </c>
      <c r="CS8" s="261">
        <v>6</v>
      </c>
      <c r="CT8" s="261">
        <v>8</v>
      </c>
      <c r="CU8" s="261">
        <v>4</v>
      </c>
      <c r="CV8" s="258">
        <v>23</v>
      </c>
      <c r="CW8" s="263">
        <v>23</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84</v>
      </c>
      <c r="DU8" s="261">
        <v>132</v>
      </c>
      <c r="DV8" s="258">
        <v>216</v>
      </c>
      <c r="DW8" s="260">
        <v>0</v>
      </c>
      <c r="DX8" s="261">
        <v>265</v>
      </c>
      <c r="DY8" s="261">
        <v>344</v>
      </c>
      <c r="DZ8" s="261">
        <v>208</v>
      </c>
      <c r="EA8" s="261">
        <v>192</v>
      </c>
      <c r="EB8" s="261">
        <v>111</v>
      </c>
      <c r="EC8" s="258">
        <v>1120</v>
      </c>
      <c r="ED8" s="263">
        <v>1336</v>
      </c>
      <c r="EE8" s="257">
        <v>31</v>
      </c>
      <c r="EF8" s="261">
        <v>16</v>
      </c>
      <c r="EG8" s="258">
        <v>47</v>
      </c>
      <c r="EH8" s="260">
        <v>0</v>
      </c>
      <c r="EI8" s="261">
        <v>85</v>
      </c>
      <c r="EJ8" s="261">
        <v>61</v>
      </c>
      <c r="EK8" s="261">
        <v>66</v>
      </c>
      <c r="EL8" s="261">
        <v>63</v>
      </c>
      <c r="EM8" s="261">
        <v>31</v>
      </c>
      <c r="EN8" s="258">
        <v>306</v>
      </c>
      <c r="EO8" s="263">
        <v>353</v>
      </c>
      <c r="EP8" s="257">
        <v>107</v>
      </c>
      <c r="EQ8" s="261">
        <v>166</v>
      </c>
      <c r="ER8" s="258">
        <v>273</v>
      </c>
      <c r="ES8" s="260">
        <v>0</v>
      </c>
      <c r="ET8" s="261">
        <v>581</v>
      </c>
      <c r="EU8" s="261">
        <v>484</v>
      </c>
      <c r="EV8" s="261">
        <v>249</v>
      </c>
      <c r="EW8" s="261">
        <v>185</v>
      </c>
      <c r="EX8" s="261">
        <v>109</v>
      </c>
      <c r="EY8" s="258">
        <v>1608</v>
      </c>
      <c r="EZ8" s="263">
        <v>1881</v>
      </c>
    </row>
    <row r="9" spans="2:156" ht="21" customHeight="1" x14ac:dyDescent="0.2">
      <c r="B9" s="472" t="s">
        <v>14</v>
      </c>
      <c r="C9" s="257">
        <v>0</v>
      </c>
      <c r="D9" s="261">
        <v>0</v>
      </c>
      <c r="E9" s="358">
        <v>0</v>
      </c>
      <c r="F9" s="260">
        <v>0</v>
      </c>
      <c r="G9" s="261">
        <v>59</v>
      </c>
      <c r="H9" s="261">
        <v>104</v>
      </c>
      <c r="I9" s="261">
        <v>47</v>
      </c>
      <c r="J9" s="261">
        <v>34</v>
      </c>
      <c r="K9" s="261">
        <v>27</v>
      </c>
      <c r="L9" s="262">
        <v>271</v>
      </c>
      <c r="M9" s="263">
        <v>271</v>
      </c>
      <c r="N9" s="257">
        <v>0</v>
      </c>
      <c r="O9" s="261">
        <v>0</v>
      </c>
      <c r="P9" s="258">
        <v>0</v>
      </c>
      <c r="Q9" s="260">
        <v>0</v>
      </c>
      <c r="R9" s="261">
        <v>0</v>
      </c>
      <c r="S9" s="261">
        <v>0</v>
      </c>
      <c r="T9" s="261">
        <v>4</v>
      </c>
      <c r="U9" s="261">
        <v>8</v>
      </c>
      <c r="V9" s="261">
        <v>9</v>
      </c>
      <c r="W9" s="258">
        <v>21</v>
      </c>
      <c r="X9" s="263">
        <v>21</v>
      </c>
      <c r="Y9" s="257">
        <v>9</v>
      </c>
      <c r="Z9" s="261">
        <v>23</v>
      </c>
      <c r="AA9" s="258">
        <v>32</v>
      </c>
      <c r="AB9" s="260">
        <v>0</v>
      </c>
      <c r="AC9" s="261">
        <v>50</v>
      </c>
      <c r="AD9" s="261">
        <v>87</v>
      </c>
      <c r="AE9" s="261">
        <v>54</v>
      </c>
      <c r="AF9" s="261">
        <v>38</v>
      </c>
      <c r="AG9" s="261">
        <v>29</v>
      </c>
      <c r="AH9" s="258">
        <v>258</v>
      </c>
      <c r="AI9" s="263">
        <v>290</v>
      </c>
      <c r="AJ9" s="257">
        <v>0</v>
      </c>
      <c r="AK9" s="261">
        <v>3</v>
      </c>
      <c r="AL9" s="258">
        <v>3</v>
      </c>
      <c r="AM9" s="260">
        <v>0</v>
      </c>
      <c r="AN9" s="261">
        <v>2</v>
      </c>
      <c r="AO9" s="261">
        <v>1</v>
      </c>
      <c r="AP9" s="261">
        <v>2</v>
      </c>
      <c r="AQ9" s="261">
        <v>6</v>
      </c>
      <c r="AR9" s="261">
        <v>0</v>
      </c>
      <c r="AS9" s="258">
        <v>11</v>
      </c>
      <c r="AT9" s="263">
        <v>14</v>
      </c>
      <c r="AU9" s="257">
        <v>13</v>
      </c>
      <c r="AV9" s="261">
        <v>20</v>
      </c>
      <c r="AW9" s="258">
        <v>33</v>
      </c>
      <c r="AX9" s="260">
        <v>0</v>
      </c>
      <c r="AY9" s="261">
        <v>87</v>
      </c>
      <c r="AZ9" s="261">
        <v>113</v>
      </c>
      <c r="BA9" s="261">
        <v>103</v>
      </c>
      <c r="BB9" s="261">
        <v>88</v>
      </c>
      <c r="BC9" s="261">
        <v>59</v>
      </c>
      <c r="BD9" s="262">
        <v>450</v>
      </c>
      <c r="BE9" s="263">
        <v>483</v>
      </c>
      <c r="BF9" s="257">
        <v>0</v>
      </c>
      <c r="BG9" s="261">
        <v>0</v>
      </c>
      <c r="BH9" s="258">
        <v>0</v>
      </c>
      <c r="BI9" s="260">
        <v>0</v>
      </c>
      <c r="BJ9" s="261">
        <v>120</v>
      </c>
      <c r="BK9" s="261">
        <v>128</v>
      </c>
      <c r="BL9" s="261">
        <v>69</v>
      </c>
      <c r="BM9" s="261">
        <v>39</v>
      </c>
      <c r="BN9" s="261">
        <v>19</v>
      </c>
      <c r="BO9" s="258">
        <v>375</v>
      </c>
      <c r="BP9" s="263">
        <v>375</v>
      </c>
      <c r="BQ9" s="257">
        <v>5</v>
      </c>
      <c r="BR9" s="261">
        <v>9</v>
      </c>
      <c r="BS9" s="258">
        <v>14</v>
      </c>
      <c r="BT9" s="260">
        <v>0</v>
      </c>
      <c r="BU9" s="261">
        <v>10</v>
      </c>
      <c r="BV9" s="261">
        <v>29</v>
      </c>
      <c r="BW9" s="261">
        <v>16</v>
      </c>
      <c r="BX9" s="261">
        <v>11</v>
      </c>
      <c r="BY9" s="261">
        <v>0</v>
      </c>
      <c r="BZ9" s="258">
        <v>66</v>
      </c>
      <c r="CA9" s="263">
        <v>80</v>
      </c>
      <c r="CB9" s="257">
        <v>0</v>
      </c>
      <c r="CC9" s="261">
        <v>1</v>
      </c>
      <c r="CD9" s="258">
        <v>1</v>
      </c>
      <c r="CE9" s="260">
        <v>0</v>
      </c>
      <c r="CF9" s="261">
        <v>13</v>
      </c>
      <c r="CG9" s="261">
        <v>21</v>
      </c>
      <c r="CH9" s="261">
        <v>20</v>
      </c>
      <c r="CI9" s="261">
        <v>19</v>
      </c>
      <c r="CJ9" s="261">
        <v>5</v>
      </c>
      <c r="CK9" s="258">
        <v>78</v>
      </c>
      <c r="CL9" s="263">
        <v>79</v>
      </c>
      <c r="CM9" s="257">
        <v>0</v>
      </c>
      <c r="CN9" s="261">
        <v>0</v>
      </c>
      <c r="CO9" s="258">
        <v>0</v>
      </c>
      <c r="CP9" s="260">
        <v>0</v>
      </c>
      <c r="CQ9" s="261">
        <v>1</v>
      </c>
      <c r="CR9" s="261">
        <v>2</v>
      </c>
      <c r="CS9" s="261">
        <v>1</v>
      </c>
      <c r="CT9" s="261">
        <v>1</v>
      </c>
      <c r="CU9" s="261">
        <v>2</v>
      </c>
      <c r="CV9" s="258">
        <v>7</v>
      </c>
      <c r="CW9" s="263">
        <v>7</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8</v>
      </c>
      <c r="DU9" s="261">
        <v>109</v>
      </c>
      <c r="DV9" s="258">
        <v>147</v>
      </c>
      <c r="DW9" s="260">
        <v>0</v>
      </c>
      <c r="DX9" s="261">
        <v>110</v>
      </c>
      <c r="DY9" s="261">
        <v>266</v>
      </c>
      <c r="DZ9" s="261">
        <v>141</v>
      </c>
      <c r="EA9" s="261">
        <v>98</v>
      </c>
      <c r="EB9" s="261">
        <v>47</v>
      </c>
      <c r="EC9" s="258">
        <v>662</v>
      </c>
      <c r="ED9" s="263">
        <v>809</v>
      </c>
      <c r="EE9" s="257">
        <v>12</v>
      </c>
      <c r="EF9" s="261">
        <v>7</v>
      </c>
      <c r="EG9" s="258">
        <v>19</v>
      </c>
      <c r="EH9" s="260">
        <v>0</v>
      </c>
      <c r="EI9" s="261">
        <v>35</v>
      </c>
      <c r="EJ9" s="261">
        <v>21</v>
      </c>
      <c r="EK9" s="261">
        <v>32</v>
      </c>
      <c r="EL9" s="261">
        <v>23</v>
      </c>
      <c r="EM9" s="261">
        <v>13</v>
      </c>
      <c r="EN9" s="258">
        <v>124</v>
      </c>
      <c r="EO9" s="263">
        <v>143</v>
      </c>
      <c r="EP9" s="257">
        <v>50</v>
      </c>
      <c r="EQ9" s="261">
        <v>128</v>
      </c>
      <c r="ER9" s="258">
        <v>178</v>
      </c>
      <c r="ES9" s="260">
        <v>0</v>
      </c>
      <c r="ET9" s="261">
        <v>272</v>
      </c>
      <c r="EU9" s="261">
        <v>363</v>
      </c>
      <c r="EV9" s="261">
        <v>180</v>
      </c>
      <c r="EW9" s="261">
        <v>103</v>
      </c>
      <c r="EX9" s="261">
        <v>53</v>
      </c>
      <c r="EY9" s="258">
        <v>971</v>
      </c>
      <c r="EZ9" s="263">
        <v>1149</v>
      </c>
    </row>
    <row r="10" spans="2:156" ht="21" customHeight="1" x14ac:dyDescent="0.2">
      <c r="B10" s="472" t="s">
        <v>7</v>
      </c>
      <c r="C10" s="257">
        <v>0</v>
      </c>
      <c r="D10" s="261">
        <v>0</v>
      </c>
      <c r="E10" s="358">
        <v>0</v>
      </c>
      <c r="F10" s="260">
        <v>0</v>
      </c>
      <c r="G10" s="261">
        <v>123</v>
      </c>
      <c r="H10" s="261">
        <v>103</v>
      </c>
      <c r="I10" s="261">
        <v>56</v>
      </c>
      <c r="J10" s="261">
        <v>35</v>
      </c>
      <c r="K10" s="261">
        <v>26</v>
      </c>
      <c r="L10" s="262">
        <v>343</v>
      </c>
      <c r="M10" s="263">
        <v>343</v>
      </c>
      <c r="N10" s="257">
        <v>0</v>
      </c>
      <c r="O10" s="261">
        <v>0</v>
      </c>
      <c r="P10" s="258">
        <v>0</v>
      </c>
      <c r="Q10" s="260">
        <v>0</v>
      </c>
      <c r="R10" s="261">
        <v>1</v>
      </c>
      <c r="S10" s="261">
        <v>6</v>
      </c>
      <c r="T10" s="261">
        <v>7</v>
      </c>
      <c r="U10" s="261">
        <v>17</v>
      </c>
      <c r="V10" s="261">
        <v>15</v>
      </c>
      <c r="W10" s="258">
        <v>46</v>
      </c>
      <c r="X10" s="263">
        <v>46</v>
      </c>
      <c r="Y10" s="257">
        <v>4</v>
      </c>
      <c r="Z10" s="261">
        <v>2</v>
      </c>
      <c r="AA10" s="258">
        <v>6</v>
      </c>
      <c r="AB10" s="260">
        <v>0</v>
      </c>
      <c r="AC10" s="261">
        <v>63</v>
      </c>
      <c r="AD10" s="261">
        <v>56</v>
      </c>
      <c r="AE10" s="261">
        <v>29</v>
      </c>
      <c r="AF10" s="261">
        <v>27</v>
      </c>
      <c r="AG10" s="261">
        <v>19</v>
      </c>
      <c r="AH10" s="258">
        <v>194</v>
      </c>
      <c r="AI10" s="263">
        <v>200</v>
      </c>
      <c r="AJ10" s="257">
        <v>0</v>
      </c>
      <c r="AK10" s="261">
        <v>0</v>
      </c>
      <c r="AL10" s="258">
        <v>0</v>
      </c>
      <c r="AM10" s="260">
        <v>0</v>
      </c>
      <c r="AN10" s="261">
        <v>7</v>
      </c>
      <c r="AO10" s="261">
        <v>7</v>
      </c>
      <c r="AP10" s="261">
        <v>11</v>
      </c>
      <c r="AQ10" s="261">
        <v>5</v>
      </c>
      <c r="AR10" s="261">
        <v>1</v>
      </c>
      <c r="AS10" s="258">
        <v>31</v>
      </c>
      <c r="AT10" s="263">
        <v>31</v>
      </c>
      <c r="AU10" s="257">
        <v>18</v>
      </c>
      <c r="AV10" s="261">
        <v>14</v>
      </c>
      <c r="AW10" s="258">
        <v>32</v>
      </c>
      <c r="AX10" s="260">
        <v>0</v>
      </c>
      <c r="AY10" s="261">
        <v>126</v>
      </c>
      <c r="AZ10" s="261">
        <v>123</v>
      </c>
      <c r="BA10" s="261">
        <v>107</v>
      </c>
      <c r="BB10" s="261">
        <v>70</v>
      </c>
      <c r="BC10" s="261">
        <v>57</v>
      </c>
      <c r="BD10" s="262">
        <v>483</v>
      </c>
      <c r="BE10" s="263">
        <v>515</v>
      </c>
      <c r="BF10" s="257">
        <v>0</v>
      </c>
      <c r="BG10" s="261">
        <v>0</v>
      </c>
      <c r="BH10" s="258">
        <v>0</v>
      </c>
      <c r="BI10" s="260">
        <v>0</v>
      </c>
      <c r="BJ10" s="261">
        <v>150</v>
      </c>
      <c r="BK10" s="261">
        <v>98</v>
      </c>
      <c r="BL10" s="261">
        <v>49</v>
      </c>
      <c r="BM10" s="261">
        <v>18</v>
      </c>
      <c r="BN10" s="261">
        <v>9</v>
      </c>
      <c r="BO10" s="258">
        <v>324</v>
      </c>
      <c r="BP10" s="263">
        <v>324</v>
      </c>
      <c r="BQ10" s="257">
        <v>0</v>
      </c>
      <c r="BR10" s="261">
        <v>3</v>
      </c>
      <c r="BS10" s="258">
        <v>3</v>
      </c>
      <c r="BT10" s="260">
        <v>0</v>
      </c>
      <c r="BU10" s="261">
        <v>24</v>
      </c>
      <c r="BV10" s="261">
        <v>22</v>
      </c>
      <c r="BW10" s="261">
        <v>16</v>
      </c>
      <c r="BX10" s="261">
        <v>5</v>
      </c>
      <c r="BY10" s="261">
        <v>1</v>
      </c>
      <c r="BZ10" s="258">
        <v>68</v>
      </c>
      <c r="CA10" s="263">
        <v>71</v>
      </c>
      <c r="CB10" s="257">
        <v>0</v>
      </c>
      <c r="CC10" s="261">
        <v>0</v>
      </c>
      <c r="CD10" s="258">
        <v>0</v>
      </c>
      <c r="CE10" s="260">
        <v>0</v>
      </c>
      <c r="CF10" s="261">
        <v>20</v>
      </c>
      <c r="CG10" s="261">
        <v>28</v>
      </c>
      <c r="CH10" s="261">
        <v>30</v>
      </c>
      <c r="CI10" s="261">
        <v>15</v>
      </c>
      <c r="CJ10" s="261">
        <v>8</v>
      </c>
      <c r="CK10" s="258">
        <v>101</v>
      </c>
      <c r="CL10" s="263">
        <v>101</v>
      </c>
      <c r="CM10" s="257">
        <v>0</v>
      </c>
      <c r="CN10" s="261">
        <v>0</v>
      </c>
      <c r="CO10" s="258">
        <v>0</v>
      </c>
      <c r="CP10" s="260">
        <v>0</v>
      </c>
      <c r="CQ10" s="261">
        <v>1</v>
      </c>
      <c r="CR10" s="261">
        <v>2</v>
      </c>
      <c r="CS10" s="261">
        <v>2</v>
      </c>
      <c r="CT10" s="261">
        <v>2</v>
      </c>
      <c r="CU10" s="261">
        <v>0</v>
      </c>
      <c r="CV10" s="258">
        <v>7</v>
      </c>
      <c r="CW10" s="263">
        <v>7</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27</v>
      </c>
      <c r="DU10" s="261">
        <v>33</v>
      </c>
      <c r="DV10" s="258">
        <v>60</v>
      </c>
      <c r="DW10" s="260">
        <v>0</v>
      </c>
      <c r="DX10" s="261">
        <v>154</v>
      </c>
      <c r="DY10" s="261">
        <v>216</v>
      </c>
      <c r="DZ10" s="261">
        <v>125</v>
      </c>
      <c r="EA10" s="261">
        <v>72</v>
      </c>
      <c r="EB10" s="261">
        <v>50</v>
      </c>
      <c r="EC10" s="258">
        <v>617</v>
      </c>
      <c r="ED10" s="263">
        <v>677</v>
      </c>
      <c r="EE10" s="257">
        <v>12</v>
      </c>
      <c r="EF10" s="261">
        <v>10</v>
      </c>
      <c r="EG10" s="258">
        <v>22</v>
      </c>
      <c r="EH10" s="260">
        <v>0</v>
      </c>
      <c r="EI10" s="261">
        <v>53</v>
      </c>
      <c r="EJ10" s="261">
        <v>42</v>
      </c>
      <c r="EK10" s="261">
        <v>31</v>
      </c>
      <c r="EL10" s="261">
        <v>24</v>
      </c>
      <c r="EM10" s="261">
        <v>14</v>
      </c>
      <c r="EN10" s="258">
        <v>164</v>
      </c>
      <c r="EO10" s="263">
        <v>186</v>
      </c>
      <c r="EP10" s="257">
        <v>31</v>
      </c>
      <c r="EQ10" s="261">
        <v>35</v>
      </c>
      <c r="ER10" s="258">
        <v>66</v>
      </c>
      <c r="ES10" s="260">
        <v>0</v>
      </c>
      <c r="ET10" s="261">
        <v>380</v>
      </c>
      <c r="EU10" s="261">
        <v>296</v>
      </c>
      <c r="EV10" s="261">
        <v>150</v>
      </c>
      <c r="EW10" s="261">
        <v>78</v>
      </c>
      <c r="EX10" s="261">
        <v>47</v>
      </c>
      <c r="EY10" s="258">
        <v>951</v>
      </c>
      <c r="EZ10" s="263">
        <v>1017</v>
      </c>
    </row>
    <row r="11" spans="2:156" ht="21" customHeight="1" x14ac:dyDescent="0.2">
      <c r="B11" s="472" t="s">
        <v>8</v>
      </c>
      <c r="C11" s="257">
        <v>0</v>
      </c>
      <c r="D11" s="261">
        <v>0</v>
      </c>
      <c r="E11" s="358">
        <v>0</v>
      </c>
      <c r="F11" s="260">
        <v>0</v>
      </c>
      <c r="G11" s="261">
        <v>19</v>
      </c>
      <c r="H11" s="261">
        <v>31</v>
      </c>
      <c r="I11" s="261">
        <v>28</v>
      </c>
      <c r="J11" s="261">
        <v>14</v>
      </c>
      <c r="K11" s="261">
        <v>14</v>
      </c>
      <c r="L11" s="262">
        <v>106</v>
      </c>
      <c r="M11" s="263">
        <v>106</v>
      </c>
      <c r="N11" s="257">
        <v>0</v>
      </c>
      <c r="O11" s="261">
        <v>0</v>
      </c>
      <c r="P11" s="258">
        <v>0</v>
      </c>
      <c r="Q11" s="260">
        <v>0</v>
      </c>
      <c r="R11" s="261">
        <v>0</v>
      </c>
      <c r="S11" s="261">
        <v>1</v>
      </c>
      <c r="T11" s="261">
        <v>0</v>
      </c>
      <c r="U11" s="261">
        <v>0</v>
      </c>
      <c r="V11" s="261">
        <v>8</v>
      </c>
      <c r="W11" s="258">
        <v>9</v>
      </c>
      <c r="X11" s="263">
        <v>9</v>
      </c>
      <c r="Y11" s="257">
        <v>2</v>
      </c>
      <c r="Z11" s="261">
        <v>2</v>
      </c>
      <c r="AA11" s="258">
        <v>4</v>
      </c>
      <c r="AB11" s="260">
        <v>0</v>
      </c>
      <c r="AC11" s="261">
        <v>21</v>
      </c>
      <c r="AD11" s="261">
        <v>30</v>
      </c>
      <c r="AE11" s="261">
        <v>24</v>
      </c>
      <c r="AF11" s="261">
        <v>11</v>
      </c>
      <c r="AG11" s="261">
        <v>10</v>
      </c>
      <c r="AH11" s="258">
        <v>96</v>
      </c>
      <c r="AI11" s="263">
        <v>100</v>
      </c>
      <c r="AJ11" s="257">
        <v>0</v>
      </c>
      <c r="AK11" s="261">
        <v>2</v>
      </c>
      <c r="AL11" s="258">
        <v>2</v>
      </c>
      <c r="AM11" s="260">
        <v>0</v>
      </c>
      <c r="AN11" s="261">
        <v>2</v>
      </c>
      <c r="AO11" s="261">
        <v>5</v>
      </c>
      <c r="AP11" s="261">
        <v>5</v>
      </c>
      <c r="AQ11" s="261">
        <v>5</v>
      </c>
      <c r="AR11" s="261">
        <v>0</v>
      </c>
      <c r="AS11" s="258">
        <v>17</v>
      </c>
      <c r="AT11" s="263">
        <v>19</v>
      </c>
      <c r="AU11" s="257">
        <v>10</v>
      </c>
      <c r="AV11" s="261">
        <v>4</v>
      </c>
      <c r="AW11" s="258">
        <v>14</v>
      </c>
      <c r="AX11" s="260">
        <v>0</v>
      </c>
      <c r="AY11" s="261">
        <v>41</v>
      </c>
      <c r="AZ11" s="261">
        <v>35</v>
      </c>
      <c r="BA11" s="261">
        <v>43</v>
      </c>
      <c r="BB11" s="261">
        <v>25</v>
      </c>
      <c r="BC11" s="261">
        <v>24</v>
      </c>
      <c r="BD11" s="262">
        <v>168</v>
      </c>
      <c r="BE11" s="263">
        <v>182</v>
      </c>
      <c r="BF11" s="257">
        <v>0</v>
      </c>
      <c r="BG11" s="261">
        <v>0</v>
      </c>
      <c r="BH11" s="258">
        <v>0</v>
      </c>
      <c r="BI11" s="260">
        <v>0</v>
      </c>
      <c r="BJ11" s="261">
        <v>39</v>
      </c>
      <c r="BK11" s="261">
        <v>30</v>
      </c>
      <c r="BL11" s="261">
        <v>23</v>
      </c>
      <c r="BM11" s="261">
        <v>10</v>
      </c>
      <c r="BN11" s="261">
        <v>6</v>
      </c>
      <c r="BO11" s="258">
        <v>108</v>
      </c>
      <c r="BP11" s="263">
        <v>108</v>
      </c>
      <c r="BQ11" s="257">
        <v>5</v>
      </c>
      <c r="BR11" s="261">
        <v>2</v>
      </c>
      <c r="BS11" s="258">
        <v>7</v>
      </c>
      <c r="BT11" s="260">
        <v>0</v>
      </c>
      <c r="BU11" s="261">
        <v>8</v>
      </c>
      <c r="BV11" s="261">
        <v>9</v>
      </c>
      <c r="BW11" s="261">
        <v>5</v>
      </c>
      <c r="BX11" s="261">
        <v>2</v>
      </c>
      <c r="BY11" s="261">
        <v>1</v>
      </c>
      <c r="BZ11" s="258">
        <v>25</v>
      </c>
      <c r="CA11" s="263">
        <v>32</v>
      </c>
      <c r="CB11" s="257">
        <v>1</v>
      </c>
      <c r="CC11" s="261">
        <v>0</v>
      </c>
      <c r="CD11" s="258">
        <v>1</v>
      </c>
      <c r="CE11" s="260">
        <v>0</v>
      </c>
      <c r="CF11" s="261">
        <v>8</v>
      </c>
      <c r="CG11" s="261">
        <v>6</v>
      </c>
      <c r="CH11" s="261">
        <v>11</v>
      </c>
      <c r="CI11" s="261">
        <v>5</v>
      </c>
      <c r="CJ11" s="261">
        <v>4</v>
      </c>
      <c r="CK11" s="258">
        <v>34</v>
      </c>
      <c r="CL11" s="263">
        <v>35</v>
      </c>
      <c r="CM11" s="257">
        <v>0</v>
      </c>
      <c r="CN11" s="261">
        <v>0</v>
      </c>
      <c r="CO11" s="258">
        <v>0</v>
      </c>
      <c r="CP11" s="260">
        <v>0</v>
      </c>
      <c r="CQ11" s="261">
        <v>0</v>
      </c>
      <c r="CR11" s="261">
        <v>0</v>
      </c>
      <c r="CS11" s="261">
        <v>1</v>
      </c>
      <c r="CT11" s="261">
        <v>0</v>
      </c>
      <c r="CU11" s="261">
        <v>0</v>
      </c>
      <c r="CV11" s="258">
        <v>1</v>
      </c>
      <c r="CW11" s="263">
        <v>1</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8</v>
      </c>
      <c r="DU11" s="261">
        <v>22</v>
      </c>
      <c r="DV11" s="258">
        <v>40</v>
      </c>
      <c r="DW11" s="260">
        <v>0</v>
      </c>
      <c r="DX11" s="261">
        <v>57</v>
      </c>
      <c r="DY11" s="261">
        <v>89</v>
      </c>
      <c r="DZ11" s="261">
        <v>61</v>
      </c>
      <c r="EA11" s="261">
        <v>33</v>
      </c>
      <c r="EB11" s="261">
        <v>26</v>
      </c>
      <c r="EC11" s="258">
        <v>266</v>
      </c>
      <c r="ED11" s="263">
        <v>306</v>
      </c>
      <c r="EE11" s="257">
        <v>8</v>
      </c>
      <c r="EF11" s="261">
        <v>3</v>
      </c>
      <c r="EG11" s="258">
        <v>11</v>
      </c>
      <c r="EH11" s="260">
        <v>0</v>
      </c>
      <c r="EI11" s="261">
        <v>17</v>
      </c>
      <c r="EJ11" s="261">
        <v>7</v>
      </c>
      <c r="EK11" s="261">
        <v>7</v>
      </c>
      <c r="EL11" s="261">
        <v>5</v>
      </c>
      <c r="EM11" s="261">
        <v>7</v>
      </c>
      <c r="EN11" s="258">
        <v>43</v>
      </c>
      <c r="EO11" s="263">
        <v>54</v>
      </c>
      <c r="EP11" s="257">
        <v>24</v>
      </c>
      <c r="EQ11" s="261">
        <v>24</v>
      </c>
      <c r="ER11" s="258">
        <v>48</v>
      </c>
      <c r="ES11" s="260">
        <v>0</v>
      </c>
      <c r="ET11" s="261">
        <v>110</v>
      </c>
      <c r="EU11" s="261">
        <v>109</v>
      </c>
      <c r="EV11" s="261">
        <v>66</v>
      </c>
      <c r="EW11" s="261">
        <v>30</v>
      </c>
      <c r="EX11" s="261">
        <v>26</v>
      </c>
      <c r="EY11" s="258">
        <v>341</v>
      </c>
      <c r="EZ11" s="263">
        <v>389</v>
      </c>
    </row>
    <row r="12" spans="2:156" ht="21" customHeight="1" x14ac:dyDescent="0.2">
      <c r="B12" s="472" t="s">
        <v>9</v>
      </c>
      <c r="C12" s="257">
        <v>0</v>
      </c>
      <c r="D12" s="261">
        <v>0</v>
      </c>
      <c r="E12" s="358">
        <v>0</v>
      </c>
      <c r="F12" s="260">
        <v>0</v>
      </c>
      <c r="G12" s="261">
        <v>54</v>
      </c>
      <c r="H12" s="261">
        <v>52</v>
      </c>
      <c r="I12" s="261">
        <v>36</v>
      </c>
      <c r="J12" s="261">
        <v>31</v>
      </c>
      <c r="K12" s="261">
        <v>17</v>
      </c>
      <c r="L12" s="262">
        <v>190</v>
      </c>
      <c r="M12" s="263">
        <v>190</v>
      </c>
      <c r="N12" s="257">
        <v>0</v>
      </c>
      <c r="O12" s="261">
        <v>0</v>
      </c>
      <c r="P12" s="258">
        <v>0</v>
      </c>
      <c r="Q12" s="260">
        <v>0</v>
      </c>
      <c r="R12" s="261">
        <v>0</v>
      </c>
      <c r="S12" s="261">
        <v>0</v>
      </c>
      <c r="T12" s="261">
        <v>3</v>
      </c>
      <c r="U12" s="261">
        <v>3</v>
      </c>
      <c r="V12" s="261">
        <v>4</v>
      </c>
      <c r="W12" s="258">
        <v>10</v>
      </c>
      <c r="X12" s="263">
        <v>10</v>
      </c>
      <c r="Y12" s="257">
        <v>4</v>
      </c>
      <c r="Z12" s="261">
        <v>11</v>
      </c>
      <c r="AA12" s="258">
        <v>15</v>
      </c>
      <c r="AB12" s="260">
        <v>0</v>
      </c>
      <c r="AC12" s="261">
        <v>45</v>
      </c>
      <c r="AD12" s="261">
        <v>31</v>
      </c>
      <c r="AE12" s="261">
        <v>40</v>
      </c>
      <c r="AF12" s="261">
        <v>29</v>
      </c>
      <c r="AG12" s="261">
        <v>14</v>
      </c>
      <c r="AH12" s="258">
        <v>159</v>
      </c>
      <c r="AI12" s="263">
        <v>174</v>
      </c>
      <c r="AJ12" s="257">
        <v>1</v>
      </c>
      <c r="AK12" s="261">
        <v>0</v>
      </c>
      <c r="AL12" s="258">
        <v>1</v>
      </c>
      <c r="AM12" s="260">
        <v>0</v>
      </c>
      <c r="AN12" s="261">
        <v>1</v>
      </c>
      <c r="AO12" s="261">
        <v>6</v>
      </c>
      <c r="AP12" s="261">
        <v>2</v>
      </c>
      <c r="AQ12" s="261">
        <v>3</v>
      </c>
      <c r="AR12" s="261">
        <v>4</v>
      </c>
      <c r="AS12" s="258">
        <v>16</v>
      </c>
      <c r="AT12" s="263">
        <v>17</v>
      </c>
      <c r="AU12" s="257">
        <v>9</v>
      </c>
      <c r="AV12" s="261">
        <v>11</v>
      </c>
      <c r="AW12" s="258">
        <v>20</v>
      </c>
      <c r="AX12" s="260">
        <v>0</v>
      </c>
      <c r="AY12" s="261">
        <v>54</v>
      </c>
      <c r="AZ12" s="261">
        <v>49</v>
      </c>
      <c r="BA12" s="261">
        <v>59</v>
      </c>
      <c r="BB12" s="261">
        <v>52</v>
      </c>
      <c r="BC12" s="261">
        <v>29</v>
      </c>
      <c r="BD12" s="262">
        <v>243</v>
      </c>
      <c r="BE12" s="263">
        <v>263</v>
      </c>
      <c r="BF12" s="257">
        <v>0</v>
      </c>
      <c r="BG12" s="261">
        <v>0</v>
      </c>
      <c r="BH12" s="258">
        <v>0</v>
      </c>
      <c r="BI12" s="260">
        <v>0</v>
      </c>
      <c r="BJ12" s="261">
        <v>47</v>
      </c>
      <c r="BK12" s="261">
        <v>43</v>
      </c>
      <c r="BL12" s="261">
        <v>22</v>
      </c>
      <c r="BM12" s="261">
        <v>16</v>
      </c>
      <c r="BN12" s="261">
        <v>2</v>
      </c>
      <c r="BO12" s="258">
        <v>130</v>
      </c>
      <c r="BP12" s="263">
        <v>130</v>
      </c>
      <c r="BQ12" s="257">
        <v>4</v>
      </c>
      <c r="BR12" s="261">
        <v>4</v>
      </c>
      <c r="BS12" s="258">
        <v>8</v>
      </c>
      <c r="BT12" s="260">
        <v>0</v>
      </c>
      <c r="BU12" s="261">
        <v>18</v>
      </c>
      <c r="BV12" s="261">
        <v>15</v>
      </c>
      <c r="BW12" s="261">
        <v>15</v>
      </c>
      <c r="BX12" s="261">
        <v>8</v>
      </c>
      <c r="BY12" s="261">
        <v>3</v>
      </c>
      <c r="BZ12" s="258">
        <v>59</v>
      </c>
      <c r="CA12" s="263">
        <v>67</v>
      </c>
      <c r="CB12" s="257">
        <v>0</v>
      </c>
      <c r="CC12" s="261">
        <v>0</v>
      </c>
      <c r="CD12" s="258">
        <v>0</v>
      </c>
      <c r="CE12" s="260">
        <v>0</v>
      </c>
      <c r="CF12" s="261">
        <v>9</v>
      </c>
      <c r="CG12" s="261">
        <v>7</v>
      </c>
      <c r="CH12" s="261">
        <v>11</v>
      </c>
      <c r="CI12" s="261">
        <v>10</v>
      </c>
      <c r="CJ12" s="261">
        <v>4</v>
      </c>
      <c r="CK12" s="258">
        <v>41</v>
      </c>
      <c r="CL12" s="263">
        <v>41</v>
      </c>
      <c r="CM12" s="257">
        <v>0</v>
      </c>
      <c r="CN12" s="261">
        <v>0</v>
      </c>
      <c r="CO12" s="258">
        <v>0</v>
      </c>
      <c r="CP12" s="260">
        <v>0</v>
      </c>
      <c r="CQ12" s="261">
        <v>0</v>
      </c>
      <c r="CR12" s="261">
        <v>3</v>
      </c>
      <c r="CS12" s="261">
        <v>2</v>
      </c>
      <c r="CT12" s="261">
        <v>2</v>
      </c>
      <c r="CU12" s="261">
        <v>1</v>
      </c>
      <c r="CV12" s="258">
        <v>8</v>
      </c>
      <c r="CW12" s="263">
        <v>8</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29</v>
      </c>
      <c r="DU12" s="261">
        <v>36</v>
      </c>
      <c r="DV12" s="258">
        <v>65</v>
      </c>
      <c r="DW12" s="260">
        <v>0</v>
      </c>
      <c r="DX12" s="261">
        <v>89</v>
      </c>
      <c r="DY12" s="261">
        <v>77</v>
      </c>
      <c r="DZ12" s="261">
        <v>77</v>
      </c>
      <c r="EA12" s="261">
        <v>52</v>
      </c>
      <c r="EB12" s="261">
        <v>28</v>
      </c>
      <c r="EC12" s="258">
        <v>323</v>
      </c>
      <c r="ED12" s="263">
        <v>388</v>
      </c>
      <c r="EE12" s="257">
        <v>8</v>
      </c>
      <c r="EF12" s="261">
        <v>2</v>
      </c>
      <c r="EG12" s="258">
        <v>10</v>
      </c>
      <c r="EH12" s="260">
        <v>0</v>
      </c>
      <c r="EI12" s="261">
        <v>20</v>
      </c>
      <c r="EJ12" s="261">
        <v>18</v>
      </c>
      <c r="EK12" s="261">
        <v>14</v>
      </c>
      <c r="EL12" s="261">
        <v>12</v>
      </c>
      <c r="EM12" s="261">
        <v>6</v>
      </c>
      <c r="EN12" s="258">
        <v>70</v>
      </c>
      <c r="EO12" s="263">
        <v>80</v>
      </c>
      <c r="EP12" s="257">
        <v>35</v>
      </c>
      <c r="EQ12" s="261">
        <v>44</v>
      </c>
      <c r="ER12" s="258">
        <v>79</v>
      </c>
      <c r="ES12" s="260">
        <v>0</v>
      </c>
      <c r="ET12" s="261">
        <v>167</v>
      </c>
      <c r="EU12" s="261">
        <v>121</v>
      </c>
      <c r="EV12" s="261">
        <v>86</v>
      </c>
      <c r="EW12" s="261">
        <v>57</v>
      </c>
      <c r="EX12" s="261">
        <v>28</v>
      </c>
      <c r="EY12" s="258">
        <v>459</v>
      </c>
      <c r="EZ12" s="263">
        <v>538</v>
      </c>
    </row>
    <row r="13" spans="2:156" ht="21" customHeight="1" x14ac:dyDescent="0.2">
      <c r="B13" s="472" t="s">
        <v>10</v>
      </c>
      <c r="C13" s="257">
        <v>0</v>
      </c>
      <c r="D13" s="261">
        <v>0</v>
      </c>
      <c r="E13" s="358">
        <v>0</v>
      </c>
      <c r="F13" s="260">
        <v>0</v>
      </c>
      <c r="G13" s="261">
        <v>87</v>
      </c>
      <c r="H13" s="261">
        <v>50</v>
      </c>
      <c r="I13" s="261">
        <v>26</v>
      </c>
      <c r="J13" s="261">
        <v>31</v>
      </c>
      <c r="K13" s="261">
        <v>20</v>
      </c>
      <c r="L13" s="262">
        <v>214</v>
      </c>
      <c r="M13" s="263">
        <v>214</v>
      </c>
      <c r="N13" s="257">
        <v>0</v>
      </c>
      <c r="O13" s="261">
        <v>0</v>
      </c>
      <c r="P13" s="258">
        <v>0</v>
      </c>
      <c r="Q13" s="260">
        <v>0</v>
      </c>
      <c r="R13" s="261">
        <v>1</v>
      </c>
      <c r="S13" s="261">
        <v>1</v>
      </c>
      <c r="T13" s="261">
        <v>4</v>
      </c>
      <c r="U13" s="261">
        <v>4</v>
      </c>
      <c r="V13" s="261">
        <v>13</v>
      </c>
      <c r="W13" s="258">
        <v>23</v>
      </c>
      <c r="X13" s="263">
        <v>23</v>
      </c>
      <c r="Y13" s="257">
        <v>12</v>
      </c>
      <c r="Z13" s="261">
        <v>22</v>
      </c>
      <c r="AA13" s="258">
        <v>34</v>
      </c>
      <c r="AB13" s="260">
        <v>0</v>
      </c>
      <c r="AC13" s="261">
        <v>64</v>
      </c>
      <c r="AD13" s="261">
        <v>41</v>
      </c>
      <c r="AE13" s="261">
        <v>19</v>
      </c>
      <c r="AF13" s="261">
        <v>27</v>
      </c>
      <c r="AG13" s="261">
        <v>14</v>
      </c>
      <c r="AH13" s="258">
        <v>165</v>
      </c>
      <c r="AI13" s="263">
        <v>199</v>
      </c>
      <c r="AJ13" s="257">
        <v>2</v>
      </c>
      <c r="AK13" s="261">
        <v>2</v>
      </c>
      <c r="AL13" s="258">
        <v>4</v>
      </c>
      <c r="AM13" s="260">
        <v>0</v>
      </c>
      <c r="AN13" s="261">
        <v>8</v>
      </c>
      <c r="AO13" s="261">
        <v>6</v>
      </c>
      <c r="AP13" s="261">
        <v>4</v>
      </c>
      <c r="AQ13" s="261">
        <v>4</v>
      </c>
      <c r="AR13" s="261">
        <v>6</v>
      </c>
      <c r="AS13" s="258">
        <v>28</v>
      </c>
      <c r="AT13" s="263">
        <v>32</v>
      </c>
      <c r="AU13" s="257">
        <v>16</v>
      </c>
      <c r="AV13" s="261">
        <v>11</v>
      </c>
      <c r="AW13" s="258">
        <v>27</v>
      </c>
      <c r="AX13" s="260">
        <v>0</v>
      </c>
      <c r="AY13" s="261">
        <v>102</v>
      </c>
      <c r="AZ13" s="261">
        <v>79</v>
      </c>
      <c r="BA13" s="261">
        <v>64</v>
      </c>
      <c r="BB13" s="261">
        <v>72</v>
      </c>
      <c r="BC13" s="261">
        <v>51</v>
      </c>
      <c r="BD13" s="262">
        <v>368</v>
      </c>
      <c r="BE13" s="263">
        <v>395</v>
      </c>
      <c r="BF13" s="257">
        <v>0</v>
      </c>
      <c r="BG13" s="261">
        <v>0</v>
      </c>
      <c r="BH13" s="258">
        <v>0</v>
      </c>
      <c r="BI13" s="260">
        <v>0</v>
      </c>
      <c r="BJ13" s="261">
        <v>121</v>
      </c>
      <c r="BK13" s="261">
        <v>67</v>
      </c>
      <c r="BL13" s="261">
        <v>33</v>
      </c>
      <c r="BM13" s="261">
        <v>21</v>
      </c>
      <c r="BN13" s="261">
        <v>11</v>
      </c>
      <c r="BO13" s="258">
        <v>253</v>
      </c>
      <c r="BP13" s="263">
        <v>253</v>
      </c>
      <c r="BQ13" s="257">
        <v>6</v>
      </c>
      <c r="BR13" s="261">
        <v>6</v>
      </c>
      <c r="BS13" s="258">
        <v>12</v>
      </c>
      <c r="BT13" s="260">
        <v>0</v>
      </c>
      <c r="BU13" s="261">
        <v>25</v>
      </c>
      <c r="BV13" s="261">
        <v>10</v>
      </c>
      <c r="BW13" s="261">
        <v>6</v>
      </c>
      <c r="BX13" s="261">
        <v>7</v>
      </c>
      <c r="BY13" s="261">
        <v>3</v>
      </c>
      <c r="BZ13" s="258">
        <v>51</v>
      </c>
      <c r="CA13" s="263">
        <v>63</v>
      </c>
      <c r="CB13" s="257">
        <v>1</v>
      </c>
      <c r="CC13" s="261">
        <v>0</v>
      </c>
      <c r="CD13" s="258">
        <v>1</v>
      </c>
      <c r="CE13" s="260">
        <v>0</v>
      </c>
      <c r="CF13" s="261">
        <v>18</v>
      </c>
      <c r="CG13" s="261">
        <v>11</v>
      </c>
      <c r="CH13" s="261">
        <v>9</v>
      </c>
      <c r="CI13" s="261">
        <v>15</v>
      </c>
      <c r="CJ13" s="261">
        <v>5</v>
      </c>
      <c r="CK13" s="258">
        <v>58</v>
      </c>
      <c r="CL13" s="263">
        <v>59</v>
      </c>
      <c r="CM13" s="257">
        <v>1</v>
      </c>
      <c r="CN13" s="261">
        <v>0</v>
      </c>
      <c r="CO13" s="258">
        <v>1</v>
      </c>
      <c r="CP13" s="260">
        <v>0</v>
      </c>
      <c r="CQ13" s="261">
        <v>1</v>
      </c>
      <c r="CR13" s="261">
        <v>2</v>
      </c>
      <c r="CS13" s="261">
        <v>4</v>
      </c>
      <c r="CT13" s="261">
        <v>2</v>
      </c>
      <c r="CU13" s="261">
        <v>1</v>
      </c>
      <c r="CV13" s="258">
        <v>10</v>
      </c>
      <c r="CW13" s="263">
        <v>11</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68</v>
      </c>
      <c r="DU13" s="261">
        <v>76</v>
      </c>
      <c r="DV13" s="258">
        <v>144</v>
      </c>
      <c r="DW13" s="260">
        <v>0</v>
      </c>
      <c r="DX13" s="261">
        <v>146</v>
      </c>
      <c r="DY13" s="261">
        <v>118</v>
      </c>
      <c r="DZ13" s="261">
        <v>67</v>
      </c>
      <c r="EA13" s="261">
        <v>66</v>
      </c>
      <c r="EB13" s="261">
        <v>36</v>
      </c>
      <c r="EC13" s="258">
        <v>433</v>
      </c>
      <c r="ED13" s="263">
        <v>577</v>
      </c>
      <c r="EE13" s="257">
        <v>8</v>
      </c>
      <c r="EF13" s="261">
        <v>0</v>
      </c>
      <c r="EG13" s="258">
        <v>8</v>
      </c>
      <c r="EH13" s="260">
        <v>0</v>
      </c>
      <c r="EI13" s="261">
        <v>30</v>
      </c>
      <c r="EJ13" s="261">
        <v>17</v>
      </c>
      <c r="EK13" s="261">
        <v>14</v>
      </c>
      <c r="EL13" s="261">
        <v>18</v>
      </c>
      <c r="EM13" s="261">
        <v>11</v>
      </c>
      <c r="EN13" s="258">
        <v>90</v>
      </c>
      <c r="EO13" s="263">
        <v>98</v>
      </c>
      <c r="EP13" s="257">
        <v>84</v>
      </c>
      <c r="EQ13" s="261">
        <v>91</v>
      </c>
      <c r="ER13" s="258">
        <v>175</v>
      </c>
      <c r="ES13" s="260">
        <v>0</v>
      </c>
      <c r="ET13" s="261">
        <v>282</v>
      </c>
      <c r="EU13" s="261">
        <v>149</v>
      </c>
      <c r="EV13" s="261">
        <v>70</v>
      </c>
      <c r="EW13" s="261">
        <v>61</v>
      </c>
      <c r="EX13" s="261">
        <v>34</v>
      </c>
      <c r="EY13" s="258">
        <v>596</v>
      </c>
      <c r="EZ13" s="263">
        <v>771</v>
      </c>
    </row>
    <row r="14" spans="2:156" ht="21" customHeight="1" x14ac:dyDescent="0.2">
      <c r="B14" s="472" t="s">
        <v>11</v>
      </c>
      <c r="C14" s="257">
        <v>0</v>
      </c>
      <c r="D14" s="261">
        <v>0</v>
      </c>
      <c r="E14" s="358">
        <v>0</v>
      </c>
      <c r="F14" s="260">
        <v>0</v>
      </c>
      <c r="G14" s="261">
        <v>12</v>
      </c>
      <c r="H14" s="261">
        <v>18</v>
      </c>
      <c r="I14" s="261">
        <v>10</v>
      </c>
      <c r="J14" s="261">
        <v>16</v>
      </c>
      <c r="K14" s="261">
        <v>7</v>
      </c>
      <c r="L14" s="262">
        <v>63</v>
      </c>
      <c r="M14" s="263">
        <v>63</v>
      </c>
      <c r="N14" s="257">
        <v>0</v>
      </c>
      <c r="O14" s="261">
        <v>0</v>
      </c>
      <c r="P14" s="258">
        <v>0</v>
      </c>
      <c r="Q14" s="260">
        <v>0</v>
      </c>
      <c r="R14" s="261">
        <v>0</v>
      </c>
      <c r="S14" s="261">
        <v>2</v>
      </c>
      <c r="T14" s="261">
        <v>1</v>
      </c>
      <c r="U14" s="261">
        <v>2</v>
      </c>
      <c r="V14" s="261">
        <v>2</v>
      </c>
      <c r="W14" s="258">
        <v>7</v>
      </c>
      <c r="X14" s="263">
        <v>7</v>
      </c>
      <c r="Y14" s="257">
        <v>7</v>
      </c>
      <c r="Z14" s="261">
        <v>6</v>
      </c>
      <c r="AA14" s="258">
        <v>13</v>
      </c>
      <c r="AB14" s="260">
        <v>0</v>
      </c>
      <c r="AC14" s="261">
        <v>26</v>
      </c>
      <c r="AD14" s="261">
        <v>19</v>
      </c>
      <c r="AE14" s="261">
        <v>13</v>
      </c>
      <c r="AF14" s="261">
        <v>17</v>
      </c>
      <c r="AG14" s="261">
        <v>6</v>
      </c>
      <c r="AH14" s="258">
        <v>81</v>
      </c>
      <c r="AI14" s="263">
        <v>94</v>
      </c>
      <c r="AJ14" s="257">
        <v>0</v>
      </c>
      <c r="AK14" s="261">
        <v>2</v>
      </c>
      <c r="AL14" s="258">
        <v>2</v>
      </c>
      <c r="AM14" s="260">
        <v>0</v>
      </c>
      <c r="AN14" s="261">
        <v>1</v>
      </c>
      <c r="AO14" s="261">
        <v>1</v>
      </c>
      <c r="AP14" s="261">
        <v>2</v>
      </c>
      <c r="AQ14" s="261">
        <v>3</v>
      </c>
      <c r="AR14" s="261">
        <v>1</v>
      </c>
      <c r="AS14" s="258">
        <v>8</v>
      </c>
      <c r="AT14" s="263">
        <v>10</v>
      </c>
      <c r="AU14" s="257">
        <v>3</v>
      </c>
      <c r="AV14" s="261">
        <v>5</v>
      </c>
      <c r="AW14" s="258">
        <v>8</v>
      </c>
      <c r="AX14" s="260">
        <v>0</v>
      </c>
      <c r="AY14" s="261">
        <v>14</v>
      </c>
      <c r="AZ14" s="261">
        <v>31</v>
      </c>
      <c r="BA14" s="261">
        <v>21</v>
      </c>
      <c r="BB14" s="261">
        <v>29</v>
      </c>
      <c r="BC14" s="261">
        <v>17</v>
      </c>
      <c r="BD14" s="262">
        <v>112</v>
      </c>
      <c r="BE14" s="263">
        <v>120</v>
      </c>
      <c r="BF14" s="257">
        <v>0</v>
      </c>
      <c r="BG14" s="261">
        <v>0</v>
      </c>
      <c r="BH14" s="258">
        <v>0</v>
      </c>
      <c r="BI14" s="260">
        <v>0</v>
      </c>
      <c r="BJ14" s="261">
        <v>38</v>
      </c>
      <c r="BK14" s="261">
        <v>24</v>
      </c>
      <c r="BL14" s="261">
        <v>15</v>
      </c>
      <c r="BM14" s="261">
        <v>10</v>
      </c>
      <c r="BN14" s="261">
        <v>4</v>
      </c>
      <c r="BO14" s="258">
        <v>91</v>
      </c>
      <c r="BP14" s="263">
        <v>91</v>
      </c>
      <c r="BQ14" s="257">
        <v>5</v>
      </c>
      <c r="BR14" s="261">
        <v>5</v>
      </c>
      <c r="BS14" s="258">
        <v>10</v>
      </c>
      <c r="BT14" s="260">
        <v>0</v>
      </c>
      <c r="BU14" s="261">
        <v>22</v>
      </c>
      <c r="BV14" s="261">
        <v>12</v>
      </c>
      <c r="BW14" s="261">
        <v>6</v>
      </c>
      <c r="BX14" s="261">
        <v>10</v>
      </c>
      <c r="BY14" s="261">
        <v>1</v>
      </c>
      <c r="BZ14" s="258">
        <v>51</v>
      </c>
      <c r="CA14" s="263">
        <v>61</v>
      </c>
      <c r="CB14" s="257">
        <v>0</v>
      </c>
      <c r="CC14" s="261">
        <v>1</v>
      </c>
      <c r="CD14" s="258">
        <v>1</v>
      </c>
      <c r="CE14" s="260">
        <v>0</v>
      </c>
      <c r="CF14" s="261">
        <v>6</v>
      </c>
      <c r="CG14" s="261">
        <v>9</v>
      </c>
      <c r="CH14" s="261">
        <v>4</v>
      </c>
      <c r="CI14" s="261">
        <v>2</v>
      </c>
      <c r="CJ14" s="261">
        <v>0</v>
      </c>
      <c r="CK14" s="258">
        <v>21</v>
      </c>
      <c r="CL14" s="263">
        <v>22</v>
      </c>
      <c r="CM14" s="257">
        <v>0</v>
      </c>
      <c r="CN14" s="261">
        <v>0</v>
      </c>
      <c r="CO14" s="258">
        <v>0</v>
      </c>
      <c r="CP14" s="260">
        <v>0</v>
      </c>
      <c r="CQ14" s="261">
        <v>0</v>
      </c>
      <c r="CR14" s="261">
        <v>1</v>
      </c>
      <c r="CS14" s="261">
        <v>0</v>
      </c>
      <c r="CT14" s="261">
        <v>2</v>
      </c>
      <c r="CU14" s="261">
        <v>0</v>
      </c>
      <c r="CV14" s="258">
        <v>3</v>
      </c>
      <c r="CW14" s="263">
        <v>3</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7</v>
      </c>
      <c r="DU14" s="261">
        <v>29</v>
      </c>
      <c r="DV14" s="258">
        <v>46</v>
      </c>
      <c r="DW14" s="260">
        <v>0</v>
      </c>
      <c r="DX14" s="261">
        <v>56</v>
      </c>
      <c r="DY14" s="261">
        <v>53</v>
      </c>
      <c r="DZ14" s="261">
        <v>31</v>
      </c>
      <c r="EA14" s="261">
        <v>36</v>
      </c>
      <c r="EB14" s="261">
        <v>14</v>
      </c>
      <c r="EC14" s="258">
        <v>190</v>
      </c>
      <c r="ED14" s="263">
        <v>236</v>
      </c>
      <c r="EE14" s="257">
        <v>1</v>
      </c>
      <c r="EF14" s="261">
        <v>2</v>
      </c>
      <c r="EG14" s="258">
        <v>3</v>
      </c>
      <c r="EH14" s="260">
        <v>0</v>
      </c>
      <c r="EI14" s="261">
        <v>12</v>
      </c>
      <c r="EJ14" s="261">
        <v>11</v>
      </c>
      <c r="EK14" s="261">
        <v>7</v>
      </c>
      <c r="EL14" s="261">
        <v>14</v>
      </c>
      <c r="EM14" s="261">
        <v>6</v>
      </c>
      <c r="EN14" s="258">
        <v>50</v>
      </c>
      <c r="EO14" s="263">
        <v>53</v>
      </c>
      <c r="EP14" s="257">
        <v>27</v>
      </c>
      <c r="EQ14" s="261">
        <v>34</v>
      </c>
      <c r="ER14" s="258">
        <v>61</v>
      </c>
      <c r="ES14" s="260">
        <v>0</v>
      </c>
      <c r="ET14" s="261">
        <v>100</v>
      </c>
      <c r="EU14" s="261">
        <v>73</v>
      </c>
      <c r="EV14" s="261">
        <v>37</v>
      </c>
      <c r="EW14" s="261">
        <v>38</v>
      </c>
      <c r="EX14" s="261">
        <v>13</v>
      </c>
      <c r="EY14" s="258">
        <v>261</v>
      </c>
      <c r="EZ14" s="263">
        <v>322</v>
      </c>
    </row>
    <row r="15" spans="2:156" ht="21" customHeight="1" x14ac:dyDescent="0.2">
      <c r="B15" s="472" t="s">
        <v>12</v>
      </c>
      <c r="C15" s="257">
        <v>0</v>
      </c>
      <c r="D15" s="261">
        <v>0</v>
      </c>
      <c r="E15" s="358">
        <v>0</v>
      </c>
      <c r="F15" s="260">
        <v>0</v>
      </c>
      <c r="G15" s="261">
        <v>32</v>
      </c>
      <c r="H15" s="261">
        <v>35</v>
      </c>
      <c r="I15" s="261">
        <v>22</v>
      </c>
      <c r="J15" s="261">
        <v>25</v>
      </c>
      <c r="K15" s="261">
        <v>8</v>
      </c>
      <c r="L15" s="262">
        <v>122</v>
      </c>
      <c r="M15" s="263">
        <v>122</v>
      </c>
      <c r="N15" s="257">
        <v>0</v>
      </c>
      <c r="O15" s="261">
        <v>0</v>
      </c>
      <c r="P15" s="258">
        <v>0</v>
      </c>
      <c r="Q15" s="260">
        <v>0</v>
      </c>
      <c r="R15" s="261">
        <v>0</v>
      </c>
      <c r="S15" s="261">
        <v>1</v>
      </c>
      <c r="T15" s="261">
        <v>1</v>
      </c>
      <c r="U15" s="261">
        <v>7</v>
      </c>
      <c r="V15" s="261">
        <v>3</v>
      </c>
      <c r="W15" s="258">
        <v>12</v>
      </c>
      <c r="X15" s="263">
        <v>12</v>
      </c>
      <c r="Y15" s="257">
        <v>12</v>
      </c>
      <c r="Z15" s="261">
        <v>24</v>
      </c>
      <c r="AA15" s="258">
        <v>36</v>
      </c>
      <c r="AB15" s="260">
        <v>0</v>
      </c>
      <c r="AC15" s="261">
        <v>17</v>
      </c>
      <c r="AD15" s="261">
        <v>37</v>
      </c>
      <c r="AE15" s="261">
        <v>15</v>
      </c>
      <c r="AF15" s="261">
        <v>20</v>
      </c>
      <c r="AG15" s="261">
        <v>8</v>
      </c>
      <c r="AH15" s="258">
        <v>97</v>
      </c>
      <c r="AI15" s="263">
        <v>133</v>
      </c>
      <c r="AJ15" s="257">
        <v>0</v>
      </c>
      <c r="AK15" s="261">
        <v>1</v>
      </c>
      <c r="AL15" s="258">
        <v>1</v>
      </c>
      <c r="AM15" s="260">
        <v>0</v>
      </c>
      <c r="AN15" s="261">
        <v>0</v>
      </c>
      <c r="AO15" s="261">
        <v>6</v>
      </c>
      <c r="AP15" s="261">
        <v>1</v>
      </c>
      <c r="AQ15" s="261">
        <v>1</v>
      </c>
      <c r="AR15" s="261">
        <v>0</v>
      </c>
      <c r="AS15" s="258">
        <v>8</v>
      </c>
      <c r="AT15" s="263">
        <v>9</v>
      </c>
      <c r="AU15" s="257">
        <v>4</v>
      </c>
      <c r="AV15" s="261">
        <v>10</v>
      </c>
      <c r="AW15" s="258">
        <v>14</v>
      </c>
      <c r="AX15" s="260">
        <v>0</v>
      </c>
      <c r="AY15" s="261">
        <v>22</v>
      </c>
      <c r="AZ15" s="261">
        <v>35</v>
      </c>
      <c r="BA15" s="261">
        <v>26</v>
      </c>
      <c r="BB15" s="261">
        <v>40</v>
      </c>
      <c r="BC15" s="261">
        <v>13</v>
      </c>
      <c r="BD15" s="262">
        <v>136</v>
      </c>
      <c r="BE15" s="263">
        <v>150</v>
      </c>
      <c r="BF15" s="257">
        <v>0</v>
      </c>
      <c r="BG15" s="261">
        <v>0</v>
      </c>
      <c r="BH15" s="258">
        <v>0</v>
      </c>
      <c r="BI15" s="260">
        <v>0</v>
      </c>
      <c r="BJ15" s="261">
        <v>53</v>
      </c>
      <c r="BK15" s="261">
        <v>31</v>
      </c>
      <c r="BL15" s="261">
        <v>21</v>
      </c>
      <c r="BM15" s="261">
        <v>17</v>
      </c>
      <c r="BN15" s="261">
        <v>0</v>
      </c>
      <c r="BO15" s="258">
        <v>122</v>
      </c>
      <c r="BP15" s="263">
        <v>122</v>
      </c>
      <c r="BQ15" s="257">
        <v>8</v>
      </c>
      <c r="BR15" s="261">
        <v>11</v>
      </c>
      <c r="BS15" s="258">
        <v>19</v>
      </c>
      <c r="BT15" s="260">
        <v>0</v>
      </c>
      <c r="BU15" s="261">
        <v>9</v>
      </c>
      <c r="BV15" s="261">
        <v>15</v>
      </c>
      <c r="BW15" s="261">
        <v>14</v>
      </c>
      <c r="BX15" s="261">
        <v>8</v>
      </c>
      <c r="BY15" s="261">
        <v>1</v>
      </c>
      <c r="BZ15" s="258">
        <v>47</v>
      </c>
      <c r="CA15" s="263">
        <v>66</v>
      </c>
      <c r="CB15" s="257">
        <v>1</v>
      </c>
      <c r="CC15" s="261">
        <v>3</v>
      </c>
      <c r="CD15" s="258">
        <v>4</v>
      </c>
      <c r="CE15" s="260">
        <v>0</v>
      </c>
      <c r="CF15" s="261">
        <v>8</v>
      </c>
      <c r="CG15" s="261">
        <v>8</v>
      </c>
      <c r="CH15" s="261">
        <v>9</v>
      </c>
      <c r="CI15" s="261">
        <v>9</v>
      </c>
      <c r="CJ15" s="261">
        <v>1</v>
      </c>
      <c r="CK15" s="258">
        <v>35</v>
      </c>
      <c r="CL15" s="263">
        <v>39</v>
      </c>
      <c r="CM15" s="257">
        <v>0</v>
      </c>
      <c r="CN15" s="261">
        <v>0</v>
      </c>
      <c r="CO15" s="258">
        <v>0</v>
      </c>
      <c r="CP15" s="260">
        <v>0</v>
      </c>
      <c r="CQ15" s="261">
        <v>0</v>
      </c>
      <c r="CR15" s="261">
        <v>0</v>
      </c>
      <c r="CS15" s="261">
        <v>1</v>
      </c>
      <c r="CT15" s="261">
        <v>0</v>
      </c>
      <c r="CU15" s="261">
        <v>0</v>
      </c>
      <c r="CV15" s="258">
        <v>1</v>
      </c>
      <c r="CW15" s="263">
        <v>1</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4</v>
      </c>
      <c r="DU15" s="261">
        <v>63</v>
      </c>
      <c r="DV15" s="258">
        <v>87</v>
      </c>
      <c r="DW15" s="260">
        <v>0</v>
      </c>
      <c r="DX15" s="261">
        <v>31</v>
      </c>
      <c r="DY15" s="261">
        <v>85</v>
      </c>
      <c r="DZ15" s="261">
        <v>47</v>
      </c>
      <c r="EA15" s="261">
        <v>50</v>
      </c>
      <c r="EB15" s="261">
        <v>15</v>
      </c>
      <c r="EC15" s="258">
        <v>228</v>
      </c>
      <c r="ED15" s="263">
        <v>315</v>
      </c>
      <c r="EE15" s="257">
        <v>2</v>
      </c>
      <c r="EF15" s="261">
        <v>3</v>
      </c>
      <c r="EG15" s="258">
        <v>5</v>
      </c>
      <c r="EH15" s="260">
        <v>0</v>
      </c>
      <c r="EI15" s="261">
        <v>7</v>
      </c>
      <c r="EJ15" s="261">
        <v>8</v>
      </c>
      <c r="EK15" s="261">
        <v>12</v>
      </c>
      <c r="EL15" s="261">
        <v>12</v>
      </c>
      <c r="EM15" s="261">
        <v>4</v>
      </c>
      <c r="EN15" s="258">
        <v>43</v>
      </c>
      <c r="EO15" s="263">
        <v>48</v>
      </c>
      <c r="EP15" s="257">
        <v>43</v>
      </c>
      <c r="EQ15" s="261">
        <v>88</v>
      </c>
      <c r="ER15" s="258">
        <v>131</v>
      </c>
      <c r="ES15" s="260">
        <v>0</v>
      </c>
      <c r="ET15" s="261">
        <v>111</v>
      </c>
      <c r="EU15" s="261">
        <v>99</v>
      </c>
      <c r="EV15" s="261">
        <v>53</v>
      </c>
      <c r="EW15" s="261">
        <v>52</v>
      </c>
      <c r="EX15" s="261">
        <v>12</v>
      </c>
      <c r="EY15" s="258">
        <v>327</v>
      </c>
      <c r="EZ15" s="263">
        <v>458</v>
      </c>
    </row>
    <row r="16" spans="2:156" ht="21" customHeight="1" x14ac:dyDescent="0.2">
      <c r="B16" s="472" t="s">
        <v>13</v>
      </c>
      <c r="C16" s="257">
        <v>0</v>
      </c>
      <c r="D16" s="261">
        <v>0</v>
      </c>
      <c r="E16" s="358">
        <v>0</v>
      </c>
      <c r="F16" s="260">
        <v>0</v>
      </c>
      <c r="G16" s="261">
        <v>19</v>
      </c>
      <c r="H16" s="261">
        <v>20</v>
      </c>
      <c r="I16" s="261">
        <v>10</v>
      </c>
      <c r="J16" s="261">
        <v>13</v>
      </c>
      <c r="K16" s="261">
        <v>8</v>
      </c>
      <c r="L16" s="262">
        <v>70</v>
      </c>
      <c r="M16" s="263">
        <v>70</v>
      </c>
      <c r="N16" s="257">
        <v>0</v>
      </c>
      <c r="O16" s="261">
        <v>0</v>
      </c>
      <c r="P16" s="258">
        <v>0</v>
      </c>
      <c r="Q16" s="260">
        <v>0</v>
      </c>
      <c r="R16" s="261">
        <v>0</v>
      </c>
      <c r="S16" s="261">
        <v>1</v>
      </c>
      <c r="T16" s="261">
        <v>0</v>
      </c>
      <c r="U16" s="261">
        <v>3</v>
      </c>
      <c r="V16" s="261">
        <v>5</v>
      </c>
      <c r="W16" s="258">
        <v>9</v>
      </c>
      <c r="X16" s="263">
        <v>9</v>
      </c>
      <c r="Y16" s="257">
        <v>1</v>
      </c>
      <c r="Z16" s="261">
        <v>2</v>
      </c>
      <c r="AA16" s="258">
        <v>3</v>
      </c>
      <c r="AB16" s="260">
        <v>0</v>
      </c>
      <c r="AC16" s="261">
        <v>7</v>
      </c>
      <c r="AD16" s="261">
        <v>18</v>
      </c>
      <c r="AE16" s="261">
        <v>8</v>
      </c>
      <c r="AF16" s="261">
        <v>8</v>
      </c>
      <c r="AG16" s="261">
        <v>10</v>
      </c>
      <c r="AH16" s="258">
        <v>51</v>
      </c>
      <c r="AI16" s="263">
        <v>54</v>
      </c>
      <c r="AJ16" s="257">
        <v>0</v>
      </c>
      <c r="AK16" s="261">
        <v>1</v>
      </c>
      <c r="AL16" s="258">
        <v>1</v>
      </c>
      <c r="AM16" s="260">
        <v>0</v>
      </c>
      <c r="AN16" s="261">
        <v>2</v>
      </c>
      <c r="AO16" s="261">
        <v>0</v>
      </c>
      <c r="AP16" s="261">
        <v>0</v>
      </c>
      <c r="AQ16" s="261">
        <v>2</v>
      </c>
      <c r="AR16" s="261">
        <v>1</v>
      </c>
      <c r="AS16" s="258">
        <v>5</v>
      </c>
      <c r="AT16" s="263">
        <v>6</v>
      </c>
      <c r="AU16" s="257">
        <v>3</v>
      </c>
      <c r="AV16" s="261">
        <v>4</v>
      </c>
      <c r="AW16" s="258">
        <v>7</v>
      </c>
      <c r="AX16" s="260">
        <v>0</v>
      </c>
      <c r="AY16" s="261">
        <v>17</v>
      </c>
      <c r="AZ16" s="261">
        <v>23</v>
      </c>
      <c r="BA16" s="261">
        <v>15</v>
      </c>
      <c r="BB16" s="261">
        <v>17</v>
      </c>
      <c r="BC16" s="261">
        <v>15</v>
      </c>
      <c r="BD16" s="262">
        <v>87</v>
      </c>
      <c r="BE16" s="263">
        <v>94</v>
      </c>
      <c r="BF16" s="257">
        <v>0</v>
      </c>
      <c r="BG16" s="261">
        <v>0</v>
      </c>
      <c r="BH16" s="258">
        <v>0</v>
      </c>
      <c r="BI16" s="260">
        <v>0</v>
      </c>
      <c r="BJ16" s="261">
        <v>18</v>
      </c>
      <c r="BK16" s="261">
        <v>15</v>
      </c>
      <c r="BL16" s="261">
        <v>11</v>
      </c>
      <c r="BM16" s="261">
        <v>6</v>
      </c>
      <c r="BN16" s="261">
        <v>4</v>
      </c>
      <c r="BO16" s="258">
        <v>54</v>
      </c>
      <c r="BP16" s="263">
        <v>54</v>
      </c>
      <c r="BQ16" s="257">
        <v>0</v>
      </c>
      <c r="BR16" s="261">
        <v>1</v>
      </c>
      <c r="BS16" s="258">
        <v>1</v>
      </c>
      <c r="BT16" s="260">
        <v>0</v>
      </c>
      <c r="BU16" s="261">
        <v>2</v>
      </c>
      <c r="BV16" s="261">
        <v>3</v>
      </c>
      <c r="BW16" s="261">
        <v>2</v>
      </c>
      <c r="BX16" s="261">
        <v>3</v>
      </c>
      <c r="BY16" s="261">
        <v>3</v>
      </c>
      <c r="BZ16" s="258">
        <v>13</v>
      </c>
      <c r="CA16" s="263">
        <v>14</v>
      </c>
      <c r="CB16" s="257">
        <v>0</v>
      </c>
      <c r="CC16" s="261">
        <v>0</v>
      </c>
      <c r="CD16" s="258">
        <v>0</v>
      </c>
      <c r="CE16" s="260">
        <v>0</v>
      </c>
      <c r="CF16" s="261">
        <v>1</v>
      </c>
      <c r="CG16" s="261">
        <v>0</v>
      </c>
      <c r="CH16" s="261">
        <v>3</v>
      </c>
      <c r="CI16" s="261">
        <v>3</v>
      </c>
      <c r="CJ16" s="261">
        <v>1</v>
      </c>
      <c r="CK16" s="258">
        <v>8</v>
      </c>
      <c r="CL16" s="263">
        <v>8</v>
      </c>
      <c r="CM16" s="257">
        <v>0</v>
      </c>
      <c r="CN16" s="261">
        <v>0</v>
      </c>
      <c r="CO16" s="258">
        <v>0</v>
      </c>
      <c r="CP16" s="260">
        <v>0</v>
      </c>
      <c r="CQ16" s="261">
        <v>0</v>
      </c>
      <c r="CR16" s="261">
        <v>1</v>
      </c>
      <c r="CS16" s="261">
        <v>0</v>
      </c>
      <c r="CT16" s="261">
        <v>0</v>
      </c>
      <c r="CU16" s="261">
        <v>0</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2</v>
      </c>
      <c r="DU16" s="261">
        <v>14</v>
      </c>
      <c r="DV16" s="258">
        <v>16</v>
      </c>
      <c r="DW16" s="260">
        <v>0</v>
      </c>
      <c r="DX16" s="261">
        <v>22</v>
      </c>
      <c r="DY16" s="261">
        <v>36</v>
      </c>
      <c r="DZ16" s="261">
        <v>18</v>
      </c>
      <c r="EA16" s="261">
        <v>23</v>
      </c>
      <c r="EB16" s="261">
        <v>12</v>
      </c>
      <c r="EC16" s="258">
        <v>111</v>
      </c>
      <c r="ED16" s="263">
        <v>127</v>
      </c>
      <c r="EE16" s="257">
        <v>1</v>
      </c>
      <c r="EF16" s="261">
        <v>0</v>
      </c>
      <c r="EG16" s="258">
        <v>1</v>
      </c>
      <c r="EH16" s="260">
        <v>0</v>
      </c>
      <c r="EI16" s="261">
        <v>9</v>
      </c>
      <c r="EJ16" s="261">
        <v>12</v>
      </c>
      <c r="EK16" s="261">
        <v>7</v>
      </c>
      <c r="EL16" s="261">
        <v>4</v>
      </c>
      <c r="EM16" s="261">
        <v>4</v>
      </c>
      <c r="EN16" s="258">
        <v>36</v>
      </c>
      <c r="EO16" s="263">
        <v>37</v>
      </c>
      <c r="EP16" s="257">
        <v>3</v>
      </c>
      <c r="EQ16" s="261">
        <v>16</v>
      </c>
      <c r="ER16" s="258">
        <v>19</v>
      </c>
      <c r="ES16" s="260">
        <v>0</v>
      </c>
      <c r="ET16" s="261">
        <v>58</v>
      </c>
      <c r="EU16" s="261">
        <v>49</v>
      </c>
      <c r="EV16" s="261">
        <v>29</v>
      </c>
      <c r="EW16" s="261">
        <v>25</v>
      </c>
      <c r="EX16" s="261">
        <v>14</v>
      </c>
      <c r="EY16" s="258">
        <v>175</v>
      </c>
      <c r="EZ16" s="263">
        <v>194</v>
      </c>
    </row>
    <row r="17" spans="2:156" ht="21" customHeight="1" x14ac:dyDescent="0.2">
      <c r="B17" s="472" t="s">
        <v>15</v>
      </c>
      <c r="C17" s="257">
        <v>0</v>
      </c>
      <c r="D17" s="261">
        <v>0</v>
      </c>
      <c r="E17" s="358">
        <v>0</v>
      </c>
      <c r="F17" s="260">
        <v>0</v>
      </c>
      <c r="G17" s="261">
        <v>4</v>
      </c>
      <c r="H17" s="261">
        <v>6</v>
      </c>
      <c r="I17" s="261">
        <v>6</v>
      </c>
      <c r="J17" s="261">
        <v>5</v>
      </c>
      <c r="K17" s="261">
        <v>1</v>
      </c>
      <c r="L17" s="262">
        <v>22</v>
      </c>
      <c r="M17" s="263">
        <v>22</v>
      </c>
      <c r="N17" s="257">
        <v>0</v>
      </c>
      <c r="O17" s="261">
        <v>0</v>
      </c>
      <c r="P17" s="258">
        <v>0</v>
      </c>
      <c r="Q17" s="260">
        <v>0</v>
      </c>
      <c r="R17" s="261">
        <v>0</v>
      </c>
      <c r="S17" s="261">
        <v>0</v>
      </c>
      <c r="T17" s="261">
        <v>0</v>
      </c>
      <c r="U17" s="261">
        <v>0</v>
      </c>
      <c r="V17" s="261">
        <v>0</v>
      </c>
      <c r="W17" s="258">
        <v>0</v>
      </c>
      <c r="X17" s="263">
        <v>0</v>
      </c>
      <c r="Y17" s="257">
        <v>0</v>
      </c>
      <c r="Z17" s="261">
        <v>1</v>
      </c>
      <c r="AA17" s="258">
        <v>1</v>
      </c>
      <c r="AB17" s="260">
        <v>0</v>
      </c>
      <c r="AC17" s="261">
        <v>4</v>
      </c>
      <c r="AD17" s="261">
        <v>5</v>
      </c>
      <c r="AE17" s="261">
        <v>6</v>
      </c>
      <c r="AF17" s="261">
        <v>3</v>
      </c>
      <c r="AG17" s="261">
        <v>2</v>
      </c>
      <c r="AH17" s="258">
        <v>20</v>
      </c>
      <c r="AI17" s="263">
        <v>21</v>
      </c>
      <c r="AJ17" s="257">
        <v>0</v>
      </c>
      <c r="AK17" s="261">
        <v>0</v>
      </c>
      <c r="AL17" s="258">
        <v>0</v>
      </c>
      <c r="AM17" s="260">
        <v>0</v>
      </c>
      <c r="AN17" s="261">
        <v>1</v>
      </c>
      <c r="AO17" s="261">
        <v>2</v>
      </c>
      <c r="AP17" s="261">
        <v>0</v>
      </c>
      <c r="AQ17" s="261">
        <v>0</v>
      </c>
      <c r="AR17" s="261">
        <v>1</v>
      </c>
      <c r="AS17" s="258">
        <v>4</v>
      </c>
      <c r="AT17" s="263">
        <v>4</v>
      </c>
      <c r="AU17" s="257">
        <v>0</v>
      </c>
      <c r="AV17" s="261">
        <v>1</v>
      </c>
      <c r="AW17" s="258">
        <v>1</v>
      </c>
      <c r="AX17" s="260">
        <v>0</v>
      </c>
      <c r="AY17" s="261">
        <v>12</v>
      </c>
      <c r="AZ17" s="261">
        <v>5</v>
      </c>
      <c r="BA17" s="261">
        <v>9</v>
      </c>
      <c r="BB17" s="261">
        <v>5</v>
      </c>
      <c r="BC17" s="261">
        <v>2</v>
      </c>
      <c r="BD17" s="262">
        <v>33</v>
      </c>
      <c r="BE17" s="263">
        <v>34</v>
      </c>
      <c r="BF17" s="257">
        <v>0</v>
      </c>
      <c r="BG17" s="261">
        <v>0</v>
      </c>
      <c r="BH17" s="258">
        <v>0</v>
      </c>
      <c r="BI17" s="260">
        <v>0</v>
      </c>
      <c r="BJ17" s="261">
        <v>6</v>
      </c>
      <c r="BK17" s="261">
        <v>6</v>
      </c>
      <c r="BL17" s="261">
        <v>5</v>
      </c>
      <c r="BM17" s="261">
        <v>1</v>
      </c>
      <c r="BN17" s="261">
        <v>1</v>
      </c>
      <c r="BO17" s="258">
        <v>19</v>
      </c>
      <c r="BP17" s="263">
        <v>19</v>
      </c>
      <c r="BQ17" s="257">
        <v>0</v>
      </c>
      <c r="BR17" s="261">
        <v>0</v>
      </c>
      <c r="BS17" s="258">
        <v>0</v>
      </c>
      <c r="BT17" s="260">
        <v>0</v>
      </c>
      <c r="BU17" s="261">
        <v>1</v>
      </c>
      <c r="BV17" s="261">
        <v>2</v>
      </c>
      <c r="BW17" s="261">
        <v>3</v>
      </c>
      <c r="BX17" s="261">
        <v>1</v>
      </c>
      <c r="BY17" s="261">
        <v>0</v>
      </c>
      <c r="BZ17" s="258">
        <v>7</v>
      </c>
      <c r="CA17" s="263">
        <v>7</v>
      </c>
      <c r="CB17" s="257">
        <v>0</v>
      </c>
      <c r="CC17" s="261">
        <v>1</v>
      </c>
      <c r="CD17" s="258">
        <v>1</v>
      </c>
      <c r="CE17" s="260">
        <v>0</v>
      </c>
      <c r="CF17" s="261">
        <v>1</v>
      </c>
      <c r="CG17" s="261">
        <v>2</v>
      </c>
      <c r="CH17" s="261">
        <v>2</v>
      </c>
      <c r="CI17" s="261">
        <v>2</v>
      </c>
      <c r="CJ17" s="261">
        <v>4</v>
      </c>
      <c r="CK17" s="258">
        <v>11</v>
      </c>
      <c r="CL17" s="263">
        <v>12</v>
      </c>
      <c r="CM17" s="257">
        <v>0</v>
      </c>
      <c r="CN17" s="261">
        <v>0</v>
      </c>
      <c r="CO17" s="258">
        <v>0</v>
      </c>
      <c r="CP17" s="260">
        <v>0</v>
      </c>
      <c r="CQ17" s="261">
        <v>0</v>
      </c>
      <c r="CR17" s="261">
        <v>0</v>
      </c>
      <c r="CS17" s="261">
        <v>1</v>
      </c>
      <c r="CT17" s="261">
        <v>0</v>
      </c>
      <c r="CU17" s="261">
        <v>0</v>
      </c>
      <c r="CV17" s="258">
        <v>1</v>
      </c>
      <c r="CW17" s="263">
        <v>1</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1</v>
      </c>
      <c r="DU17" s="261">
        <v>8</v>
      </c>
      <c r="DV17" s="258">
        <v>9</v>
      </c>
      <c r="DW17" s="260">
        <v>0</v>
      </c>
      <c r="DX17" s="261">
        <v>7</v>
      </c>
      <c r="DY17" s="261">
        <v>15</v>
      </c>
      <c r="DZ17" s="261">
        <v>12</v>
      </c>
      <c r="EA17" s="261">
        <v>7</v>
      </c>
      <c r="EB17" s="261">
        <v>4</v>
      </c>
      <c r="EC17" s="258">
        <v>45</v>
      </c>
      <c r="ED17" s="263">
        <v>54</v>
      </c>
      <c r="EE17" s="257">
        <v>2</v>
      </c>
      <c r="EF17" s="261">
        <v>3</v>
      </c>
      <c r="EG17" s="258">
        <v>5</v>
      </c>
      <c r="EH17" s="260">
        <v>0</v>
      </c>
      <c r="EI17" s="261">
        <v>7</v>
      </c>
      <c r="EJ17" s="261">
        <v>3</v>
      </c>
      <c r="EK17" s="261">
        <v>6</v>
      </c>
      <c r="EL17" s="261">
        <v>0</v>
      </c>
      <c r="EM17" s="261">
        <v>1</v>
      </c>
      <c r="EN17" s="258">
        <v>17</v>
      </c>
      <c r="EO17" s="263">
        <v>22</v>
      </c>
      <c r="EP17" s="257">
        <v>1</v>
      </c>
      <c r="EQ17" s="261">
        <v>10</v>
      </c>
      <c r="ER17" s="258">
        <v>11</v>
      </c>
      <c r="ES17" s="260">
        <v>0</v>
      </c>
      <c r="ET17" s="261">
        <v>23</v>
      </c>
      <c r="EU17" s="261">
        <v>22</v>
      </c>
      <c r="EV17" s="261">
        <v>17</v>
      </c>
      <c r="EW17" s="261">
        <v>10</v>
      </c>
      <c r="EX17" s="261">
        <v>6</v>
      </c>
      <c r="EY17" s="258">
        <v>78</v>
      </c>
      <c r="EZ17" s="263">
        <v>89</v>
      </c>
    </row>
    <row r="18" spans="2:156" ht="21" customHeight="1" x14ac:dyDescent="0.2">
      <c r="B18" s="472" t="s">
        <v>16</v>
      </c>
      <c r="C18" s="257">
        <v>0</v>
      </c>
      <c r="D18" s="261">
        <v>0</v>
      </c>
      <c r="E18" s="358">
        <v>0</v>
      </c>
      <c r="F18" s="260">
        <v>0</v>
      </c>
      <c r="G18" s="261">
        <v>16</v>
      </c>
      <c r="H18" s="261">
        <v>6</v>
      </c>
      <c r="I18" s="261">
        <v>7</v>
      </c>
      <c r="J18" s="261">
        <v>5</v>
      </c>
      <c r="K18" s="261">
        <v>2</v>
      </c>
      <c r="L18" s="262">
        <v>36</v>
      </c>
      <c r="M18" s="263">
        <v>36</v>
      </c>
      <c r="N18" s="257">
        <v>0</v>
      </c>
      <c r="O18" s="261">
        <v>0</v>
      </c>
      <c r="P18" s="258">
        <v>0</v>
      </c>
      <c r="Q18" s="260">
        <v>0</v>
      </c>
      <c r="R18" s="261">
        <v>0</v>
      </c>
      <c r="S18" s="261">
        <v>0</v>
      </c>
      <c r="T18" s="261">
        <v>1</v>
      </c>
      <c r="U18" s="261">
        <v>2</v>
      </c>
      <c r="V18" s="261">
        <v>4</v>
      </c>
      <c r="W18" s="258">
        <v>7</v>
      </c>
      <c r="X18" s="263">
        <v>7</v>
      </c>
      <c r="Y18" s="257">
        <v>3</v>
      </c>
      <c r="Z18" s="261">
        <v>3</v>
      </c>
      <c r="AA18" s="258">
        <v>6</v>
      </c>
      <c r="AB18" s="260">
        <v>0</v>
      </c>
      <c r="AC18" s="261">
        <v>19</v>
      </c>
      <c r="AD18" s="261">
        <v>13</v>
      </c>
      <c r="AE18" s="261">
        <v>11</v>
      </c>
      <c r="AF18" s="261">
        <v>12</v>
      </c>
      <c r="AG18" s="261">
        <v>3</v>
      </c>
      <c r="AH18" s="258">
        <v>58</v>
      </c>
      <c r="AI18" s="263">
        <v>64</v>
      </c>
      <c r="AJ18" s="257">
        <v>0</v>
      </c>
      <c r="AK18" s="261">
        <v>1</v>
      </c>
      <c r="AL18" s="258">
        <v>1</v>
      </c>
      <c r="AM18" s="260">
        <v>0</v>
      </c>
      <c r="AN18" s="261">
        <v>0</v>
      </c>
      <c r="AO18" s="261">
        <v>2</v>
      </c>
      <c r="AP18" s="261">
        <v>1</v>
      </c>
      <c r="AQ18" s="261">
        <v>0</v>
      </c>
      <c r="AR18" s="261">
        <v>0</v>
      </c>
      <c r="AS18" s="258">
        <v>3</v>
      </c>
      <c r="AT18" s="263">
        <v>4</v>
      </c>
      <c r="AU18" s="257">
        <v>5</v>
      </c>
      <c r="AV18" s="261">
        <v>4</v>
      </c>
      <c r="AW18" s="258">
        <v>9</v>
      </c>
      <c r="AX18" s="260">
        <v>0</v>
      </c>
      <c r="AY18" s="261">
        <v>19</v>
      </c>
      <c r="AZ18" s="261">
        <v>20</v>
      </c>
      <c r="BA18" s="261">
        <v>13</v>
      </c>
      <c r="BB18" s="261">
        <v>19</v>
      </c>
      <c r="BC18" s="261">
        <v>12</v>
      </c>
      <c r="BD18" s="262">
        <v>83</v>
      </c>
      <c r="BE18" s="263">
        <v>92</v>
      </c>
      <c r="BF18" s="257">
        <v>0</v>
      </c>
      <c r="BG18" s="261">
        <v>0</v>
      </c>
      <c r="BH18" s="258">
        <v>0</v>
      </c>
      <c r="BI18" s="260">
        <v>0</v>
      </c>
      <c r="BJ18" s="261">
        <v>22</v>
      </c>
      <c r="BK18" s="261">
        <v>26</v>
      </c>
      <c r="BL18" s="261">
        <v>7</v>
      </c>
      <c r="BM18" s="261">
        <v>9</v>
      </c>
      <c r="BN18" s="261">
        <v>3</v>
      </c>
      <c r="BO18" s="258">
        <v>67</v>
      </c>
      <c r="BP18" s="263">
        <v>67</v>
      </c>
      <c r="BQ18" s="257">
        <v>3</v>
      </c>
      <c r="BR18" s="261">
        <v>4</v>
      </c>
      <c r="BS18" s="258">
        <v>7</v>
      </c>
      <c r="BT18" s="260">
        <v>0</v>
      </c>
      <c r="BU18" s="261">
        <v>14</v>
      </c>
      <c r="BV18" s="261">
        <v>26</v>
      </c>
      <c r="BW18" s="261">
        <v>6</v>
      </c>
      <c r="BX18" s="261">
        <v>4</v>
      </c>
      <c r="BY18" s="261">
        <v>0</v>
      </c>
      <c r="BZ18" s="258">
        <v>50</v>
      </c>
      <c r="CA18" s="263">
        <v>57</v>
      </c>
      <c r="CB18" s="257">
        <v>0</v>
      </c>
      <c r="CC18" s="261">
        <v>0</v>
      </c>
      <c r="CD18" s="258">
        <v>0</v>
      </c>
      <c r="CE18" s="260">
        <v>0</v>
      </c>
      <c r="CF18" s="261">
        <v>1</v>
      </c>
      <c r="CG18" s="261">
        <v>5</v>
      </c>
      <c r="CH18" s="261">
        <v>3</v>
      </c>
      <c r="CI18" s="261">
        <v>1</v>
      </c>
      <c r="CJ18" s="261">
        <v>1</v>
      </c>
      <c r="CK18" s="258">
        <v>11</v>
      </c>
      <c r="CL18" s="263">
        <v>11</v>
      </c>
      <c r="CM18" s="257">
        <v>0</v>
      </c>
      <c r="CN18" s="261">
        <v>0</v>
      </c>
      <c r="CO18" s="258">
        <v>0</v>
      </c>
      <c r="CP18" s="260">
        <v>0</v>
      </c>
      <c r="CQ18" s="261">
        <v>0</v>
      </c>
      <c r="CR18" s="261">
        <v>2</v>
      </c>
      <c r="CS18" s="261">
        <v>0</v>
      </c>
      <c r="CT18" s="261">
        <v>3</v>
      </c>
      <c r="CU18" s="261">
        <v>1</v>
      </c>
      <c r="CV18" s="258">
        <v>6</v>
      </c>
      <c r="CW18" s="263">
        <v>6</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1</v>
      </c>
      <c r="DU18" s="261">
        <v>14</v>
      </c>
      <c r="DV18" s="258">
        <v>25</v>
      </c>
      <c r="DW18" s="260">
        <v>0</v>
      </c>
      <c r="DX18" s="261">
        <v>29</v>
      </c>
      <c r="DY18" s="261">
        <v>46</v>
      </c>
      <c r="DZ18" s="261">
        <v>25</v>
      </c>
      <c r="EA18" s="261">
        <v>23</v>
      </c>
      <c r="EB18" s="261">
        <v>9</v>
      </c>
      <c r="EC18" s="258">
        <v>132</v>
      </c>
      <c r="ED18" s="263">
        <v>157</v>
      </c>
      <c r="EE18" s="257">
        <v>4</v>
      </c>
      <c r="EF18" s="261">
        <v>1</v>
      </c>
      <c r="EG18" s="258">
        <v>5</v>
      </c>
      <c r="EH18" s="260">
        <v>0</v>
      </c>
      <c r="EI18" s="261">
        <v>8</v>
      </c>
      <c r="EJ18" s="261">
        <v>15</v>
      </c>
      <c r="EK18" s="261">
        <v>8</v>
      </c>
      <c r="EL18" s="261">
        <v>14</v>
      </c>
      <c r="EM18" s="261">
        <v>4</v>
      </c>
      <c r="EN18" s="258">
        <v>49</v>
      </c>
      <c r="EO18" s="263">
        <v>54</v>
      </c>
      <c r="EP18" s="257">
        <v>17</v>
      </c>
      <c r="EQ18" s="261">
        <v>19</v>
      </c>
      <c r="ER18" s="258">
        <v>36</v>
      </c>
      <c r="ES18" s="260">
        <v>0</v>
      </c>
      <c r="ET18" s="261">
        <v>61</v>
      </c>
      <c r="EU18" s="261">
        <v>68</v>
      </c>
      <c r="EV18" s="261">
        <v>31</v>
      </c>
      <c r="EW18" s="261">
        <v>27</v>
      </c>
      <c r="EX18" s="261">
        <v>8</v>
      </c>
      <c r="EY18" s="258">
        <v>195</v>
      </c>
      <c r="EZ18" s="263">
        <v>231</v>
      </c>
    </row>
    <row r="19" spans="2:156" ht="21" customHeight="1" x14ac:dyDescent="0.2">
      <c r="B19" s="472" t="s">
        <v>17</v>
      </c>
      <c r="C19" s="257">
        <v>0</v>
      </c>
      <c r="D19" s="261">
        <v>0</v>
      </c>
      <c r="E19" s="358">
        <v>0</v>
      </c>
      <c r="F19" s="260">
        <v>0</v>
      </c>
      <c r="G19" s="261">
        <v>11</v>
      </c>
      <c r="H19" s="261">
        <v>19</v>
      </c>
      <c r="I19" s="261">
        <v>15</v>
      </c>
      <c r="J19" s="261">
        <v>5</v>
      </c>
      <c r="K19" s="261">
        <v>8</v>
      </c>
      <c r="L19" s="262">
        <v>58</v>
      </c>
      <c r="M19" s="263">
        <v>58</v>
      </c>
      <c r="N19" s="257">
        <v>0</v>
      </c>
      <c r="O19" s="261">
        <v>0</v>
      </c>
      <c r="P19" s="258">
        <v>0</v>
      </c>
      <c r="Q19" s="260">
        <v>0</v>
      </c>
      <c r="R19" s="261">
        <v>0</v>
      </c>
      <c r="S19" s="261">
        <v>0</v>
      </c>
      <c r="T19" s="261">
        <v>0</v>
      </c>
      <c r="U19" s="261">
        <v>1</v>
      </c>
      <c r="V19" s="261">
        <v>4</v>
      </c>
      <c r="W19" s="258">
        <v>5</v>
      </c>
      <c r="X19" s="263">
        <v>5</v>
      </c>
      <c r="Y19" s="257">
        <v>1</v>
      </c>
      <c r="Z19" s="261">
        <v>3</v>
      </c>
      <c r="AA19" s="258">
        <v>4</v>
      </c>
      <c r="AB19" s="260">
        <v>0</v>
      </c>
      <c r="AC19" s="261">
        <v>11</v>
      </c>
      <c r="AD19" s="261">
        <v>7</v>
      </c>
      <c r="AE19" s="261">
        <v>16</v>
      </c>
      <c r="AF19" s="261">
        <v>7</v>
      </c>
      <c r="AG19" s="261">
        <v>9</v>
      </c>
      <c r="AH19" s="258">
        <v>50</v>
      </c>
      <c r="AI19" s="263">
        <v>54</v>
      </c>
      <c r="AJ19" s="257">
        <v>0</v>
      </c>
      <c r="AK19" s="261">
        <v>1</v>
      </c>
      <c r="AL19" s="258">
        <v>1</v>
      </c>
      <c r="AM19" s="260">
        <v>0</v>
      </c>
      <c r="AN19" s="261">
        <v>0</v>
      </c>
      <c r="AO19" s="261">
        <v>1</v>
      </c>
      <c r="AP19" s="261">
        <v>1</v>
      </c>
      <c r="AQ19" s="261">
        <v>1</v>
      </c>
      <c r="AR19" s="261">
        <v>0</v>
      </c>
      <c r="AS19" s="258">
        <v>3</v>
      </c>
      <c r="AT19" s="263">
        <v>4</v>
      </c>
      <c r="AU19" s="257">
        <v>5</v>
      </c>
      <c r="AV19" s="261">
        <v>4</v>
      </c>
      <c r="AW19" s="258">
        <v>9</v>
      </c>
      <c r="AX19" s="260">
        <v>0</v>
      </c>
      <c r="AY19" s="261">
        <v>13</v>
      </c>
      <c r="AZ19" s="261">
        <v>17</v>
      </c>
      <c r="BA19" s="261">
        <v>33</v>
      </c>
      <c r="BB19" s="261">
        <v>13</v>
      </c>
      <c r="BC19" s="261">
        <v>17</v>
      </c>
      <c r="BD19" s="262">
        <v>93</v>
      </c>
      <c r="BE19" s="263">
        <v>102</v>
      </c>
      <c r="BF19" s="257">
        <v>0</v>
      </c>
      <c r="BG19" s="261">
        <v>0</v>
      </c>
      <c r="BH19" s="258">
        <v>0</v>
      </c>
      <c r="BI19" s="260">
        <v>0</v>
      </c>
      <c r="BJ19" s="261">
        <v>21</v>
      </c>
      <c r="BK19" s="261">
        <v>24</v>
      </c>
      <c r="BL19" s="261">
        <v>11</v>
      </c>
      <c r="BM19" s="261">
        <v>8</v>
      </c>
      <c r="BN19" s="261">
        <v>5</v>
      </c>
      <c r="BO19" s="258">
        <v>69</v>
      </c>
      <c r="BP19" s="263">
        <v>69</v>
      </c>
      <c r="BQ19" s="257">
        <v>4</v>
      </c>
      <c r="BR19" s="261">
        <v>4</v>
      </c>
      <c r="BS19" s="258">
        <v>8</v>
      </c>
      <c r="BT19" s="260">
        <v>0</v>
      </c>
      <c r="BU19" s="261">
        <v>0</v>
      </c>
      <c r="BV19" s="261">
        <v>14</v>
      </c>
      <c r="BW19" s="261">
        <v>5</v>
      </c>
      <c r="BX19" s="261">
        <v>2</v>
      </c>
      <c r="BY19" s="261">
        <v>2</v>
      </c>
      <c r="BZ19" s="258">
        <v>23</v>
      </c>
      <c r="CA19" s="263">
        <v>31</v>
      </c>
      <c r="CB19" s="257">
        <v>0</v>
      </c>
      <c r="CC19" s="261">
        <v>0</v>
      </c>
      <c r="CD19" s="258">
        <v>0</v>
      </c>
      <c r="CE19" s="260">
        <v>0</v>
      </c>
      <c r="CF19" s="261">
        <v>4</v>
      </c>
      <c r="CG19" s="261">
        <v>11</v>
      </c>
      <c r="CH19" s="261">
        <v>5</v>
      </c>
      <c r="CI19" s="261">
        <v>7</v>
      </c>
      <c r="CJ19" s="261">
        <v>2</v>
      </c>
      <c r="CK19" s="258">
        <v>29</v>
      </c>
      <c r="CL19" s="263">
        <v>29</v>
      </c>
      <c r="CM19" s="257">
        <v>0</v>
      </c>
      <c r="CN19" s="261">
        <v>0</v>
      </c>
      <c r="CO19" s="258">
        <v>0</v>
      </c>
      <c r="CP19" s="260">
        <v>0</v>
      </c>
      <c r="CQ19" s="261">
        <v>0</v>
      </c>
      <c r="CR19" s="261">
        <v>2</v>
      </c>
      <c r="CS19" s="261">
        <v>3</v>
      </c>
      <c r="CT19" s="261">
        <v>1</v>
      </c>
      <c r="CU19" s="261">
        <v>0</v>
      </c>
      <c r="CV19" s="258">
        <v>6</v>
      </c>
      <c r="CW19" s="263">
        <v>6</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8</v>
      </c>
      <c r="DU19" s="261">
        <v>25</v>
      </c>
      <c r="DV19" s="258">
        <v>33</v>
      </c>
      <c r="DW19" s="260">
        <v>0</v>
      </c>
      <c r="DX19" s="261">
        <v>28</v>
      </c>
      <c r="DY19" s="261">
        <v>59</v>
      </c>
      <c r="DZ19" s="261">
        <v>38</v>
      </c>
      <c r="EA19" s="261">
        <v>19</v>
      </c>
      <c r="EB19" s="261">
        <v>16</v>
      </c>
      <c r="EC19" s="258">
        <v>160</v>
      </c>
      <c r="ED19" s="263">
        <v>193</v>
      </c>
      <c r="EE19" s="257">
        <v>5</v>
      </c>
      <c r="EF19" s="261">
        <v>1</v>
      </c>
      <c r="EG19" s="258">
        <v>6</v>
      </c>
      <c r="EH19" s="260">
        <v>0</v>
      </c>
      <c r="EI19" s="261">
        <v>6</v>
      </c>
      <c r="EJ19" s="261">
        <v>8</v>
      </c>
      <c r="EK19" s="261">
        <v>7</v>
      </c>
      <c r="EL19" s="261">
        <v>7</v>
      </c>
      <c r="EM19" s="261">
        <v>3</v>
      </c>
      <c r="EN19" s="258">
        <v>31</v>
      </c>
      <c r="EO19" s="263">
        <v>37</v>
      </c>
      <c r="EP19" s="257">
        <v>13</v>
      </c>
      <c r="EQ19" s="261">
        <v>28</v>
      </c>
      <c r="ER19" s="258">
        <v>41</v>
      </c>
      <c r="ES19" s="260">
        <v>0</v>
      </c>
      <c r="ET19" s="261">
        <v>73</v>
      </c>
      <c r="EU19" s="261">
        <v>77</v>
      </c>
      <c r="EV19" s="261">
        <v>44</v>
      </c>
      <c r="EW19" s="261">
        <v>25</v>
      </c>
      <c r="EX19" s="261">
        <v>15</v>
      </c>
      <c r="EY19" s="258">
        <v>234</v>
      </c>
      <c r="EZ19" s="263">
        <v>275</v>
      </c>
    </row>
    <row r="20" spans="2:156" ht="21" customHeight="1" x14ac:dyDescent="0.2">
      <c r="B20" s="472" t="s">
        <v>18</v>
      </c>
      <c r="C20" s="257">
        <v>0</v>
      </c>
      <c r="D20" s="261">
        <v>0</v>
      </c>
      <c r="E20" s="358">
        <v>0</v>
      </c>
      <c r="F20" s="260">
        <v>0</v>
      </c>
      <c r="G20" s="261">
        <v>24</v>
      </c>
      <c r="H20" s="261">
        <v>31</v>
      </c>
      <c r="I20" s="261">
        <v>18</v>
      </c>
      <c r="J20" s="261">
        <v>6</v>
      </c>
      <c r="K20" s="261">
        <v>11</v>
      </c>
      <c r="L20" s="262">
        <v>90</v>
      </c>
      <c r="M20" s="263">
        <v>90</v>
      </c>
      <c r="N20" s="257">
        <v>0</v>
      </c>
      <c r="O20" s="261">
        <v>0</v>
      </c>
      <c r="P20" s="258">
        <v>0</v>
      </c>
      <c r="Q20" s="260">
        <v>0</v>
      </c>
      <c r="R20" s="261">
        <v>0</v>
      </c>
      <c r="S20" s="261">
        <v>0</v>
      </c>
      <c r="T20" s="261">
        <v>1</v>
      </c>
      <c r="U20" s="261">
        <v>1</v>
      </c>
      <c r="V20" s="261">
        <v>3</v>
      </c>
      <c r="W20" s="258">
        <v>5</v>
      </c>
      <c r="X20" s="263">
        <v>5</v>
      </c>
      <c r="Y20" s="257">
        <v>3</v>
      </c>
      <c r="Z20" s="261">
        <v>6</v>
      </c>
      <c r="AA20" s="258">
        <v>9</v>
      </c>
      <c r="AB20" s="260">
        <v>0</v>
      </c>
      <c r="AC20" s="261">
        <v>20</v>
      </c>
      <c r="AD20" s="261">
        <v>16</v>
      </c>
      <c r="AE20" s="261">
        <v>14</v>
      </c>
      <c r="AF20" s="261">
        <v>6</v>
      </c>
      <c r="AG20" s="261">
        <v>3</v>
      </c>
      <c r="AH20" s="258">
        <v>59</v>
      </c>
      <c r="AI20" s="263">
        <v>68</v>
      </c>
      <c r="AJ20" s="257">
        <v>0</v>
      </c>
      <c r="AK20" s="261">
        <v>1</v>
      </c>
      <c r="AL20" s="258">
        <v>1</v>
      </c>
      <c r="AM20" s="260">
        <v>0</v>
      </c>
      <c r="AN20" s="261">
        <v>1</v>
      </c>
      <c r="AO20" s="261">
        <v>4</v>
      </c>
      <c r="AP20" s="261">
        <v>0</v>
      </c>
      <c r="AQ20" s="261">
        <v>3</v>
      </c>
      <c r="AR20" s="261">
        <v>0</v>
      </c>
      <c r="AS20" s="258">
        <v>8</v>
      </c>
      <c r="AT20" s="263">
        <v>9</v>
      </c>
      <c r="AU20" s="257">
        <v>2</v>
      </c>
      <c r="AV20" s="261">
        <v>5</v>
      </c>
      <c r="AW20" s="258">
        <v>7</v>
      </c>
      <c r="AX20" s="260">
        <v>0</v>
      </c>
      <c r="AY20" s="261">
        <v>30</v>
      </c>
      <c r="AZ20" s="261">
        <v>35</v>
      </c>
      <c r="BA20" s="261">
        <v>36</v>
      </c>
      <c r="BB20" s="261">
        <v>26</v>
      </c>
      <c r="BC20" s="261">
        <v>12</v>
      </c>
      <c r="BD20" s="262">
        <v>139</v>
      </c>
      <c r="BE20" s="263">
        <v>146</v>
      </c>
      <c r="BF20" s="257">
        <v>0</v>
      </c>
      <c r="BG20" s="261">
        <v>0</v>
      </c>
      <c r="BH20" s="258">
        <v>0</v>
      </c>
      <c r="BI20" s="260">
        <v>0</v>
      </c>
      <c r="BJ20" s="261">
        <v>42</v>
      </c>
      <c r="BK20" s="261">
        <v>35</v>
      </c>
      <c r="BL20" s="261">
        <v>26</v>
      </c>
      <c r="BM20" s="261">
        <v>10</v>
      </c>
      <c r="BN20" s="261">
        <v>3</v>
      </c>
      <c r="BO20" s="258">
        <v>116</v>
      </c>
      <c r="BP20" s="263">
        <v>116</v>
      </c>
      <c r="BQ20" s="257">
        <v>2</v>
      </c>
      <c r="BR20" s="261">
        <v>8</v>
      </c>
      <c r="BS20" s="258">
        <v>10</v>
      </c>
      <c r="BT20" s="260">
        <v>0</v>
      </c>
      <c r="BU20" s="261">
        <v>12</v>
      </c>
      <c r="BV20" s="261">
        <v>16</v>
      </c>
      <c r="BW20" s="261">
        <v>7</v>
      </c>
      <c r="BX20" s="261">
        <v>2</v>
      </c>
      <c r="BY20" s="261">
        <v>1</v>
      </c>
      <c r="BZ20" s="258">
        <v>38</v>
      </c>
      <c r="CA20" s="263">
        <v>48</v>
      </c>
      <c r="CB20" s="257">
        <v>0</v>
      </c>
      <c r="CC20" s="261">
        <v>0</v>
      </c>
      <c r="CD20" s="258">
        <v>0</v>
      </c>
      <c r="CE20" s="260">
        <v>0</v>
      </c>
      <c r="CF20" s="261">
        <v>0</v>
      </c>
      <c r="CG20" s="261">
        <v>6</v>
      </c>
      <c r="CH20" s="261">
        <v>17</v>
      </c>
      <c r="CI20" s="261">
        <v>4</v>
      </c>
      <c r="CJ20" s="261">
        <v>2</v>
      </c>
      <c r="CK20" s="258">
        <v>29</v>
      </c>
      <c r="CL20" s="263">
        <v>29</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0</v>
      </c>
      <c r="DU20" s="261">
        <v>31</v>
      </c>
      <c r="DV20" s="258">
        <v>41</v>
      </c>
      <c r="DW20" s="260">
        <v>0</v>
      </c>
      <c r="DX20" s="261">
        <v>44</v>
      </c>
      <c r="DY20" s="261">
        <v>57</v>
      </c>
      <c r="DZ20" s="261">
        <v>45</v>
      </c>
      <c r="EA20" s="261">
        <v>25</v>
      </c>
      <c r="EB20" s="261">
        <v>15</v>
      </c>
      <c r="EC20" s="258">
        <v>186</v>
      </c>
      <c r="ED20" s="263">
        <v>227</v>
      </c>
      <c r="EE20" s="257">
        <v>2</v>
      </c>
      <c r="EF20" s="261">
        <v>0</v>
      </c>
      <c r="EG20" s="258">
        <v>2</v>
      </c>
      <c r="EH20" s="260">
        <v>0</v>
      </c>
      <c r="EI20" s="261">
        <v>10</v>
      </c>
      <c r="EJ20" s="261">
        <v>12</v>
      </c>
      <c r="EK20" s="261">
        <v>11</v>
      </c>
      <c r="EL20" s="261">
        <v>10</v>
      </c>
      <c r="EM20" s="261">
        <v>2</v>
      </c>
      <c r="EN20" s="258">
        <v>45</v>
      </c>
      <c r="EO20" s="263">
        <v>47</v>
      </c>
      <c r="EP20" s="257">
        <v>15</v>
      </c>
      <c r="EQ20" s="261">
        <v>38</v>
      </c>
      <c r="ER20" s="258">
        <v>53</v>
      </c>
      <c r="ES20" s="260">
        <v>0</v>
      </c>
      <c r="ET20" s="261">
        <v>102</v>
      </c>
      <c r="EU20" s="261">
        <v>87</v>
      </c>
      <c r="EV20" s="261">
        <v>55</v>
      </c>
      <c r="EW20" s="261">
        <v>25</v>
      </c>
      <c r="EX20" s="261">
        <v>14</v>
      </c>
      <c r="EY20" s="258">
        <v>283</v>
      </c>
      <c r="EZ20" s="263">
        <v>336</v>
      </c>
    </row>
    <row r="21" spans="2:156" ht="21" customHeight="1" x14ac:dyDescent="0.2">
      <c r="B21" s="472" t="s">
        <v>19</v>
      </c>
      <c r="C21" s="257">
        <v>0</v>
      </c>
      <c r="D21" s="261">
        <v>0</v>
      </c>
      <c r="E21" s="358">
        <v>0</v>
      </c>
      <c r="F21" s="260">
        <v>0</v>
      </c>
      <c r="G21" s="261">
        <v>12</v>
      </c>
      <c r="H21" s="261">
        <v>7</v>
      </c>
      <c r="I21" s="261">
        <v>6</v>
      </c>
      <c r="J21" s="261">
        <v>3</v>
      </c>
      <c r="K21" s="261">
        <v>3</v>
      </c>
      <c r="L21" s="262">
        <v>31</v>
      </c>
      <c r="M21" s="263">
        <v>31</v>
      </c>
      <c r="N21" s="257">
        <v>0</v>
      </c>
      <c r="O21" s="261">
        <v>0</v>
      </c>
      <c r="P21" s="258">
        <v>0</v>
      </c>
      <c r="Q21" s="260">
        <v>0</v>
      </c>
      <c r="R21" s="261">
        <v>0</v>
      </c>
      <c r="S21" s="261">
        <v>0</v>
      </c>
      <c r="T21" s="261">
        <v>4</v>
      </c>
      <c r="U21" s="261">
        <v>1</v>
      </c>
      <c r="V21" s="261">
        <v>1</v>
      </c>
      <c r="W21" s="258">
        <v>6</v>
      </c>
      <c r="X21" s="263">
        <v>6</v>
      </c>
      <c r="Y21" s="257">
        <v>2</v>
      </c>
      <c r="Z21" s="261">
        <v>0</v>
      </c>
      <c r="AA21" s="258">
        <v>2</v>
      </c>
      <c r="AB21" s="260">
        <v>0</v>
      </c>
      <c r="AC21" s="261">
        <v>12</v>
      </c>
      <c r="AD21" s="261">
        <v>10</v>
      </c>
      <c r="AE21" s="261">
        <v>8</v>
      </c>
      <c r="AF21" s="261">
        <v>5</v>
      </c>
      <c r="AG21" s="261">
        <v>2</v>
      </c>
      <c r="AH21" s="258">
        <v>37</v>
      </c>
      <c r="AI21" s="263">
        <v>39</v>
      </c>
      <c r="AJ21" s="257">
        <v>0</v>
      </c>
      <c r="AK21" s="261">
        <v>0</v>
      </c>
      <c r="AL21" s="258">
        <v>0</v>
      </c>
      <c r="AM21" s="260">
        <v>0</v>
      </c>
      <c r="AN21" s="261">
        <v>1</v>
      </c>
      <c r="AO21" s="261">
        <v>3</v>
      </c>
      <c r="AP21" s="261">
        <v>0</v>
      </c>
      <c r="AQ21" s="261">
        <v>1</v>
      </c>
      <c r="AR21" s="261">
        <v>0</v>
      </c>
      <c r="AS21" s="258">
        <v>5</v>
      </c>
      <c r="AT21" s="263">
        <v>5</v>
      </c>
      <c r="AU21" s="257">
        <v>5</v>
      </c>
      <c r="AV21" s="261">
        <v>3</v>
      </c>
      <c r="AW21" s="258">
        <v>8</v>
      </c>
      <c r="AX21" s="260">
        <v>0</v>
      </c>
      <c r="AY21" s="261">
        <v>18</v>
      </c>
      <c r="AZ21" s="261">
        <v>18</v>
      </c>
      <c r="BA21" s="261">
        <v>14</v>
      </c>
      <c r="BB21" s="261">
        <v>9</v>
      </c>
      <c r="BC21" s="261">
        <v>8</v>
      </c>
      <c r="BD21" s="262">
        <v>67</v>
      </c>
      <c r="BE21" s="263">
        <v>75</v>
      </c>
      <c r="BF21" s="257">
        <v>0</v>
      </c>
      <c r="BG21" s="261">
        <v>0</v>
      </c>
      <c r="BH21" s="258">
        <v>0</v>
      </c>
      <c r="BI21" s="260">
        <v>0</v>
      </c>
      <c r="BJ21" s="261">
        <v>23</v>
      </c>
      <c r="BK21" s="261">
        <v>13</v>
      </c>
      <c r="BL21" s="261">
        <v>7</v>
      </c>
      <c r="BM21" s="261">
        <v>2</v>
      </c>
      <c r="BN21" s="261">
        <v>0</v>
      </c>
      <c r="BO21" s="258">
        <v>45</v>
      </c>
      <c r="BP21" s="263">
        <v>45</v>
      </c>
      <c r="BQ21" s="257">
        <v>1</v>
      </c>
      <c r="BR21" s="261">
        <v>3</v>
      </c>
      <c r="BS21" s="258">
        <v>4</v>
      </c>
      <c r="BT21" s="260">
        <v>0</v>
      </c>
      <c r="BU21" s="261">
        <v>12</v>
      </c>
      <c r="BV21" s="261">
        <v>7</v>
      </c>
      <c r="BW21" s="261">
        <v>3</v>
      </c>
      <c r="BX21" s="261">
        <v>2</v>
      </c>
      <c r="BY21" s="261">
        <v>0</v>
      </c>
      <c r="BZ21" s="258">
        <v>24</v>
      </c>
      <c r="CA21" s="263">
        <v>28</v>
      </c>
      <c r="CB21" s="257">
        <v>1</v>
      </c>
      <c r="CC21" s="261">
        <v>0</v>
      </c>
      <c r="CD21" s="258">
        <v>1</v>
      </c>
      <c r="CE21" s="260">
        <v>0</v>
      </c>
      <c r="CF21" s="261">
        <v>1</v>
      </c>
      <c r="CG21" s="261">
        <v>1</v>
      </c>
      <c r="CH21" s="261">
        <v>2</v>
      </c>
      <c r="CI21" s="261">
        <v>0</v>
      </c>
      <c r="CJ21" s="261">
        <v>1</v>
      </c>
      <c r="CK21" s="258">
        <v>5</v>
      </c>
      <c r="CL21" s="263">
        <v>6</v>
      </c>
      <c r="CM21" s="257">
        <v>0</v>
      </c>
      <c r="CN21" s="261">
        <v>0</v>
      </c>
      <c r="CO21" s="258">
        <v>0</v>
      </c>
      <c r="CP21" s="260">
        <v>0</v>
      </c>
      <c r="CQ21" s="261">
        <v>1</v>
      </c>
      <c r="CR21" s="261">
        <v>0</v>
      </c>
      <c r="CS21" s="261">
        <v>0</v>
      </c>
      <c r="CT21" s="261">
        <v>1</v>
      </c>
      <c r="CU21" s="261">
        <v>1</v>
      </c>
      <c r="CV21" s="258">
        <v>3</v>
      </c>
      <c r="CW21" s="263">
        <v>3</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3</v>
      </c>
      <c r="DU21" s="261">
        <v>11</v>
      </c>
      <c r="DV21" s="258">
        <v>14</v>
      </c>
      <c r="DW21" s="260">
        <v>0</v>
      </c>
      <c r="DX21" s="261">
        <v>28</v>
      </c>
      <c r="DY21" s="261">
        <v>33</v>
      </c>
      <c r="DZ21" s="261">
        <v>14</v>
      </c>
      <c r="EA21" s="261">
        <v>11</v>
      </c>
      <c r="EB21" s="261">
        <v>8</v>
      </c>
      <c r="EC21" s="258">
        <v>94</v>
      </c>
      <c r="ED21" s="263">
        <v>108</v>
      </c>
      <c r="EE21" s="257">
        <v>1</v>
      </c>
      <c r="EF21" s="261">
        <v>2</v>
      </c>
      <c r="EG21" s="258">
        <v>3</v>
      </c>
      <c r="EH21" s="260">
        <v>0</v>
      </c>
      <c r="EI21" s="261">
        <v>6</v>
      </c>
      <c r="EJ21" s="261">
        <v>7</v>
      </c>
      <c r="EK21" s="261">
        <v>4</v>
      </c>
      <c r="EL21" s="261">
        <v>1</v>
      </c>
      <c r="EM21" s="261">
        <v>0</v>
      </c>
      <c r="EN21" s="258">
        <v>18</v>
      </c>
      <c r="EO21" s="263">
        <v>21</v>
      </c>
      <c r="EP21" s="257">
        <v>7</v>
      </c>
      <c r="EQ21" s="261">
        <v>13</v>
      </c>
      <c r="ER21" s="258">
        <v>20</v>
      </c>
      <c r="ES21" s="260">
        <v>0</v>
      </c>
      <c r="ET21" s="261">
        <v>50</v>
      </c>
      <c r="EU21" s="261">
        <v>43</v>
      </c>
      <c r="EV21" s="261">
        <v>16</v>
      </c>
      <c r="EW21" s="261">
        <v>9</v>
      </c>
      <c r="EX21" s="261">
        <v>7</v>
      </c>
      <c r="EY21" s="258">
        <v>125</v>
      </c>
      <c r="EZ21" s="263">
        <v>145</v>
      </c>
    </row>
    <row r="22" spans="2:156" ht="21" customHeight="1" x14ac:dyDescent="0.2">
      <c r="B22" s="472" t="s">
        <v>20</v>
      </c>
      <c r="C22" s="257">
        <v>0</v>
      </c>
      <c r="D22" s="261">
        <v>0</v>
      </c>
      <c r="E22" s="358">
        <v>0</v>
      </c>
      <c r="F22" s="260">
        <v>0</v>
      </c>
      <c r="G22" s="261">
        <v>22</v>
      </c>
      <c r="H22" s="261">
        <v>19</v>
      </c>
      <c r="I22" s="261">
        <v>9</v>
      </c>
      <c r="J22" s="261">
        <v>5</v>
      </c>
      <c r="K22" s="261">
        <v>6</v>
      </c>
      <c r="L22" s="262">
        <v>61</v>
      </c>
      <c r="M22" s="263">
        <v>61</v>
      </c>
      <c r="N22" s="257">
        <v>0</v>
      </c>
      <c r="O22" s="261">
        <v>0</v>
      </c>
      <c r="P22" s="258">
        <v>0</v>
      </c>
      <c r="Q22" s="260">
        <v>0</v>
      </c>
      <c r="R22" s="261">
        <v>0</v>
      </c>
      <c r="S22" s="261">
        <v>0</v>
      </c>
      <c r="T22" s="261">
        <v>1</v>
      </c>
      <c r="U22" s="261">
        <v>1</v>
      </c>
      <c r="V22" s="261">
        <v>3</v>
      </c>
      <c r="W22" s="258">
        <v>5</v>
      </c>
      <c r="X22" s="263">
        <v>5</v>
      </c>
      <c r="Y22" s="257">
        <v>5</v>
      </c>
      <c r="Z22" s="261">
        <v>2</v>
      </c>
      <c r="AA22" s="258">
        <v>7</v>
      </c>
      <c r="AB22" s="260">
        <v>0</v>
      </c>
      <c r="AC22" s="261">
        <v>21</v>
      </c>
      <c r="AD22" s="261">
        <v>18</v>
      </c>
      <c r="AE22" s="261">
        <v>12</v>
      </c>
      <c r="AF22" s="261">
        <v>8</v>
      </c>
      <c r="AG22" s="261">
        <v>6</v>
      </c>
      <c r="AH22" s="258">
        <v>65</v>
      </c>
      <c r="AI22" s="263">
        <v>72</v>
      </c>
      <c r="AJ22" s="257">
        <v>1</v>
      </c>
      <c r="AK22" s="261">
        <v>2</v>
      </c>
      <c r="AL22" s="258">
        <v>3</v>
      </c>
      <c r="AM22" s="260">
        <v>0</v>
      </c>
      <c r="AN22" s="261">
        <v>6</v>
      </c>
      <c r="AO22" s="261">
        <v>6</v>
      </c>
      <c r="AP22" s="261">
        <v>5</v>
      </c>
      <c r="AQ22" s="261">
        <v>4</v>
      </c>
      <c r="AR22" s="261">
        <v>0</v>
      </c>
      <c r="AS22" s="258">
        <v>21</v>
      </c>
      <c r="AT22" s="263">
        <v>24</v>
      </c>
      <c r="AU22" s="257">
        <v>1</v>
      </c>
      <c r="AV22" s="261">
        <v>4</v>
      </c>
      <c r="AW22" s="258">
        <v>5</v>
      </c>
      <c r="AX22" s="260">
        <v>0</v>
      </c>
      <c r="AY22" s="261">
        <v>16</v>
      </c>
      <c r="AZ22" s="261">
        <v>22</v>
      </c>
      <c r="BA22" s="261">
        <v>27</v>
      </c>
      <c r="BB22" s="261">
        <v>23</v>
      </c>
      <c r="BC22" s="261">
        <v>13</v>
      </c>
      <c r="BD22" s="262">
        <v>101</v>
      </c>
      <c r="BE22" s="263">
        <v>106</v>
      </c>
      <c r="BF22" s="257">
        <v>0</v>
      </c>
      <c r="BG22" s="261">
        <v>0</v>
      </c>
      <c r="BH22" s="258">
        <v>0</v>
      </c>
      <c r="BI22" s="260">
        <v>0</v>
      </c>
      <c r="BJ22" s="261">
        <v>29</v>
      </c>
      <c r="BK22" s="261">
        <v>27</v>
      </c>
      <c r="BL22" s="261">
        <v>12</v>
      </c>
      <c r="BM22" s="261">
        <v>8</v>
      </c>
      <c r="BN22" s="261">
        <v>2</v>
      </c>
      <c r="BO22" s="258">
        <v>78</v>
      </c>
      <c r="BP22" s="263">
        <v>78</v>
      </c>
      <c r="BQ22" s="257">
        <v>3</v>
      </c>
      <c r="BR22" s="261">
        <v>3</v>
      </c>
      <c r="BS22" s="258">
        <v>6</v>
      </c>
      <c r="BT22" s="260">
        <v>0</v>
      </c>
      <c r="BU22" s="261">
        <v>7</v>
      </c>
      <c r="BV22" s="261">
        <v>10</v>
      </c>
      <c r="BW22" s="261">
        <v>6</v>
      </c>
      <c r="BX22" s="261">
        <v>6</v>
      </c>
      <c r="BY22" s="261">
        <v>0</v>
      </c>
      <c r="BZ22" s="258">
        <v>29</v>
      </c>
      <c r="CA22" s="263">
        <v>35</v>
      </c>
      <c r="CB22" s="257">
        <v>0</v>
      </c>
      <c r="CC22" s="261">
        <v>0</v>
      </c>
      <c r="CD22" s="258">
        <v>0</v>
      </c>
      <c r="CE22" s="260">
        <v>0</v>
      </c>
      <c r="CF22" s="261">
        <v>1</v>
      </c>
      <c r="CG22" s="261">
        <v>3</v>
      </c>
      <c r="CH22" s="261">
        <v>2</v>
      </c>
      <c r="CI22" s="261">
        <v>9</v>
      </c>
      <c r="CJ22" s="261">
        <v>1</v>
      </c>
      <c r="CK22" s="258">
        <v>16</v>
      </c>
      <c r="CL22" s="263">
        <v>16</v>
      </c>
      <c r="CM22" s="257">
        <v>0</v>
      </c>
      <c r="CN22" s="261">
        <v>0</v>
      </c>
      <c r="CO22" s="258">
        <v>0</v>
      </c>
      <c r="CP22" s="260">
        <v>0</v>
      </c>
      <c r="CQ22" s="261">
        <v>0</v>
      </c>
      <c r="CR22" s="261">
        <v>0</v>
      </c>
      <c r="CS22" s="261">
        <v>2</v>
      </c>
      <c r="CT22" s="261">
        <v>3</v>
      </c>
      <c r="CU22" s="261">
        <v>0</v>
      </c>
      <c r="CV22" s="258">
        <v>5</v>
      </c>
      <c r="CW22" s="263">
        <v>5</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9</v>
      </c>
      <c r="DU22" s="261">
        <v>23</v>
      </c>
      <c r="DV22" s="258">
        <v>32</v>
      </c>
      <c r="DW22" s="260">
        <v>0</v>
      </c>
      <c r="DX22" s="261">
        <v>37</v>
      </c>
      <c r="DY22" s="261">
        <v>43</v>
      </c>
      <c r="DZ22" s="261">
        <v>28</v>
      </c>
      <c r="EA22" s="261">
        <v>19</v>
      </c>
      <c r="EB22" s="261">
        <v>8</v>
      </c>
      <c r="EC22" s="258">
        <v>135</v>
      </c>
      <c r="ED22" s="263">
        <v>167</v>
      </c>
      <c r="EE22" s="257">
        <v>1</v>
      </c>
      <c r="EF22" s="261">
        <v>2</v>
      </c>
      <c r="EG22" s="258">
        <v>3</v>
      </c>
      <c r="EH22" s="260">
        <v>0</v>
      </c>
      <c r="EI22" s="261">
        <v>5</v>
      </c>
      <c r="EJ22" s="261">
        <v>5</v>
      </c>
      <c r="EK22" s="261">
        <v>8</v>
      </c>
      <c r="EL22" s="261">
        <v>5</v>
      </c>
      <c r="EM22" s="261">
        <v>5</v>
      </c>
      <c r="EN22" s="258">
        <v>28</v>
      </c>
      <c r="EO22" s="263">
        <v>31</v>
      </c>
      <c r="EP22" s="257">
        <v>15</v>
      </c>
      <c r="EQ22" s="261">
        <v>28</v>
      </c>
      <c r="ER22" s="258">
        <v>43</v>
      </c>
      <c r="ES22" s="260">
        <v>0</v>
      </c>
      <c r="ET22" s="261">
        <v>78</v>
      </c>
      <c r="EU22" s="261">
        <v>63</v>
      </c>
      <c r="EV22" s="261">
        <v>32</v>
      </c>
      <c r="EW22" s="261">
        <v>22</v>
      </c>
      <c r="EX22" s="261">
        <v>10</v>
      </c>
      <c r="EY22" s="258">
        <v>205</v>
      </c>
      <c r="EZ22" s="263">
        <v>248</v>
      </c>
    </row>
    <row r="23" spans="2:156" ht="21" customHeight="1" x14ac:dyDescent="0.2">
      <c r="B23" s="472" t="s">
        <v>21</v>
      </c>
      <c r="C23" s="257">
        <v>0</v>
      </c>
      <c r="D23" s="261">
        <v>0</v>
      </c>
      <c r="E23" s="358">
        <v>0</v>
      </c>
      <c r="F23" s="260">
        <v>0</v>
      </c>
      <c r="G23" s="261">
        <v>16</v>
      </c>
      <c r="H23" s="261">
        <v>16</v>
      </c>
      <c r="I23" s="261">
        <v>7</v>
      </c>
      <c r="J23" s="261">
        <v>6</v>
      </c>
      <c r="K23" s="261">
        <v>5</v>
      </c>
      <c r="L23" s="262">
        <v>50</v>
      </c>
      <c r="M23" s="263">
        <v>50</v>
      </c>
      <c r="N23" s="257">
        <v>0</v>
      </c>
      <c r="O23" s="261">
        <v>0</v>
      </c>
      <c r="P23" s="258">
        <v>0</v>
      </c>
      <c r="Q23" s="260">
        <v>0</v>
      </c>
      <c r="R23" s="261">
        <v>0</v>
      </c>
      <c r="S23" s="261">
        <v>0</v>
      </c>
      <c r="T23" s="261">
        <v>0</v>
      </c>
      <c r="U23" s="261">
        <v>1</v>
      </c>
      <c r="V23" s="261">
        <v>3</v>
      </c>
      <c r="W23" s="258">
        <v>4</v>
      </c>
      <c r="X23" s="263">
        <v>4</v>
      </c>
      <c r="Y23" s="257">
        <v>5</v>
      </c>
      <c r="Z23" s="261">
        <v>3</v>
      </c>
      <c r="AA23" s="258">
        <v>8</v>
      </c>
      <c r="AB23" s="260">
        <v>0</v>
      </c>
      <c r="AC23" s="261">
        <v>13</v>
      </c>
      <c r="AD23" s="261">
        <v>24</v>
      </c>
      <c r="AE23" s="261">
        <v>8</v>
      </c>
      <c r="AF23" s="261">
        <v>7</v>
      </c>
      <c r="AG23" s="261">
        <v>7</v>
      </c>
      <c r="AH23" s="258">
        <v>59</v>
      </c>
      <c r="AI23" s="263">
        <v>67</v>
      </c>
      <c r="AJ23" s="257">
        <v>0</v>
      </c>
      <c r="AK23" s="261">
        <v>0</v>
      </c>
      <c r="AL23" s="258">
        <v>0</v>
      </c>
      <c r="AM23" s="260">
        <v>0</v>
      </c>
      <c r="AN23" s="261">
        <v>2</v>
      </c>
      <c r="AO23" s="261">
        <v>3</v>
      </c>
      <c r="AP23" s="261">
        <v>1</v>
      </c>
      <c r="AQ23" s="261">
        <v>1</v>
      </c>
      <c r="AR23" s="261">
        <v>0</v>
      </c>
      <c r="AS23" s="258">
        <v>7</v>
      </c>
      <c r="AT23" s="263">
        <v>7</v>
      </c>
      <c r="AU23" s="257">
        <v>4</v>
      </c>
      <c r="AV23" s="261">
        <v>4</v>
      </c>
      <c r="AW23" s="258">
        <v>8</v>
      </c>
      <c r="AX23" s="260">
        <v>0</v>
      </c>
      <c r="AY23" s="261">
        <v>9</v>
      </c>
      <c r="AZ23" s="261">
        <v>21</v>
      </c>
      <c r="BA23" s="261">
        <v>13</v>
      </c>
      <c r="BB23" s="261">
        <v>15</v>
      </c>
      <c r="BC23" s="261">
        <v>12</v>
      </c>
      <c r="BD23" s="262">
        <v>70</v>
      </c>
      <c r="BE23" s="263">
        <v>78</v>
      </c>
      <c r="BF23" s="257">
        <v>0</v>
      </c>
      <c r="BG23" s="261">
        <v>0</v>
      </c>
      <c r="BH23" s="258">
        <v>0</v>
      </c>
      <c r="BI23" s="260">
        <v>0</v>
      </c>
      <c r="BJ23" s="261">
        <v>20</v>
      </c>
      <c r="BK23" s="261">
        <v>19</v>
      </c>
      <c r="BL23" s="261">
        <v>11</v>
      </c>
      <c r="BM23" s="261">
        <v>4</v>
      </c>
      <c r="BN23" s="261">
        <v>3</v>
      </c>
      <c r="BO23" s="258">
        <v>57</v>
      </c>
      <c r="BP23" s="263">
        <v>57</v>
      </c>
      <c r="BQ23" s="257">
        <v>3</v>
      </c>
      <c r="BR23" s="261">
        <v>0</v>
      </c>
      <c r="BS23" s="258">
        <v>3</v>
      </c>
      <c r="BT23" s="260">
        <v>0</v>
      </c>
      <c r="BU23" s="261">
        <v>5</v>
      </c>
      <c r="BV23" s="261">
        <v>10</v>
      </c>
      <c r="BW23" s="261">
        <v>3</v>
      </c>
      <c r="BX23" s="261">
        <v>0</v>
      </c>
      <c r="BY23" s="261">
        <v>1</v>
      </c>
      <c r="BZ23" s="258">
        <v>19</v>
      </c>
      <c r="CA23" s="263">
        <v>22</v>
      </c>
      <c r="CB23" s="257">
        <v>0</v>
      </c>
      <c r="CC23" s="261">
        <v>0</v>
      </c>
      <c r="CD23" s="258">
        <v>0</v>
      </c>
      <c r="CE23" s="260">
        <v>0</v>
      </c>
      <c r="CF23" s="261">
        <v>1</v>
      </c>
      <c r="CG23" s="261">
        <v>2</v>
      </c>
      <c r="CH23" s="261">
        <v>6</v>
      </c>
      <c r="CI23" s="261">
        <v>5</v>
      </c>
      <c r="CJ23" s="261">
        <v>1</v>
      </c>
      <c r="CK23" s="258">
        <v>15</v>
      </c>
      <c r="CL23" s="263">
        <v>15</v>
      </c>
      <c r="CM23" s="257">
        <v>0</v>
      </c>
      <c r="CN23" s="261">
        <v>0</v>
      </c>
      <c r="CO23" s="258">
        <v>0</v>
      </c>
      <c r="CP23" s="260">
        <v>0</v>
      </c>
      <c r="CQ23" s="261">
        <v>0</v>
      </c>
      <c r="CR23" s="261">
        <v>1</v>
      </c>
      <c r="CS23" s="261">
        <v>0</v>
      </c>
      <c r="CT23" s="261">
        <v>0</v>
      </c>
      <c r="CU23" s="261">
        <v>0</v>
      </c>
      <c r="CV23" s="258">
        <v>1</v>
      </c>
      <c r="CW23" s="263">
        <v>1</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11</v>
      </c>
      <c r="DU23" s="261">
        <v>14</v>
      </c>
      <c r="DV23" s="258">
        <v>25</v>
      </c>
      <c r="DW23" s="260">
        <v>0</v>
      </c>
      <c r="DX23" s="261">
        <v>17</v>
      </c>
      <c r="DY23" s="261">
        <v>46</v>
      </c>
      <c r="DZ23" s="261">
        <v>22</v>
      </c>
      <c r="EA23" s="261">
        <v>12</v>
      </c>
      <c r="EB23" s="261">
        <v>7</v>
      </c>
      <c r="EC23" s="258">
        <v>104</v>
      </c>
      <c r="ED23" s="263">
        <v>129</v>
      </c>
      <c r="EE23" s="257">
        <v>0</v>
      </c>
      <c r="EF23" s="261">
        <v>3</v>
      </c>
      <c r="EG23" s="258">
        <v>3</v>
      </c>
      <c r="EH23" s="260">
        <v>0</v>
      </c>
      <c r="EI23" s="261">
        <v>4</v>
      </c>
      <c r="EJ23" s="261">
        <v>5</v>
      </c>
      <c r="EK23" s="261">
        <v>3</v>
      </c>
      <c r="EL23" s="261">
        <v>4</v>
      </c>
      <c r="EM23" s="261">
        <v>4</v>
      </c>
      <c r="EN23" s="258">
        <v>20</v>
      </c>
      <c r="EO23" s="263">
        <v>23</v>
      </c>
      <c r="EP23" s="257">
        <v>17</v>
      </c>
      <c r="EQ23" s="261">
        <v>15</v>
      </c>
      <c r="ER23" s="258">
        <v>32</v>
      </c>
      <c r="ES23" s="260">
        <v>0</v>
      </c>
      <c r="ET23" s="261">
        <v>50</v>
      </c>
      <c r="EU23" s="261">
        <v>64</v>
      </c>
      <c r="EV23" s="261">
        <v>26</v>
      </c>
      <c r="EW23" s="261">
        <v>14</v>
      </c>
      <c r="EX23" s="261">
        <v>9</v>
      </c>
      <c r="EY23" s="258">
        <v>163</v>
      </c>
      <c r="EZ23" s="263">
        <v>195</v>
      </c>
    </row>
    <row r="24" spans="2:156" ht="21" customHeight="1" x14ac:dyDescent="0.2">
      <c r="B24" s="472" t="s">
        <v>22</v>
      </c>
      <c r="C24" s="257">
        <v>0</v>
      </c>
      <c r="D24" s="261">
        <v>0</v>
      </c>
      <c r="E24" s="358">
        <v>0</v>
      </c>
      <c r="F24" s="260">
        <v>0</v>
      </c>
      <c r="G24" s="261">
        <v>8</v>
      </c>
      <c r="H24" s="261">
        <v>5</v>
      </c>
      <c r="I24" s="261">
        <v>1</v>
      </c>
      <c r="J24" s="261">
        <v>3</v>
      </c>
      <c r="K24" s="261">
        <v>3</v>
      </c>
      <c r="L24" s="262">
        <v>20</v>
      </c>
      <c r="M24" s="263">
        <v>20</v>
      </c>
      <c r="N24" s="257">
        <v>0</v>
      </c>
      <c r="O24" s="261">
        <v>0</v>
      </c>
      <c r="P24" s="258">
        <v>0</v>
      </c>
      <c r="Q24" s="260">
        <v>0</v>
      </c>
      <c r="R24" s="261">
        <v>1</v>
      </c>
      <c r="S24" s="261">
        <v>0</v>
      </c>
      <c r="T24" s="261">
        <v>0</v>
      </c>
      <c r="U24" s="261">
        <v>1</v>
      </c>
      <c r="V24" s="261">
        <v>0</v>
      </c>
      <c r="W24" s="258">
        <v>2</v>
      </c>
      <c r="X24" s="263">
        <v>2</v>
      </c>
      <c r="Y24" s="257">
        <v>0</v>
      </c>
      <c r="Z24" s="261">
        <v>0</v>
      </c>
      <c r="AA24" s="258">
        <v>0</v>
      </c>
      <c r="AB24" s="260">
        <v>0</v>
      </c>
      <c r="AC24" s="261">
        <v>2</v>
      </c>
      <c r="AD24" s="261">
        <v>8</v>
      </c>
      <c r="AE24" s="261">
        <v>4</v>
      </c>
      <c r="AF24" s="261">
        <v>1</v>
      </c>
      <c r="AG24" s="261">
        <v>2</v>
      </c>
      <c r="AH24" s="258">
        <v>17</v>
      </c>
      <c r="AI24" s="263">
        <v>17</v>
      </c>
      <c r="AJ24" s="257">
        <v>0</v>
      </c>
      <c r="AK24" s="261">
        <v>0</v>
      </c>
      <c r="AL24" s="258">
        <v>0</v>
      </c>
      <c r="AM24" s="260">
        <v>0</v>
      </c>
      <c r="AN24" s="261">
        <v>1</v>
      </c>
      <c r="AO24" s="261">
        <v>1</v>
      </c>
      <c r="AP24" s="261">
        <v>0</v>
      </c>
      <c r="AQ24" s="261">
        <v>0</v>
      </c>
      <c r="AR24" s="261">
        <v>0</v>
      </c>
      <c r="AS24" s="258">
        <v>2</v>
      </c>
      <c r="AT24" s="263">
        <v>2</v>
      </c>
      <c r="AU24" s="257">
        <v>2</v>
      </c>
      <c r="AV24" s="261">
        <v>0</v>
      </c>
      <c r="AW24" s="258">
        <v>2</v>
      </c>
      <c r="AX24" s="260">
        <v>0</v>
      </c>
      <c r="AY24" s="261">
        <v>5</v>
      </c>
      <c r="AZ24" s="261">
        <v>9</v>
      </c>
      <c r="BA24" s="261">
        <v>4</v>
      </c>
      <c r="BB24" s="261">
        <v>4</v>
      </c>
      <c r="BC24" s="261">
        <v>3</v>
      </c>
      <c r="BD24" s="262">
        <v>25</v>
      </c>
      <c r="BE24" s="263">
        <v>27</v>
      </c>
      <c r="BF24" s="257">
        <v>0</v>
      </c>
      <c r="BG24" s="261">
        <v>0</v>
      </c>
      <c r="BH24" s="258">
        <v>0</v>
      </c>
      <c r="BI24" s="260">
        <v>0</v>
      </c>
      <c r="BJ24" s="261">
        <v>14</v>
      </c>
      <c r="BK24" s="261">
        <v>3</v>
      </c>
      <c r="BL24" s="261">
        <v>3</v>
      </c>
      <c r="BM24" s="261">
        <v>2</v>
      </c>
      <c r="BN24" s="261">
        <v>3</v>
      </c>
      <c r="BO24" s="258">
        <v>25</v>
      </c>
      <c r="BP24" s="263">
        <v>25</v>
      </c>
      <c r="BQ24" s="257">
        <v>0</v>
      </c>
      <c r="BR24" s="261">
        <v>0</v>
      </c>
      <c r="BS24" s="258">
        <v>0</v>
      </c>
      <c r="BT24" s="260">
        <v>0</v>
      </c>
      <c r="BU24" s="261">
        <v>2</v>
      </c>
      <c r="BV24" s="261">
        <v>1</v>
      </c>
      <c r="BW24" s="261">
        <v>2</v>
      </c>
      <c r="BX24" s="261">
        <v>1</v>
      </c>
      <c r="BY24" s="261">
        <v>2</v>
      </c>
      <c r="BZ24" s="258">
        <v>8</v>
      </c>
      <c r="CA24" s="263">
        <v>8</v>
      </c>
      <c r="CB24" s="257">
        <v>0</v>
      </c>
      <c r="CC24" s="261">
        <v>0</v>
      </c>
      <c r="CD24" s="258">
        <v>0</v>
      </c>
      <c r="CE24" s="260">
        <v>0</v>
      </c>
      <c r="CF24" s="261">
        <v>1</v>
      </c>
      <c r="CG24" s="261">
        <v>0</v>
      </c>
      <c r="CH24" s="261">
        <v>1</v>
      </c>
      <c r="CI24" s="261">
        <v>4</v>
      </c>
      <c r="CJ24" s="261">
        <v>1</v>
      </c>
      <c r="CK24" s="258">
        <v>7</v>
      </c>
      <c r="CL24" s="263">
        <v>7</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1</v>
      </c>
      <c r="DU24" s="261">
        <v>7</v>
      </c>
      <c r="DV24" s="258">
        <v>8</v>
      </c>
      <c r="DW24" s="260">
        <v>0</v>
      </c>
      <c r="DX24" s="261">
        <v>18</v>
      </c>
      <c r="DY24" s="261">
        <v>15</v>
      </c>
      <c r="DZ24" s="261">
        <v>10</v>
      </c>
      <c r="EA24" s="261">
        <v>7</v>
      </c>
      <c r="EB24" s="261">
        <v>5</v>
      </c>
      <c r="EC24" s="258">
        <v>55</v>
      </c>
      <c r="ED24" s="263">
        <v>63</v>
      </c>
      <c r="EE24" s="257">
        <v>1</v>
      </c>
      <c r="EF24" s="261">
        <v>1</v>
      </c>
      <c r="EG24" s="258">
        <v>2</v>
      </c>
      <c r="EH24" s="260">
        <v>0</v>
      </c>
      <c r="EI24" s="261">
        <v>6</v>
      </c>
      <c r="EJ24" s="261">
        <v>3</v>
      </c>
      <c r="EK24" s="261">
        <v>0</v>
      </c>
      <c r="EL24" s="261">
        <v>2</v>
      </c>
      <c r="EM24" s="261">
        <v>0</v>
      </c>
      <c r="EN24" s="258">
        <v>11</v>
      </c>
      <c r="EO24" s="263">
        <v>13</v>
      </c>
      <c r="EP24" s="257">
        <v>1</v>
      </c>
      <c r="EQ24" s="261">
        <v>7</v>
      </c>
      <c r="ER24" s="258">
        <v>8</v>
      </c>
      <c r="ES24" s="260">
        <v>0</v>
      </c>
      <c r="ET24" s="261">
        <v>31</v>
      </c>
      <c r="EU24" s="261">
        <v>20</v>
      </c>
      <c r="EV24" s="261">
        <v>11</v>
      </c>
      <c r="EW24" s="261">
        <v>8</v>
      </c>
      <c r="EX24" s="261">
        <v>6</v>
      </c>
      <c r="EY24" s="258">
        <v>76</v>
      </c>
      <c r="EZ24" s="263">
        <v>84</v>
      </c>
    </row>
    <row r="25" spans="2:156" ht="21" customHeight="1" x14ac:dyDescent="0.2">
      <c r="B25" s="472" t="s">
        <v>23</v>
      </c>
      <c r="C25" s="257">
        <v>0</v>
      </c>
      <c r="D25" s="261">
        <v>0</v>
      </c>
      <c r="E25" s="358">
        <v>0</v>
      </c>
      <c r="F25" s="260">
        <v>0</v>
      </c>
      <c r="G25" s="261">
        <v>6</v>
      </c>
      <c r="H25" s="261">
        <v>10</v>
      </c>
      <c r="I25" s="261">
        <v>5</v>
      </c>
      <c r="J25" s="261">
        <v>4</v>
      </c>
      <c r="K25" s="261">
        <v>2</v>
      </c>
      <c r="L25" s="262">
        <v>27</v>
      </c>
      <c r="M25" s="263">
        <v>27</v>
      </c>
      <c r="N25" s="257">
        <v>0</v>
      </c>
      <c r="O25" s="261">
        <v>0</v>
      </c>
      <c r="P25" s="258">
        <v>0</v>
      </c>
      <c r="Q25" s="260">
        <v>0</v>
      </c>
      <c r="R25" s="261">
        <v>0</v>
      </c>
      <c r="S25" s="261">
        <v>0</v>
      </c>
      <c r="T25" s="261">
        <v>0</v>
      </c>
      <c r="U25" s="261">
        <v>4</v>
      </c>
      <c r="V25" s="261">
        <v>0</v>
      </c>
      <c r="W25" s="258">
        <v>4</v>
      </c>
      <c r="X25" s="263">
        <v>4</v>
      </c>
      <c r="Y25" s="257">
        <v>3</v>
      </c>
      <c r="Z25" s="261">
        <v>4</v>
      </c>
      <c r="AA25" s="258">
        <v>7</v>
      </c>
      <c r="AB25" s="260">
        <v>0</v>
      </c>
      <c r="AC25" s="261">
        <v>4</v>
      </c>
      <c r="AD25" s="261">
        <v>17</v>
      </c>
      <c r="AE25" s="261">
        <v>3</v>
      </c>
      <c r="AF25" s="261">
        <v>4</v>
      </c>
      <c r="AG25" s="261">
        <v>3</v>
      </c>
      <c r="AH25" s="258">
        <v>31</v>
      </c>
      <c r="AI25" s="263">
        <v>38</v>
      </c>
      <c r="AJ25" s="257">
        <v>0</v>
      </c>
      <c r="AK25" s="261">
        <v>1</v>
      </c>
      <c r="AL25" s="258">
        <v>1</v>
      </c>
      <c r="AM25" s="260">
        <v>0</v>
      </c>
      <c r="AN25" s="261">
        <v>0</v>
      </c>
      <c r="AO25" s="261">
        <v>0</v>
      </c>
      <c r="AP25" s="261">
        <v>0</v>
      </c>
      <c r="AQ25" s="261">
        <v>0</v>
      </c>
      <c r="AR25" s="261">
        <v>0</v>
      </c>
      <c r="AS25" s="258">
        <v>0</v>
      </c>
      <c r="AT25" s="263">
        <v>1</v>
      </c>
      <c r="AU25" s="257">
        <v>3</v>
      </c>
      <c r="AV25" s="261">
        <v>0</v>
      </c>
      <c r="AW25" s="258">
        <v>3</v>
      </c>
      <c r="AX25" s="260">
        <v>0</v>
      </c>
      <c r="AY25" s="261">
        <v>13</v>
      </c>
      <c r="AZ25" s="261">
        <v>6</v>
      </c>
      <c r="BA25" s="261">
        <v>9</v>
      </c>
      <c r="BB25" s="261">
        <v>10</v>
      </c>
      <c r="BC25" s="261">
        <v>5</v>
      </c>
      <c r="BD25" s="262">
        <v>43</v>
      </c>
      <c r="BE25" s="263">
        <v>46</v>
      </c>
      <c r="BF25" s="257">
        <v>0</v>
      </c>
      <c r="BG25" s="261">
        <v>0</v>
      </c>
      <c r="BH25" s="258">
        <v>0</v>
      </c>
      <c r="BI25" s="260">
        <v>0</v>
      </c>
      <c r="BJ25" s="261">
        <v>18</v>
      </c>
      <c r="BK25" s="261">
        <v>16</v>
      </c>
      <c r="BL25" s="261">
        <v>7</v>
      </c>
      <c r="BM25" s="261">
        <v>4</v>
      </c>
      <c r="BN25" s="261">
        <v>2</v>
      </c>
      <c r="BO25" s="258">
        <v>47</v>
      </c>
      <c r="BP25" s="263">
        <v>47</v>
      </c>
      <c r="BQ25" s="257">
        <v>0</v>
      </c>
      <c r="BR25" s="261">
        <v>0</v>
      </c>
      <c r="BS25" s="258">
        <v>0</v>
      </c>
      <c r="BT25" s="260">
        <v>0</v>
      </c>
      <c r="BU25" s="261">
        <v>3</v>
      </c>
      <c r="BV25" s="261">
        <v>3</v>
      </c>
      <c r="BW25" s="261">
        <v>2</v>
      </c>
      <c r="BX25" s="261">
        <v>1</v>
      </c>
      <c r="BY25" s="261">
        <v>1</v>
      </c>
      <c r="BZ25" s="258">
        <v>10</v>
      </c>
      <c r="CA25" s="263">
        <v>10</v>
      </c>
      <c r="CB25" s="257">
        <v>0</v>
      </c>
      <c r="CC25" s="261">
        <v>0</v>
      </c>
      <c r="CD25" s="258">
        <v>0</v>
      </c>
      <c r="CE25" s="260">
        <v>0</v>
      </c>
      <c r="CF25" s="261">
        <v>3</v>
      </c>
      <c r="CG25" s="261">
        <v>1</v>
      </c>
      <c r="CH25" s="261">
        <v>4</v>
      </c>
      <c r="CI25" s="261">
        <v>4</v>
      </c>
      <c r="CJ25" s="261">
        <v>1</v>
      </c>
      <c r="CK25" s="258">
        <v>13</v>
      </c>
      <c r="CL25" s="263">
        <v>13</v>
      </c>
      <c r="CM25" s="257">
        <v>1</v>
      </c>
      <c r="CN25" s="261">
        <v>0</v>
      </c>
      <c r="CO25" s="258">
        <v>1</v>
      </c>
      <c r="CP25" s="260">
        <v>0</v>
      </c>
      <c r="CQ25" s="261">
        <v>1</v>
      </c>
      <c r="CR25" s="261">
        <v>0</v>
      </c>
      <c r="CS25" s="261">
        <v>0</v>
      </c>
      <c r="CT25" s="261">
        <v>0</v>
      </c>
      <c r="CU25" s="261">
        <v>0</v>
      </c>
      <c r="CV25" s="258">
        <v>1</v>
      </c>
      <c r="CW25" s="263">
        <v>2</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3</v>
      </c>
      <c r="DU25" s="261">
        <v>9</v>
      </c>
      <c r="DV25" s="258">
        <v>12</v>
      </c>
      <c r="DW25" s="260">
        <v>0</v>
      </c>
      <c r="DX25" s="261">
        <v>14</v>
      </c>
      <c r="DY25" s="261">
        <v>25</v>
      </c>
      <c r="DZ25" s="261">
        <v>9</v>
      </c>
      <c r="EA25" s="261">
        <v>8</v>
      </c>
      <c r="EB25" s="261">
        <v>4</v>
      </c>
      <c r="EC25" s="258">
        <v>60</v>
      </c>
      <c r="ED25" s="263">
        <v>72</v>
      </c>
      <c r="EE25" s="257">
        <v>3</v>
      </c>
      <c r="EF25" s="261">
        <v>0</v>
      </c>
      <c r="EG25" s="258">
        <v>3</v>
      </c>
      <c r="EH25" s="260">
        <v>0</v>
      </c>
      <c r="EI25" s="261">
        <v>8</v>
      </c>
      <c r="EJ25" s="261">
        <v>1</v>
      </c>
      <c r="EK25" s="261">
        <v>0</v>
      </c>
      <c r="EL25" s="261">
        <v>3</v>
      </c>
      <c r="EM25" s="261">
        <v>2</v>
      </c>
      <c r="EN25" s="258">
        <v>14</v>
      </c>
      <c r="EO25" s="263">
        <v>17</v>
      </c>
      <c r="EP25" s="257">
        <v>5</v>
      </c>
      <c r="EQ25" s="261">
        <v>11</v>
      </c>
      <c r="ER25" s="258">
        <v>16</v>
      </c>
      <c r="ES25" s="260">
        <v>0</v>
      </c>
      <c r="ET25" s="261">
        <v>34</v>
      </c>
      <c r="EU25" s="261">
        <v>32</v>
      </c>
      <c r="EV25" s="261">
        <v>13</v>
      </c>
      <c r="EW25" s="261">
        <v>9</v>
      </c>
      <c r="EX25" s="261">
        <v>5</v>
      </c>
      <c r="EY25" s="258">
        <v>93</v>
      </c>
      <c r="EZ25" s="263">
        <v>109</v>
      </c>
    </row>
    <row r="26" spans="2:156" ht="21" customHeight="1" x14ac:dyDescent="0.2">
      <c r="B26" s="472" t="s">
        <v>24</v>
      </c>
      <c r="C26" s="257">
        <v>0</v>
      </c>
      <c r="D26" s="261">
        <v>0</v>
      </c>
      <c r="E26" s="358">
        <v>0</v>
      </c>
      <c r="F26" s="260">
        <v>0</v>
      </c>
      <c r="G26" s="261">
        <v>10</v>
      </c>
      <c r="H26" s="261">
        <v>5</v>
      </c>
      <c r="I26" s="261">
        <v>2</v>
      </c>
      <c r="J26" s="261">
        <v>1</v>
      </c>
      <c r="K26" s="261">
        <v>0</v>
      </c>
      <c r="L26" s="262">
        <v>18</v>
      </c>
      <c r="M26" s="263">
        <v>18</v>
      </c>
      <c r="N26" s="257">
        <v>0</v>
      </c>
      <c r="O26" s="261">
        <v>0</v>
      </c>
      <c r="P26" s="258">
        <v>0</v>
      </c>
      <c r="Q26" s="260">
        <v>0</v>
      </c>
      <c r="R26" s="261">
        <v>0</v>
      </c>
      <c r="S26" s="261">
        <v>1</v>
      </c>
      <c r="T26" s="261">
        <v>1</v>
      </c>
      <c r="U26" s="261">
        <v>1</v>
      </c>
      <c r="V26" s="261">
        <v>1</v>
      </c>
      <c r="W26" s="258">
        <v>4</v>
      </c>
      <c r="X26" s="263">
        <v>4</v>
      </c>
      <c r="Y26" s="257">
        <v>2</v>
      </c>
      <c r="Z26" s="261">
        <v>3</v>
      </c>
      <c r="AA26" s="258">
        <v>5</v>
      </c>
      <c r="AB26" s="260">
        <v>0</v>
      </c>
      <c r="AC26" s="261">
        <v>6</v>
      </c>
      <c r="AD26" s="261">
        <v>8</v>
      </c>
      <c r="AE26" s="261">
        <v>6</v>
      </c>
      <c r="AF26" s="261">
        <v>2</v>
      </c>
      <c r="AG26" s="261">
        <v>1</v>
      </c>
      <c r="AH26" s="258">
        <v>23</v>
      </c>
      <c r="AI26" s="263">
        <v>28</v>
      </c>
      <c r="AJ26" s="257">
        <v>0</v>
      </c>
      <c r="AK26" s="261">
        <v>0</v>
      </c>
      <c r="AL26" s="258">
        <v>0</v>
      </c>
      <c r="AM26" s="260">
        <v>0</v>
      </c>
      <c r="AN26" s="261">
        <v>1</v>
      </c>
      <c r="AO26" s="261">
        <v>2</v>
      </c>
      <c r="AP26" s="261">
        <v>1</v>
      </c>
      <c r="AQ26" s="261">
        <v>0</v>
      </c>
      <c r="AR26" s="261">
        <v>0</v>
      </c>
      <c r="AS26" s="258">
        <v>4</v>
      </c>
      <c r="AT26" s="263">
        <v>4</v>
      </c>
      <c r="AU26" s="257">
        <v>5</v>
      </c>
      <c r="AV26" s="261">
        <v>1</v>
      </c>
      <c r="AW26" s="258">
        <v>6</v>
      </c>
      <c r="AX26" s="260">
        <v>0</v>
      </c>
      <c r="AY26" s="261">
        <v>12</v>
      </c>
      <c r="AZ26" s="261">
        <v>8</v>
      </c>
      <c r="BA26" s="261">
        <v>12</v>
      </c>
      <c r="BB26" s="261">
        <v>7</v>
      </c>
      <c r="BC26" s="261">
        <v>7</v>
      </c>
      <c r="BD26" s="262">
        <v>46</v>
      </c>
      <c r="BE26" s="263">
        <v>52</v>
      </c>
      <c r="BF26" s="257">
        <v>0</v>
      </c>
      <c r="BG26" s="261">
        <v>0</v>
      </c>
      <c r="BH26" s="258">
        <v>0</v>
      </c>
      <c r="BI26" s="260">
        <v>0</v>
      </c>
      <c r="BJ26" s="261">
        <v>12</v>
      </c>
      <c r="BK26" s="261">
        <v>10</v>
      </c>
      <c r="BL26" s="261">
        <v>3</v>
      </c>
      <c r="BM26" s="261">
        <v>1</v>
      </c>
      <c r="BN26" s="261">
        <v>0</v>
      </c>
      <c r="BO26" s="258">
        <v>26</v>
      </c>
      <c r="BP26" s="263">
        <v>26</v>
      </c>
      <c r="BQ26" s="257">
        <v>3</v>
      </c>
      <c r="BR26" s="261">
        <v>1</v>
      </c>
      <c r="BS26" s="258">
        <v>4</v>
      </c>
      <c r="BT26" s="260">
        <v>0</v>
      </c>
      <c r="BU26" s="261">
        <v>1</v>
      </c>
      <c r="BV26" s="261">
        <v>5</v>
      </c>
      <c r="BW26" s="261">
        <v>3</v>
      </c>
      <c r="BX26" s="261">
        <v>1</v>
      </c>
      <c r="BY26" s="261">
        <v>0</v>
      </c>
      <c r="BZ26" s="258">
        <v>10</v>
      </c>
      <c r="CA26" s="263">
        <v>14</v>
      </c>
      <c r="CB26" s="257">
        <v>0</v>
      </c>
      <c r="CC26" s="261">
        <v>0</v>
      </c>
      <c r="CD26" s="258">
        <v>0</v>
      </c>
      <c r="CE26" s="260">
        <v>0</v>
      </c>
      <c r="CF26" s="261">
        <v>0</v>
      </c>
      <c r="CG26" s="261">
        <v>2</v>
      </c>
      <c r="CH26" s="261">
        <v>1</v>
      </c>
      <c r="CI26" s="261">
        <v>1</v>
      </c>
      <c r="CJ26" s="261">
        <v>0</v>
      </c>
      <c r="CK26" s="258">
        <v>4</v>
      </c>
      <c r="CL26" s="263">
        <v>4</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11</v>
      </c>
      <c r="DU26" s="261">
        <v>6</v>
      </c>
      <c r="DV26" s="258">
        <v>17</v>
      </c>
      <c r="DW26" s="260">
        <v>0</v>
      </c>
      <c r="DX26" s="261">
        <v>13</v>
      </c>
      <c r="DY26" s="261">
        <v>21</v>
      </c>
      <c r="DZ26" s="261">
        <v>9</v>
      </c>
      <c r="EA26" s="261">
        <v>3</v>
      </c>
      <c r="EB26" s="261">
        <v>1</v>
      </c>
      <c r="EC26" s="258">
        <v>47</v>
      </c>
      <c r="ED26" s="263">
        <v>64</v>
      </c>
      <c r="EE26" s="257">
        <v>4</v>
      </c>
      <c r="EF26" s="261">
        <v>1</v>
      </c>
      <c r="EG26" s="258">
        <v>5</v>
      </c>
      <c r="EH26" s="260">
        <v>0</v>
      </c>
      <c r="EI26" s="261">
        <v>3</v>
      </c>
      <c r="EJ26" s="261">
        <v>4</v>
      </c>
      <c r="EK26" s="261">
        <v>3</v>
      </c>
      <c r="EL26" s="261">
        <v>4</v>
      </c>
      <c r="EM26" s="261">
        <v>3</v>
      </c>
      <c r="EN26" s="258">
        <v>17</v>
      </c>
      <c r="EO26" s="263">
        <v>22</v>
      </c>
      <c r="EP26" s="257">
        <v>14</v>
      </c>
      <c r="EQ26" s="261">
        <v>8</v>
      </c>
      <c r="ER26" s="258">
        <v>22</v>
      </c>
      <c r="ES26" s="260">
        <v>0</v>
      </c>
      <c r="ET26" s="261">
        <v>28</v>
      </c>
      <c r="EU26" s="261">
        <v>29</v>
      </c>
      <c r="EV26" s="261">
        <v>14</v>
      </c>
      <c r="EW26" s="261">
        <v>5</v>
      </c>
      <c r="EX26" s="261">
        <v>2</v>
      </c>
      <c r="EY26" s="258">
        <v>78</v>
      </c>
      <c r="EZ26" s="263">
        <v>100</v>
      </c>
    </row>
    <row r="27" spans="2:156" ht="21" customHeight="1" x14ac:dyDescent="0.2">
      <c r="B27" s="472" t="s">
        <v>25</v>
      </c>
      <c r="C27" s="257">
        <v>0</v>
      </c>
      <c r="D27" s="261">
        <v>0</v>
      </c>
      <c r="E27" s="358">
        <v>0</v>
      </c>
      <c r="F27" s="260">
        <v>0</v>
      </c>
      <c r="G27" s="261">
        <v>3</v>
      </c>
      <c r="H27" s="261">
        <v>2</v>
      </c>
      <c r="I27" s="261">
        <v>3</v>
      </c>
      <c r="J27" s="261">
        <v>1</v>
      </c>
      <c r="K27" s="261">
        <v>1</v>
      </c>
      <c r="L27" s="262">
        <v>10</v>
      </c>
      <c r="M27" s="263">
        <v>10</v>
      </c>
      <c r="N27" s="257">
        <v>0</v>
      </c>
      <c r="O27" s="261">
        <v>0</v>
      </c>
      <c r="P27" s="258">
        <v>0</v>
      </c>
      <c r="Q27" s="260">
        <v>0</v>
      </c>
      <c r="R27" s="261">
        <v>0</v>
      </c>
      <c r="S27" s="261">
        <v>0</v>
      </c>
      <c r="T27" s="261">
        <v>2</v>
      </c>
      <c r="U27" s="261">
        <v>0</v>
      </c>
      <c r="V27" s="261">
        <v>0</v>
      </c>
      <c r="W27" s="258">
        <v>2</v>
      </c>
      <c r="X27" s="263">
        <v>2</v>
      </c>
      <c r="Y27" s="257">
        <v>0</v>
      </c>
      <c r="Z27" s="261">
        <v>2</v>
      </c>
      <c r="AA27" s="258">
        <v>2</v>
      </c>
      <c r="AB27" s="260">
        <v>0</v>
      </c>
      <c r="AC27" s="261">
        <v>4</v>
      </c>
      <c r="AD27" s="261">
        <v>2</v>
      </c>
      <c r="AE27" s="261">
        <v>4</v>
      </c>
      <c r="AF27" s="261">
        <v>4</v>
      </c>
      <c r="AG27" s="261">
        <v>2</v>
      </c>
      <c r="AH27" s="258">
        <v>16</v>
      </c>
      <c r="AI27" s="263">
        <v>18</v>
      </c>
      <c r="AJ27" s="257">
        <v>0</v>
      </c>
      <c r="AK27" s="261">
        <v>2</v>
      </c>
      <c r="AL27" s="258">
        <v>2</v>
      </c>
      <c r="AM27" s="260">
        <v>0</v>
      </c>
      <c r="AN27" s="261">
        <v>0</v>
      </c>
      <c r="AO27" s="261">
        <v>1</v>
      </c>
      <c r="AP27" s="261">
        <v>2</v>
      </c>
      <c r="AQ27" s="261">
        <v>0</v>
      </c>
      <c r="AR27" s="261">
        <v>0</v>
      </c>
      <c r="AS27" s="258">
        <v>3</v>
      </c>
      <c r="AT27" s="263">
        <v>5</v>
      </c>
      <c r="AU27" s="257">
        <v>0</v>
      </c>
      <c r="AV27" s="261">
        <v>1</v>
      </c>
      <c r="AW27" s="258">
        <v>1</v>
      </c>
      <c r="AX27" s="260">
        <v>0</v>
      </c>
      <c r="AY27" s="261">
        <v>4</v>
      </c>
      <c r="AZ27" s="261">
        <v>2</v>
      </c>
      <c r="BA27" s="261">
        <v>3</v>
      </c>
      <c r="BB27" s="261">
        <v>4</v>
      </c>
      <c r="BC27" s="261">
        <v>3</v>
      </c>
      <c r="BD27" s="262">
        <v>16</v>
      </c>
      <c r="BE27" s="263">
        <v>17</v>
      </c>
      <c r="BF27" s="257">
        <v>0</v>
      </c>
      <c r="BG27" s="261">
        <v>0</v>
      </c>
      <c r="BH27" s="258">
        <v>0</v>
      </c>
      <c r="BI27" s="260">
        <v>0</v>
      </c>
      <c r="BJ27" s="261">
        <v>6</v>
      </c>
      <c r="BK27" s="261">
        <v>2</v>
      </c>
      <c r="BL27" s="261">
        <v>2</v>
      </c>
      <c r="BM27" s="261">
        <v>2</v>
      </c>
      <c r="BN27" s="261">
        <v>0</v>
      </c>
      <c r="BO27" s="258">
        <v>12</v>
      </c>
      <c r="BP27" s="263">
        <v>12</v>
      </c>
      <c r="BQ27" s="257">
        <v>4</v>
      </c>
      <c r="BR27" s="261">
        <v>1</v>
      </c>
      <c r="BS27" s="258">
        <v>5</v>
      </c>
      <c r="BT27" s="260">
        <v>0</v>
      </c>
      <c r="BU27" s="261">
        <v>4</v>
      </c>
      <c r="BV27" s="261">
        <v>5</v>
      </c>
      <c r="BW27" s="261">
        <v>3</v>
      </c>
      <c r="BX27" s="261">
        <v>1</v>
      </c>
      <c r="BY27" s="261">
        <v>1</v>
      </c>
      <c r="BZ27" s="258">
        <v>14</v>
      </c>
      <c r="CA27" s="263">
        <v>19</v>
      </c>
      <c r="CB27" s="257">
        <v>0</v>
      </c>
      <c r="CC27" s="261">
        <v>2</v>
      </c>
      <c r="CD27" s="258">
        <v>2</v>
      </c>
      <c r="CE27" s="260">
        <v>0</v>
      </c>
      <c r="CF27" s="261">
        <v>3</v>
      </c>
      <c r="CG27" s="261">
        <v>1</v>
      </c>
      <c r="CH27" s="261">
        <v>1</v>
      </c>
      <c r="CI27" s="261">
        <v>3</v>
      </c>
      <c r="CJ27" s="261">
        <v>0</v>
      </c>
      <c r="CK27" s="258">
        <v>8</v>
      </c>
      <c r="CL27" s="263">
        <v>10</v>
      </c>
      <c r="CM27" s="257">
        <v>0</v>
      </c>
      <c r="CN27" s="261">
        <v>0</v>
      </c>
      <c r="CO27" s="258">
        <v>0</v>
      </c>
      <c r="CP27" s="260">
        <v>0</v>
      </c>
      <c r="CQ27" s="261">
        <v>1</v>
      </c>
      <c r="CR27" s="261">
        <v>0</v>
      </c>
      <c r="CS27" s="261">
        <v>1</v>
      </c>
      <c r="CT27" s="261">
        <v>0</v>
      </c>
      <c r="CU27" s="261">
        <v>0</v>
      </c>
      <c r="CV27" s="258">
        <v>2</v>
      </c>
      <c r="CW27" s="263">
        <v>2</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5</v>
      </c>
      <c r="DU27" s="261">
        <v>10</v>
      </c>
      <c r="DV27" s="258">
        <v>15</v>
      </c>
      <c r="DW27" s="260">
        <v>0</v>
      </c>
      <c r="DX27" s="261">
        <v>5</v>
      </c>
      <c r="DY27" s="261">
        <v>8</v>
      </c>
      <c r="DZ27" s="261">
        <v>8</v>
      </c>
      <c r="EA27" s="261">
        <v>5</v>
      </c>
      <c r="EB27" s="261">
        <v>3</v>
      </c>
      <c r="EC27" s="258">
        <v>29</v>
      </c>
      <c r="ED27" s="263">
        <v>44</v>
      </c>
      <c r="EE27" s="257">
        <v>0</v>
      </c>
      <c r="EF27" s="261">
        <v>1</v>
      </c>
      <c r="EG27" s="258">
        <v>1</v>
      </c>
      <c r="EH27" s="260">
        <v>0</v>
      </c>
      <c r="EI27" s="261">
        <v>2</v>
      </c>
      <c r="EJ27" s="261">
        <v>1</v>
      </c>
      <c r="EK27" s="261">
        <v>1</v>
      </c>
      <c r="EL27" s="261">
        <v>2</v>
      </c>
      <c r="EM27" s="261">
        <v>1</v>
      </c>
      <c r="EN27" s="258">
        <v>7</v>
      </c>
      <c r="EO27" s="263">
        <v>8</v>
      </c>
      <c r="EP27" s="257">
        <v>7</v>
      </c>
      <c r="EQ27" s="261">
        <v>11</v>
      </c>
      <c r="ER27" s="258">
        <v>18</v>
      </c>
      <c r="ES27" s="260">
        <v>0</v>
      </c>
      <c r="ET27" s="261">
        <v>21</v>
      </c>
      <c r="EU27" s="261">
        <v>10</v>
      </c>
      <c r="EV27" s="261">
        <v>10</v>
      </c>
      <c r="EW27" s="261">
        <v>6</v>
      </c>
      <c r="EX27" s="261">
        <v>2</v>
      </c>
      <c r="EY27" s="258">
        <v>49</v>
      </c>
      <c r="EZ27" s="263">
        <v>67</v>
      </c>
    </row>
    <row r="28" spans="2:156" ht="21" customHeight="1" x14ac:dyDescent="0.2">
      <c r="B28" s="472" t="s">
        <v>26</v>
      </c>
      <c r="C28" s="257">
        <v>0</v>
      </c>
      <c r="D28" s="261">
        <v>0</v>
      </c>
      <c r="E28" s="358">
        <v>0</v>
      </c>
      <c r="F28" s="260">
        <v>0</v>
      </c>
      <c r="G28" s="261">
        <v>6</v>
      </c>
      <c r="H28" s="261">
        <v>9</v>
      </c>
      <c r="I28" s="261">
        <v>8</v>
      </c>
      <c r="J28" s="261">
        <v>2</v>
      </c>
      <c r="K28" s="261">
        <v>0</v>
      </c>
      <c r="L28" s="262">
        <v>25</v>
      </c>
      <c r="M28" s="263">
        <v>25</v>
      </c>
      <c r="N28" s="257">
        <v>0</v>
      </c>
      <c r="O28" s="261">
        <v>0</v>
      </c>
      <c r="P28" s="258">
        <v>0</v>
      </c>
      <c r="Q28" s="260">
        <v>0</v>
      </c>
      <c r="R28" s="261">
        <v>0</v>
      </c>
      <c r="S28" s="261">
        <v>0</v>
      </c>
      <c r="T28" s="261">
        <v>0</v>
      </c>
      <c r="U28" s="261">
        <v>2</v>
      </c>
      <c r="V28" s="261">
        <v>0</v>
      </c>
      <c r="W28" s="258">
        <v>2</v>
      </c>
      <c r="X28" s="263">
        <v>2</v>
      </c>
      <c r="Y28" s="257">
        <v>0</v>
      </c>
      <c r="Z28" s="261">
        <v>0</v>
      </c>
      <c r="AA28" s="258">
        <v>0</v>
      </c>
      <c r="AB28" s="260">
        <v>0</v>
      </c>
      <c r="AC28" s="261">
        <v>3</v>
      </c>
      <c r="AD28" s="261">
        <v>3</v>
      </c>
      <c r="AE28" s="261">
        <v>5</v>
      </c>
      <c r="AF28" s="261">
        <v>0</v>
      </c>
      <c r="AG28" s="261">
        <v>1</v>
      </c>
      <c r="AH28" s="258">
        <v>12</v>
      </c>
      <c r="AI28" s="263">
        <v>12</v>
      </c>
      <c r="AJ28" s="257">
        <v>1</v>
      </c>
      <c r="AK28" s="261">
        <v>0</v>
      </c>
      <c r="AL28" s="258">
        <v>1</v>
      </c>
      <c r="AM28" s="260">
        <v>0</v>
      </c>
      <c r="AN28" s="261">
        <v>0</v>
      </c>
      <c r="AO28" s="261">
        <v>1</v>
      </c>
      <c r="AP28" s="261">
        <v>0</v>
      </c>
      <c r="AQ28" s="261">
        <v>0</v>
      </c>
      <c r="AR28" s="261">
        <v>0</v>
      </c>
      <c r="AS28" s="258">
        <v>1</v>
      </c>
      <c r="AT28" s="263">
        <v>2</v>
      </c>
      <c r="AU28" s="257">
        <v>2</v>
      </c>
      <c r="AV28" s="261">
        <v>0</v>
      </c>
      <c r="AW28" s="258">
        <v>2</v>
      </c>
      <c r="AX28" s="260">
        <v>0</v>
      </c>
      <c r="AY28" s="261">
        <v>2</v>
      </c>
      <c r="AZ28" s="261">
        <v>4</v>
      </c>
      <c r="BA28" s="261">
        <v>7</v>
      </c>
      <c r="BB28" s="261">
        <v>3</v>
      </c>
      <c r="BC28" s="261">
        <v>1</v>
      </c>
      <c r="BD28" s="262">
        <v>17</v>
      </c>
      <c r="BE28" s="263">
        <v>19</v>
      </c>
      <c r="BF28" s="257">
        <v>0</v>
      </c>
      <c r="BG28" s="261">
        <v>0</v>
      </c>
      <c r="BH28" s="258">
        <v>0</v>
      </c>
      <c r="BI28" s="260">
        <v>0</v>
      </c>
      <c r="BJ28" s="261">
        <v>10</v>
      </c>
      <c r="BK28" s="261">
        <v>8</v>
      </c>
      <c r="BL28" s="261">
        <v>2</v>
      </c>
      <c r="BM28" s="261">
        <v>0</v>
      </c>
      <c r="BN28" s="261">
        <v>0</v>
      </c>
      <c r="BO28" s="258">
        <v>20</v>
      </c>
      <c r="BP28" s="263">
        <v>20</v>
      </c>
      <c r="BQ28" s="257">
        <v>0</v>
      </c>
      <c r="BR28" s="261">
        <v>0</v>
      </c>
      <c r="BS28" s="258">
        <v>0</v>
      </c>
      <c r="BT28" s="260">
        <v>0</v>
      </c>
      <c r="BU28" s="261">
        <v>3</v>
      </c>
      <c r="BV28" s="261">
        <v>1</v>
      </c>
      <c r="BW28" s="261">
        <v>1</v>
      </c>
      <c r="BX28" s="261">
        <v>0</v>
      </c>
      <c r="BY28" s="261">
        <v>0</v>
      </c>
      <c r="BZ28" s="258">
        <v>5</v>
      </c>
      <c r="CA28" s="263">
        <v>5</v>
      </c>
      <c r="CB28" s="257">
        <v>0</v>
      </c>
      <c r="CC28" s="261">
        <v>0</v>
      </c>
      <c r="CD28" s="258">
        <v>0</v>
      </c>
      <c r="CE28" s="260">
        <v>0</v>
      </c>
      <c r="CF28" s="261">
        <v>2</v>
      </c>
      <c r="CG28" s="261">
        <v>3</v>
      </c>
      <c r="CH28" s="261">
        <v>1</v>
      </c>
      <c r="CI28" s="261">
        <v>0</v>
      </c>
      <c r="CJ28" s="261">
        <v>1</v>
      </c>
      <c r="CK28" s="258">
        <v>7</v>
      </c>
      <c r="CL28" s="263">
        <v>7</v>
      </c>
      <c r="CM28" s="257">
        <v>0</v>
      </c>
      <c r="CN28" s="261">
        <v>0</v>
      </c>
      <c r="CO28" s="258">
        <v>0</v>
      </c>
      <c r="CP28" s="260">
        <v>0</v>
      </c>
      <c r="CQ28" s="261">
        <v>0</v>
      </c>
      <c r="CR28" s="261">
        <v>0</v>
      </c>
      <c r="CS28" s="261">
        <v>1</v>
      </c>
      <c r="CT28" s="261">
        <v>0</v>
      </c>
      <c r="CU28" s="261">
        <v>0</v>
      </c>
      <c r="CV28" s="258">
        <v>1</v>
      </c>
      <c r="CW28" s="263">
        <v>1</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6</v>
      </c>
      <c r="DU28" s="261">
        <v>5</v>
      </c>
      <c r="DV28" s="258">
        <v>11</v>
      </c>
      <c r="DW28" s="260">
        <v>0</v>
      </c>
      <c r="DX28" s="261">
        <v>14</v>
      </c>
      <c r="DY28" s="261">
        <v>15</v>
      </c>
      <c r="DZ28" s="261">
        <v>9</v>
      </c>
      <c r="EA28" s="261">
        <v>2</v>
      </c>
      <c r="EB28" s="261">
        <v>1</v>
      </c>
      <c r="EC28" s="258">
        <v>41</v>
      </c>
      <c r="ED28" s="263">
        <v>52</v>
      </c>
      <c r="EE28" s="257">
        <v>1</v>
      </c>
      <c r="EF28" s="261">
        <v>0</v>
      </c>
      <c r="EG28" s="258">
        <v>1</v>
      </c>
      <c r="EH28" s="260">
        <v>0</v>
      </c>
      <c r="EI28" s="261">
        <v>1</v>
      </c>
      <c r="EJ28" s="261">
        <v>2</v>
      </c>
      <c r="EK28" s="261">
        <v>1</v>
      </c>
      <c r="EL28" s="261">
        <v>0</v>
      </c>
      <c r="EM28" s="261">
        <v>0</v>
      </c>
      <c r="EN28" s="258">
        <v>4</v>
      </c>
      <c r="EO28" s="263">
        <v>5</v>
      </c>
      <c r="EP28" s="257">
        <v>8</v>
      </c>
      <c r="EQ28" s="261">
        <v>5</v>
      </c>
      <c r="ER28" s="258">
        <v>13</v>
      </c>
      <c r="ES28" s="260">
        <v>0</v>
      </c>
      <c r="ET28" s="261">
        <v>26</v>
      </c>
      <c r="EU28" s="261">
        <v>21</v>
      </c>
      <c r="EV28" s="261">
        <v>13</v>
      </c>
      <c r="EW28" s="261">
        <v>3</v>
      </c>
      <c r="EX28" s="261">
        <v>1</v>
      </c>
      <c r="EY28" s="258">
        <v>64</v>
      </c>
      <c r="EZ28" s="263">
        <v>77</v>
      </c>
    </row>
    <row r="29" spans="2:156" ht="21" customHeight="1" x14ac:dyDescent="0.2">
      <c r="B29" s="472" t="s">
        <v>27</v>
      </c>
      <c r="C29" s="257">
        <v>0</v>
      </c>
      <c r="D29" s="261">
        <v>0</v>
      </c>
      <c r="E29" s="358">
        <v>0</v>
      </c>
      <c r="F29" s="260">
        <v>0</v>
      </c>
      <c r="G29" s="261">
        <v>3</v>
      </c>
      <c r="H29" s="261">
        <v>6</v>
      </c>
      <c r="I29" s="261">
        <v>7</v>
      </c>
      <c r="J29" s="261">
        <v>2</v>
      </c>
      <c r="K29" s="261">
        <v>3</v>
      </c>
      <c r="L29" s="262">
        <v>21</v>
      </c>
      <c r="M29" s="263">
        <v>21</v>
      </c>
      <c r="N29" s="257">
        <v>0</v>
      </c>
      <c r="O29" s="261">
        <v>0</v>
      </c>
      <c r="P29" s="258">
        <v>0</v>
      </c>
      <c r="Q29" s="260">
        <v>0</v>
      </c>
      <c r="R29" s="261">
        <v>0</v>
      </c>
      <c r="S29" s="261">
        <v>0</v>
      </c>
      <c r="T29" s="261">
        <v>2</v>
      </c>
      <c r="U29" s="261">
        <v>1</v>
      </c>
      <c r="V29" s="261">
        <v>0</v>
      </c>
      <c r="W29" s="258">
        <v>3</v>
      </c>
      <c r="X29" s="263">
        <v>3</v>
      </c>
      <c r="Y29" s="257">
        <v>0</v>
      </c>
      <c r="Z29" s="261">
        <v>5</v>
      </c>
      <c r="AA29" s="258">
        <v>5</v>
      </c>
      <c r="AB29" s="260">
        <v>0</v>
      </c>
      <c r="AC29" s="261">
        <v>4</v>
      </c>
      <c r="AD29" s="261">
        <v>4</v>
      </c>
      <c r="AE29" s="261">
        <v>4</v>
      </c>
      <c r="AF29" s="261">
        <v>2</v>
      </c>
      <c r="AG29" s="261">
        <v>4</v>
      </c>
      <c r="AH29" s="258">
        <v>18</v>
      </c>
      <c r="AI29" s="263">
        <v>23</v>
      </c>
      <c r="AJ29" s="257">
        <v>0</v>
      </c>
      <c r="AK29" s="261">
        <v>0</v>
      </c>
      <c r="AL29" s="258">
        <v>0</v>
      </c>
      <c r="AM29" s="260">
        <v>0</v>
      </c>
      <c r="AN29" s="261">
        <v>0</v>
      </c>
      <c r="AO29" s="261">
        <v>1</v>
      </c>
      <c r="AP29" s="261">
        <v>0</v>
      </c>
      <c r="AQ29" s="261">
        <v>0</v>
      </c>
      <c r="AR29" s="261">
        <v>0</v>
      </c>
      <c r="AS29" s="258">
        <v>1</v>
      </c>
      <c r="AT29" s="263">
        <v>1</v>
      </c>
      <c r="AU29" s="257">
        <v>1</v>
      </c>
      <c r="AV29" s="261">
        <v>1</v>
      </c>
      <c r="AW29" s="258">
        <v>2</v>
      </c>
      <c r="AX29" s="260">
        <v>0</v>
      </c>
      <c r="AY29" s="261">
        <v>4</v>
      </c>
      <c r="AZ29" s="261">
        <v>7</v>
      </c>
      <c r="BA29" s="261">
        <v>6</v>
      </c>
      <c r="BB29" s="261">
        <v>5</v>
      </c>
      <c r="BC29" s="261">
        <v>4</v>
      </c>
      <c r="BD29" s="262">
        <v>26</v>
      </c>
      <c r="BE29" s="263">
        <v>28</v>
      </c>
      <c r="BF29" s="257">
        <v>0</v>
      </c>
      <c r="BG29" s="261">
        <v>0</v>
      </c>
      <c r="BH29" s="258">
        <v>0</v>
      </c>
      <c r="BI29" s="260">
        <v>0</v>
      </c>
      <c r="BJ29" s="261">
        <v>9</v>
      </c>
      <c r="BK29" s="261">
        <v>6</v>
      </c>
      <c r="BL29" s="261">
        <v>7</v>
      </c>
      <c r="BM29" s="261">
        <v>4</v>
      </c>
      <c r="BN29" s="261">
        <v>0</v>
      </c>
      <c r="BO29" s="258">
        <v>26</v>
      </c>
      <c r="BP29" s="263">
        <v>26</v>
      </c>
      <c r="BQ29" s="257">
        <v>0</v>
      </c>
      <c r="BR29" s="261">
        <v>2</v>
      </c>
      <c r="BS29" s="258">
        <v>2</v>
      </c>
      <c r="BT29" s="260">
        <v>0</v>
      </c>
      <c r="BU29" s="261">
        <v>0</v>
      </c>
      <c r="BV29" s="261">
        <v>3</v>
      </c>
      <c r="BW29" s="261">
        <v>2</v>
      </c>
      <c r="BX29" s="261">
        <v>0</v>
      </c>
      <c r="BY29" s="261">
        <v>0</v>
      </c>
      <c r="BZ29" s="258">
        <v>5</v>
      </c>
      <c r="CA29" s="263">
        <v>7</v>
      </c>
      <c r="CB29" s="257">
        <v>0</v>
      </c>
      <c r="CC29" s="261">
        <v>1</v>
      </c>
      <c r="CD29" s="258">
        <v>1</v>
      </c>
      <c r="CE29" s="260">
        <v>0</v>
      </c>
      <c r="CF29" s="261">
        <v>0</v>
      </c>
      <c r="CG29" s="261">
        <v>0</v>
      </c>
      <c r="CH29" s="261">
        <v>2</v>
      </c>
      <c r="CI29" s="261">
        <v>0</v>
      </c>
      <c r="CJ29" s="261">
        <v>1</v>
      </c>
      <c r="CK29" s="258">
        <v>3</v>
      </c>
      <c r="CL29" s="263">
        <v>4</v>
      </c>
      <c r="CM29" s="257">
        <v>0</v>
      </c>
      <c r="CN29" s="261">
        <v>0</v>
      </c>
      <c r="CO29" s="258">
        <v>0</v>
      </c>
      <c r="CP29" s="260">
        <v>0</v>
      </c>
      <c r="CQ29" s="261">
        <v>1</v>
      </c>
      <c r="CR29" s="261">
        <v>0</v>
      </c>
      <c r="CS29" s="261">
        <v>0</v>
      </c>
      <c r="CT29" s="261">
        <v>0</v>
      </c>
      <c r="CU29" s="261">
        <v>0</v>
      </c>
      <c r="CV29" s="258">
        <v>1</v>
      </c>
      <c r="CW29" s="263">
        <v>1</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3</v>
      </c>
      <c r="DU29" s="261">
        <v>20</v>
      </c>
      <c r="DV29" s="258">
        <v>23</v>
      </c>
      <c r="DW29" s="260">
        <v>0</v>
      </c>
      <c r="DX29" s="261">
        <v>3</v>
      </c>
      <c r="DY29" s="261">
        <v>13</v>
      </c>
      <c r="DZ29" s="261">
        <v>14</v>
      </c>
      <c r="EA29" s="261">
        <v>4</v>
      </c>
      <c r="EB29" s="261">
        <v>4</v>
      </c>
      <c r="EC29" s="258">
        <v>38</v>
      </c>
      <c r="ED29" s="263">
        <v>61</v>
      </c>
      <c r="EE29" s="257">
        <v>0</v>
      </c>
      <c r="EF29" s="261">
        <v>0</v>
      </c>
      <c r="EG29" s="258">
        <v>0</v>
      </c>
      <c r="EH29" s="260">
        <v>0</v>
      </c>
      <c r="EI29" s="261">
        <v>2</v>
      </c>
      <c r="EJ29" s="261">
        <v>0</v>
      </c>
      <c r="EK29" s="261">
        <v>0</v>
      </c>
      <c r="EL29" s="261">
        <v>4</v>
      </c>
      <c r="EM29" s="261">
        <v>1</v>
      </c>
      <c r="EN29" s="258">
        <v>7</v>
      </c>
      <c r="EO29" s="263">
        <v>7</v>
      </c>
      <c r="EP29" s="257">
        <v>4</v>
      </c>
      <c r="EQ29" s="261">
        <v>23</v>
      </c>
      <c r="ER29" s="258">
        <v>27</v>
      </c>
      <c r="ES29" s="260">
        <v>0</v>
      </c>
      <c r="ET29" s="261">
        <v>13</v>
      </c>
      <c r="EU29" s="261">
        <v>13</v>
      </c>
      <c r="EV29" s="261">
        <v>15</v>
      </c>
      <c r="EW29" s="261">
        <v>5</v>
      </c>
      <c r="EX29" s="261">
        <v>4</v>
      </c>
      <c r="EY29" s="258">
        <v>50</v>
      </c>
      <c r="EZ29" s="263">
        <v>77</v>
      </c>
    </row>
    <row r="30" spans="2:156" ht="21" customHeight="1" x14ac:dyDescent="0.2">
      <c r="B30" s="472" t="s">
        <v>28</v>
      </c>
      <c r="C30" s="257">
        <v>0</v>
      </c>
      <c r="D30" s="261">
        <v>0</v>
      </c>
      <c r="E30" s="358">
        <v>0</v>
      </c>
      <c r="F30" s="260">
        <v>0</v>
      </c>
      <c r="G30" s="261">
        <v>0</v>
      </c>
      <c r="H30" s="261">
        <v>0</v>
      </c>
      <c r="I30" s="261">
        <v>0</v>
      </c>
      <c r="J30" s="261">
        <v>1</v>
      </c>
      <c r="K30" s="261">
        <v>0</v>
      </c>
      <c r="L30" s="262">
        <v>1</v>
      </c>
      <c r="M30" s="263">
        <v>1</v>
      </c>
      <c r="N30" s="257">
        <v>0</v>
      </c>
      <c r="O30" s="261">
        <v>0</v>
      </c>
      <c r="P30" s="258">
        <v>0</v>
      </c>
      <c r="Q30" s="260">
        <v>0</v>
      </c>
      <c r="R30" s="261">
        <v>0</v>
      </c>
      <c r="S30" s="261">
        <v>0</v>
      </c>
      <c r="T30" s="261">
        <v>0</v>
      </c>
      <c r="U30" s="261">
        <v>0</v>
      </c>
      <c r="V30" s="261">
        <v>0</v>
      </c>
      <c r="W30" s="258">
        <v>0</v>
      </c>
      <c r="X30" s="263">
        <v>0</v>
      </c>
      <c r="Y30" s="257">
        <v>0</v>
      </c>
      <c r="Z30" s="261">
        <v>0</v>
      </c>
      <c r="AA30" s="258">
        <v>0</v>
      </c>
      <c r="AB30" s="260">
        <v>0</v>
      </c>
      <c r="AC30" s="261">
        <v>0</v>
      </c>
      <c r="AD30" s="261">
        <v>1</v>
      </c>
      <c r="AE30" s="261">
        <v>0</v>
      </c>
      <c r="AF30" s="261">
        <v>1</v>
      </c>
      <c r="AG30" s="261">
        <v>0</v>
      </c>
      <c r="AH30" s="258">
        <v>2</v>
      </c>
      <c r="AI30" s="263">
        <v>2</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3</v>
      </c>
      <c r="AZ30" s="261">
        <v>2</v>
      </c>
      <c r="BA30" s="261">
        <v>0</v>
      </c>
      <c r="BB30" s="261">
        <v>1</v>
      </c>
      <c r="BC30" s="261">
        <v>1</v>
      </c>
      <c r="BD30" s="262">
        <v>7</v>
      </c>
      <c r="BE30" s="263">
        <v>7</v>
      </c>
      <c r="BF30" s="257">
        <v>0</v>
      </c>
      <c r="BG30" s="261">
        <v>0</v>
      </c>
      <c r="BH30" s="258">
        <v>0</v>
      </c>
      <c r="BI30" s="260">
        <v>0</v>
      </c>
      <c r="BJ30" s="261">
        <v>1</v>
      </c>
      <c r="BK30" s="261">
        <v>2</v>
      </c>
      <c r="BL30" s="261">
        <v>0</v>
      </c>
      <c r="BM30" s="261">
        <v>0</v>
      </c>
      <c r="BN30" s="261">
        <v>0</v>
      </c>
      <c r="BO30" s="258">
        <v>3</v>
      </c>
      <c r="BP30" s="263">
        <v>3</v>
      </c>
      <c r="BQ30" s="257">
        <v>0</v>
      </c>
      <c r="BR30" s="261">
        <v>1</v>
      </c>
      <c r="BS30" s="258">
        <v>1</v>
      </c>
      <c r="BT30" s="260">
        <v>0</v>
      </c>
      <c r="BU30" s="261">
        <v>0</v>
      </c>
      <c r="BV30" s="261">
        <v>0</v>
      </c>
      <c r="BW30" s="261">
        <v>1</v>
      </c>
      <c r="BX30" s="261">
        <v>0</v>
      </c>
      <c r="BY30" s="261">
        <v>0</v>
      </c>
      <c r="BZ30" s="258">
        <v>1</v>
      </c>
      <c r="CA30" s="263">
        <v>2</v>
      </c>
      <c r="CB30" s="257">
        <v>0</v>
      </c>
      <c r="CC30" s="261">
        <v>0</v>
      </c>
      <c r="CD30" s="258">
        <v>0</v>
      </c>
      <c r="CE30" s="260">
        <v>0</v>
      </c>
      <c r="CF30" s="261">
        <v>0</v>
      </c>
      <c r="CG30" s="261">
        <v>0</v>
      </c>
      <c r="CH30" s="261">
        <v>0</v>
      </c>
      <c r="CI30" s="261">
        <v>0</v>
      </c>
      <c r="CJ30" s="261">
        <v>1</v>
      </c>
      <c r="CK30" s="258">
        <v>1</v>
      </c>
      <c r="CL30" s="263">
        <v>1</v>
      </c>
      <c r="CM30" s="257">
        <v>0</v>
      </c>
      <c r="CN30" s="261">
        <v>0</v>
      </c>
      <c r="CO30" s="258">
        <v>0</v>
      </c>
      <c r="CP30" s="260">
        <v>0</v>
      </c>
      <c r="CQ30" s="261">
        <v>0</v>
      </c>
      <c r="CR30" s="261">
        <v>0</v>
      </c>
      <c r="CS30" s="261">
        <v>1</v>
      </c>
      <c r="CT30" s="261">
        <v>0</v>
      </c>
      <c r="CU30" s="261">
        <v>0</v>
      </c>
      <c r="CV30" s="258">
        <v>1</v>
      </c>
      <c r="CW30" s="263">
        <v>1</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1</v>
      </c>
      <c r="DV30" s="258">
        <v>1</v>
      </c>
      <c r="DW30" s="260">
        <v>0</v>
      </c>
      <c r="DX30" s="261">
        <v>3</v>
      </c>
      <c r="DY30" s="261">
        <v>4</v>
      </c>
      <c r="DZ30" s="261">
        <v>1</v>
      </c>
      <c r="EA30" s="261">
        <v>0</v>
      </c>
      <c r="EB30" s="261">
        <v>0</v>
      </c>
      <c r="EC30" s="258">
        <v>8</v>
      </c>
      <c r="ED30" s="263">
        <v>9</v>
      </c>
      <c r="EE30" s="257">
        <v>0</v>
      </c>
      <c r="EF30" s="261">
        <v>0</v>
      </c>
      <c r="EG30" s="258">
        <v>0</v>
      </c>
      <c r="EH30" s="260">
        <v>0</v>
      </c>
      <c r="EI30" s="261">
        <v>3</v>
      </c>
      <c r="EJ30" s="261">
        <v>0</v>
      </c>
      <c r="EK30" s="261">
        <v>0</v>
      </c>
      <c r="EL30" s="261">
        <v>0</v>
      </c>
      <c r="EM30" s="261">
        <v>0</v>
      </c>
      <c r="EN30" s="258">
        <v>3</v>
      </c>
      <c r="EO30" s="263">
        <v>3</v>
      </c>
      <c r="EP30" s="257">
        <v>0</v>
      </c>
      <c r="EQ30" s="261">
        <v>1</v>
      </c>
      <c r="ER30" s="258">
        <v>1</v>
      </c>
      <c r="ES30" s="260">
        <v>0</v>
      </c>
      <c r="ET30" s="261">
        <v>7</v>
      </c>
      <c r="EU30" s="261">
        <v>6</v>
      </c>
      <c r="EV30" s="261">
        <v>1</v>
      </c>
      <c r="EW30" s="261">
        <v>1</v>
      </c>
      <c r="EX30" s="261">
        <v>1</v>
      </c>
      <c r="EY30" s="258">
        <v>16</v>
      </c>
      <c r="EZ30" s="263">
        <v>17</v>
      </c>
    </row>
    <row r="31" spans="2:156" ht="21" customHeight="1" x14ac:dyDescent="0.2">
      <c r="B31" s="472" t="s">
        <v>29</v>
      </c>
      <c r="C31" s="257">
        <v>0</v>
      </c>
      <c r="D31" s="261">
        <v>0</v>
      </c>
      <c r="E31" s="358">
        <v>0</v>
      </c>
      <c r="F31" s="260">
        <v>0</v>
      </c>
      <c r="G31" s="261">
        <v>0</v>
      </c>
      <c r="H31" s="261">
        <v>3</v>
      </c>
      <c r="I31" s="261">
        <v>0</v>
      </c>
      <c r="J31" s="261">
        <v>0</v>
      </c>
      <c r="K31" s="261">
        <v>0</v>
      </c>
      <c r="L31" s="262">
        <v>3</v>
      </c>
      <c r="M31" s="263">
        <v>3</v>
      </c>
      <c r="N31" s="257">
        <v>0</v>
      </c>
      <c r="O31" s="261">
        <v>0</v>
      </c>
      <c r="P31" s="258">
        <v>0</v>
      </c>
      <c r="Q31" s="260">
        <v>0</v>
      </c>
      <c r="R31" s="261">
        <v>0</v>
      </c>
      <c r="S31" s="261">
        <v>0</v>
      </c>
      <c r="T31" s="261">
        <v>0</v>
      </c>
      <c r="U31" s="261">
        <v>0</v>
      </c>
      <c r="V31" s="261">
        <v>1</v>
      </c>
      <c r="W31" s="258">
        <v>1</v>
      </c>
      <c r="X31" s="263">
        <v>1</v>
      </c>
      <c r="Y31" s="257">
        <v>0</v>
      </c>
      <c r="Z31" s="261">
        <v>1</v>
      </c>
      <c r="AA31" s="258">
        <v>1</v>
      </c>
      <c r="AB31" s="260">
        <v>0</v>
      </c>
      <c r="AC31" s="261">
        <v>0</v>
      </c>
      <c r="AD31" s="261">
        <v>2</v>
      </c>
      <c r="AE31" s="261">
        <v>0</v>
      </c>
      <c r="AF31" s="261">
        <v>0</v>
      </c>
      <c r="AG31" s="261">
        <v>0</v>
      </c>
      <c r="AH31" s="258">
        <v>2</v>
      </c>
      <c r="AI31" s="263">
        <v>3</v>
      </c>
      <c r="AJ31" s="257">
        <v>0</v>
      </c>
      <c r="AK31" s="261">
        <v>0</v>
      </c>
      <c r="AL31" s="258">
        <v>0</v>
      </c>
      <c r="AM31" s="260">
        <v>0</v>
      </c>
      <c r="AN31" s="261">
        <v>0</v>
      </c>
      <c r="AO31" s="261">
        <v>1</v>
      </c>
      <c r="AP31" s="261">
        <v>0</v>
      </c>
      <c r="AQ31" s="261">
        <v>0</v>
      </c>
      <c r="AR31" s="261">
        <v>0</v>
      </c>
      <c r="AS31" s="258">
        <v>1</v>
      </c>
      <c r="AT31" s="263">
        <v>1</v>
      </c>
      <c r="AU31" s="257">
        <v>0</v>
      </c>
      <c r="AV31" s="261">
        <v>0</v>
      </c>
      <c r="AW31" s="258">
        <v>0</v>
      </c>
      <c r="AX31" s="260">
        <v>0</v>
      </c>
      <c r="AY31" s="261">
        <v>0</v>
      </c>
      <c r="AZ31" s="261">
        <v>3</v>
      </c>
      <c r="BA31" s="261">
        <v>1</v>
      </c>
      <c r="BB31" s="261">
        <v>0</v>
      </c>
      <c r="BC31" s="261">
        <v>1</v>
      </c>
      <c r="BD31" s="262">
        <v>5</v>
      </c>
      <c r="BE31" s="263">
        <v>5</v>
      </c>
      <c r="BF31" s="257">
        <v>0</v>
      </c>
      <c r="BG31" s="261">
        <v>0</v>
      </c>
      <c r="BH31" s="258">
        <v>0</v>
      </c>
      <c r="BI31" s="260">
        <v>0</v>
      </c>
      <c r="BJ31" s="261">
        <v>2</v>
      </c>
      <c r="BK31" s="261">
        <v>4</v>
      </c>
      <c r="BL31" s="261">
        <v>2</v>
      </c>
      <c r="BM31" s="261">
        <v>0</v>
      </c>
      <c r="BN31" s="261">
        <v>0</v>
      </c>
      <c r="BO31" s="258">
        <v>8</v>
      </c>
      <c r="BP31" s="263">
        <v>8</v>
      </c>
      <c r="BQ31" s="257">
        <v>0</v>
      </c>
      <c r="BR31" s="261">
        <v>0</v>
      </c>
      <c r="BS31" s="258">
        <v>0</v>
      </c>
      <c r="BT31" s="260">
        <v>0</v>
      </c>
      <c r="BU31" s="261">
        <v>0</v>
      </c>
      <c r="BV31" s="261">
        <v>0</v>
      </c>
      <c r="BW31" s="261">
        <v>0</v>
      </c>
      <c r="BX31" s="261">
        <v>0</v>
      </c>
      <c r="BY31" s="261">
        <v>0</v>
      </c>
      <c r="BZ31" s="258">
        <v>0</v>
      </c>
      <c r="CA31" s="263">
        <v>0</v>
      </c>
      <c r="CB31" s="257">
        <v>0</v>
      </c>
      <c r="CC31" s="261">
        <v>0</v>
      </c>
      <c r="CD31" s="258">
        <v>0</v>
      </c>
      <c r="CE31" s="260">
        <v>0</v>
      </c>
      <c r="CF31" s="261">
        <v>1</v>
      </c>
      <c r="CG31" s="261">
        <v>0</v>
      </c>
      <c r="CH31" s="261">
        <v>2</v>
      </c>
      <c r="CI31" s="261">
        <v>0</v>
      </c>
      <c r="CJ31" s="261">
        <v>1</v>
      </c>
      <c r="CK31" s="258">
        <v>4</v>
      </c>
      <c r="CL31" s="263">
        <v>4</v>
      </c>
      <c r="CM31" s="257">
        <v>0</v>
      </c>
      <c r="CN31" s="261">
        <v>0</v>
      </c>
      <c r="CO31" s="258">
        <v>0</v>
      </c>
      <c r="CP31" s="260">
        <v>0</v>
      </c>
      <c r="CQ31" s="261">
        <v>0</v>
      </c>
      <c r="CR31" s="261">
        <v>0</v>
      </c>
      <c r="CS31" s="261">
        <v>0</v>
      </c>
      <c r="CT31" s="261">
        <v>0</v>
      </c>
      <c r="CU31" s="261">
        <v>1</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2</v>
      </c>
      <c r="DU31" s="261">
        <v>0</v>
      </c>
      <c r="DV31" s="258">
        <v>2</v>
      </c>
      <c r="DW31" s="260">
        <v>0</v>
      </c>
      <c r="DX31" s="261">
        <v>1</v>
      </c>
      <c r="DY31" s="261">
        <v>5</v>
      </c>
      <c r="DZ31" s="261">
        <v>2</v>
      </c>
      <c r="EA31" s="261">
        <v>0</v>
      </c>
      <c r="EB31" s="261">
        <v>1</v>
      </c>
      <c r="EC31" s="258">
        <v>9</v>
      </c>
      <c r="ED31" s="263">
        <v>11</v>
      </c>
      <c r="EE31" s="257">
        <v>0</v>
      </c>
      <c r="EF31" s="261">
        <v>0</v>
      </c>
      <c r="EG31" s="258">
        <v>0</v>
      </c>
      <c r="EH31" s="260">
        <v>0</v>
      </c>
      <c r="EI31" s="261">
        <v>0</v>
      </c>
      <c r="EJ31" s="261">
        <v>2</v>
      </c>
      <c r="EK31" s="261">
        <v>0</v>
      </c>
      <c r="EL31" s="261">
        <v>0</v>
      </c>
      <c r="EM31" s="261">
        <v>0</v>
      </c>
      <c r="EN31" s="258">
        <v>2</v>
      </c>
      <c r="EO31" s="263">
        <v>2</v>
      </c>
      <c r="EP31" s="257">
        <v>3</v>
      </c>
      <c r="EQ31" s="261">
        <v>1</v>
      </c>
      <c r="ER31" s="258">
        <v>4</v>
      </c>
      <c r="ES31" s="260">
        <v>0</v>
      </c>
      <c r="ET31" s="261">
        <v>3</v>
      </c>
      <c r="EU31" s="261">
        <v>6</v>
      </c>
      <c r="EV31" s="261">
        <v>2</v>
      </c>
      <c r="EW31" s="261">
        <v>0</v>
      </c>
      <c r="EX31" s="261">
        <v>1</v>
      </c>
      <c r="EY31" s="258">
        <v>12</v>
      </c>
      <c r="EZ31" s="263">
        <v>16</v>
      </c>
    </row>
    <row r="32" spans="2:156" ht="21" customHeight="1" x14ac:dyDescent="0.2">
      <c r="B32" s="472" t="s">
        <v>30</v>
      </c>
      <c r="C32" s="257">
        <v>0</v>
      </c>
      <c r="D32" s="261">
        <v>0</v>
      </c>
      <c r="E32" s="358">
        <v>0</v>
      </c>
      <c r="F32" s="260">
        <v>0</v>
      </c>
      <c r="G32" s="261">
        <v>2</v>
      </c>
      <c r="H32" s="261">
        <v>0</v>
      </c>
      <c r="I32" s="261">
        <v>1</v>
      </c>
      <c r="J32" s="261">
        <v>1</v>
      </c>
      <c r="K32" s="261">
        <v>1</v>
      </c>
      <c r="L32" s="262">
        <v>5</v>
      </c>
      <c r="M32" s="263">
        <v>5</v>
      </c>
      <c r="N32" s="257">
        <v>0</v>
      </c>
      <c r="O32" s="261">
        <v>0</v>
      </c>
      <c r="P32" s="258">
        <v>0</v>
      </c>
      <c r="Q32" s="260">
        <v>0</v>
      </c>
      <c r="R32" s="261">
        <v>0</v>
      </c>
      <c r="S32" s="261">
        <v>0</v>
      </c>
      <c r="T32" s="261">
        <v>0</v>
      </c>
      <c r="U32" s="261">
        <v>0</v>
      </c>
      <c r="V32" s="261">
        <v>0</v>
      </c>
      <c r="W32" s="258">
        <v>0</v>
      </c>
      <c r="X32" s="263">
        <v>0</v>
      </c>
      <c r="Y32" s="257">
        <v>0</v>
      </c>
      <c r="Z32" s="261">
        <v>2</v>
      </c>
      <c r="AA32" s="258">
        <v>2</v>
      </c>
      <c r="AB32" s="260">
        <v>0</v>
      </c>
      <c r="AC32" s="261">
        <v>2</v>
      </c>
      <c r="AD32" s="261">
        <v>0</v>
      </c>
      <c r="AE32" s="261">
        <v>1</v>
      </c>
      <c r="AF32" s="261">
        <v>1</v>
      </c>
      <c r="AG32" s="261">
        <v>0</v>
      </c>
      <c r="AH32" s="258">
        <v>4</v>
      </c>
      <c r="AI32" s="263">
        <v>6</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2</v>
      </c>
      <c r="AZ32" s="261">
        <v>0</v>
      </c>
      <c r="BA32" s="261">
        <v>1</v>
      </c>
      <c r="BB32" s="261">
        <v>2</v>
      </c>
      <c r="BC32" s="261">
        <v>1</v>
      </c>
      <c r="BD32" s="262">
        <v>6</v>
      </c>
      <c r="BE32" s="263">
        <v>6</v>
      </c>
      <c r="BF32" s="257">
        <v>0</v>
      </c>
      <c r="BG32" s="261">
        <v>0</v>
      </c>
      <c r="BH32" s="258">
        <v>0</v>
      </c>
      <c r="BI32" s="260">
        <v>0</v>
      </c>
      <c r="BJ32" s="261">
        <v>1</v>
      </c>
      <c r="BK32" s="261">
        <v>0</v>
      </c>
      <c r="BL32" s="261">
        <v>0</v>
      </c>
      <c r="BM32" s="261">
        <v>1</v>
      </c>
      <c r="BN32" s="261">
        <v>0</v>
      </c>
      <c r="BO32" s="258">
        <v>2</v>
      </c>
      <c r="BP32" s="263">
        <v>2</v>
      </c>
      <c r="BQ32" s="257">
        <v>0</v>
      </c>
      <c r="BR32" s="261">
        <v>0</v>
      </c>
      <c r="BS32" s="258">
        <v>0</v>
      </c>
      <c r="BT32" s="260">
        <v>0</v>
      </c>
      <c r="BU32" s="261">
        <v>0</v>
      </c>
      <c r="BV32" s="261">
        <v>0</v>
      </c>
      <c r="BW32" s="261">
        <v>1</v>
      </c>
      <c r="BX32" s="261">
        <v>0</v>
      </c>
      <c r="BY32" s="261">
        <v>0</v>
      </c>
      <c r="BZ32" s="258">
        <v>1</v>
      </c>
      <c r="CA32" s="263">
        <v>1</v>
      </c>
      <c r="CB32" s="257">
        <v>0</v>
      </c>
      <c r="CC32" s="261">
        <v>0</v>
      </c>
      <c r="CD32" s="258">
        <v>0</v>
      </c>
      <c r="CE32" s="260">
        <v>0</v>
      </c>
      <c r="CF32" s="261">
        <v>0</v>
      </c>
      <c r="CG32" s="261">
        <v>0</v>
      </c>
      <c r="CH32" s="261">
        <v>0</v>
      </c>
      <c r="CI32" s="261">
        <v>1</v>
      </c>
      <c r="CJ32" s="261">
        <v>0</v>
      </c>
      <c r="CK32" s="258">
        <v>1</v>
      </c>
      <c r="CL32" s="263">
        <v>1</v>
      </c>
      <c r="CM32" s="257">
        <v>0</v>
      </c>
      <c r="CN32" s="261">
        <v>0</v>
      </c>
      <c r="CO32" s="258">
        <v>0</v>
      </c>
      <c r="CP32" s="260">
        <v>0</v>
      </c>
      <c r="CQ32" s="261">
        <v>0</v>
      </c>
      <c r="CR32" s="261">
        <v>0</v>
      </c>
      <c r="CS32" s="261">
        <v>1</v>
      </c>
      <c r="CT32" s="261">
        <v>0</v>
      </c>
      <c r="CU32" s="261">
        <v>0</v>
      </c>
      <c r="CV32" s="258">
        <v>1</v>
      </c>
      <c r="CW32" s="263">
        <v>1</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0</v>
      </c>
      <c r="DU32" s="261">
        <v>1</v>
      </c>
      <c r="DV32" s="258">
        <v>1</v>
      </c>
      <c r="DW32" s="260">
        <v>0</v>
      </c>
      <c r="DX32" s="261">
        <v>2</v>
      </c>
      <c r="DY32" s="261">
        <v>0</v>
      </c>
      <c r="DZ32" s="261">
        <v>3</v>
      </c>
      <c r="EA32" s="261">
        <v>1</v>
      </c>
      <c r="EB32" s="261">
        <v>1</v>
      </c>
      <c r="EC32" s="258">
        <v>7</v>
      </c>
      <c r="ED32" s="263">
        <v>8</v>
      </c>
      <c r="EE32" s="257">
        <v>0</v>
      </c>
      <c r="EF32" s="261">
        <v>0</v>
      </c>
      <c r="EG32" s="258">
        <v>0</v>
      </c>
      <c r="EH32" s="260">
        <v>0</v>
      </c>
      <c r="EI32" s="261">
        <v>1</v>
      </c>
      <c r="EJ32" s="261">
        <v>0</v>
      </c>
      <c r="EK32" s="261">
        <v>0</v>
      </c>
      <c r="EL32" s="261">
        <v>0</v>
      </c>
      <c r="EM32" s="261">
        <v>0</v>
      </c>
      <c r="EN32" s="258">
        <v>1</v>
      </c>
      <c r="EO32" s="263">
        <v>1</v>
      </c>
      <c r="EP32" s="257">
        <v>1</v>
      </c>
      <c r="EQ32" s="261">
        <v>2</v>
      </c>
      <c r="ER32" s="258">
        <v>3</v>
      </c>
      <c r="ES32" s="260">
        <v>0</v>
      </c>
      <c r="ET32" s="261">
        <v>4</v>
      </c>
      <c r="EU32" s="261">
        <v>0</v>
      </c>
      <c r="EV32" s="261">
        <v>3</v>
      </c>
      <c r="EW32" s="261">
        <v>1</v>
      </c>
      <c r="EX32" s="261">
        <v>1</v>
      </c>
      <c r="EY32" s="258">
        <v>9</v>
      </c>
      <c r="EZ32" s="263">
        <v>12</v>
      </c>
    </row>
    <row r="33" spans="2:156" ht="21" customHeight="1" x14ac:dyDescent="0.2">
      <c r="B33" s="472" t="s">
        <v>31</v>
      </c>
      <c r="C33" s="257">
        <v>0</v>
      </c>
      <c r="D33" s="261">
        <v>0</v>
      </c>
      <c r="E33" s="358">
        <v>0</v>
      </c>
      <c r="F33" s="260">
        <v>0</v>
      </c>
      <c r="G33" s="261">
        <v>1</v>
      </c>
      <c r="H33" s="261">
        <v>0</v>
      </c>
      <c r="I33" s="261">
        <v>0</v>
      </c>
      <c r="J33" s="261">
        <v>0</v>
      </c>
      <c r="K33" s="261">
        <v>0</v>
      </c>
      <c r="L33" s="262">
        <v>1</v>
      </c>
      <c r="M33" s="263">
        <v>1</v>
      </c>
      <c r="N33" s="257">
        <v>0</v>
      </c>
      <c r="O33" s="261">
        <v>0</v>
      </c>
      <c r="P33" s="258">
        <v>0</v>
      </c>
      <c r="Q33" s="260">
        <v>0</v>
      </c>
      <c r="R33" s="261">
        <v>0</v>
      </c>
      <c r="S33" s="261">
        <v>1</v>
      </c>
      <c r="T33" s="261">
        <v>1</v>
      </c>
      <c r="U33" s="261">
        <v>0</v>
      </c>
      <c r="V33" s="261">
        <v>0</v>
      </c>
      <c r="W33" s="258">
        <v>2</v>
      </c>
      <c r="X33" s="263">
        <v>2</v>
      </c>
      <c r="Y33" s="257">
        <v>1</v>
      </c>
      <c r="Z33" s="261">
        <v>0</v>
      </c>
      <c r="AA33" s="258">
        <v>1</v>
      </c>
      <c r="AB33" s="260">
        <v>0</v>
      </c>
      <c r="AC33" s="261">
        <v>0</v>
      </c>
      <c r="AD33" s="261">
        <v>0</v>
      </c>
      <c r="AE33" s="261">
        <v>3</v>
      </c>
      <c r="AF33" s="261">
        <v>0</v>
      </c>
      <c r="AG33" s="261">
        <v>0</v>
      </c>
      <c r="AH33" s="258">
        <v>3</v>
      </c>
      <c r="AI33" s="263">
        <v>4</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0</v>
      </c>
      <c r="BA33" s="261">
        <v>1</v>
      </c>
      <c r="BB33" s="261">
        <v>3</v>
      </c>
      <c r="BC33" s="261">
        <v>1</v>
      </c>
      <c r="BD33" s="262">
        <v>5</v>
      </c>
      <c r="BE33" s="263">
        <v>5</v>
      </c>
      <c r="BF33" s="257">
        <v>0</v>
      </c>
      <c r="BG33" s="261">
        <v>0</v>
      </c>
      <c r="BH33" s="258">
        <v>0</v>
      </c>
      <c r="BI33" s="260">
        <v>0</v>
      </c>
      <c r="BJ33" s="261">
        <v>1</v>
      </c>
      <c r="BK33" s="261">
        <v>1</v>
      </c>
      <c r="BL33" s="261">
        <v>2</v>
      </c>
      <c r="BM33" s="261">
        <v>2</v>
      </c>
      <c r="BN33" s="261">
        <v>0</v>
      </c>
      <c r="BO33" s="258">
        <v>6</v>
      </c>
      <c r="BP33" s="263">
        <v>6</v>
      </c>
      <c r="BQ33" s="257">
        <v>0</v>
      </c>
      <c r="BR33" s="261">
        <v>0</v>
      </c>
      <c r="BS33" s="258">
        <v>0</v>
      </c>
      <c r="BT33" s="260">
        <v>0</v>
      </c>
      <c r="BU33" s="261">
        <v>1</v>
      </c>
      <c r="BV33" s="261">
        <v>1</v>
      </c>
      <c r="BW33" s="261">
        <v>1</v>
      </c>
      <c r="BX33" s="261">
        <v>1</v>
      </c>
      <c r="BY33" s="261">
        <v>0</v>
      </c>
      <c r="BZ33" s="258">
        <v>4</v>
      </c>
      <c r="CA33" s="263">
        <v>4</v>
      </c>
      <c r="CB33" s="257">
        <v>0</v>
      </c>
      <c r="CC33" s="261">
        <v>0</v>
      </c>
      <c r="CD33" s="258">
        <v>0</v>
      </c>
      <c r="CE33" s="260">
        <v>0</v>
      </c>
      <c r="CF33" s="261">
        <v>0</v>
      </c>
      <c r="CG33" s="261">
        <v>0</v>
      </c>
      <c r="CH33" s="261">
        <v>1</v>
      </c>
      <c r="CI33" s="261">
        <v>1</v>
      </c>
      <c r="CJ33" s="261">
        <v>0</v>
      </c>
      <c r="CK33" s="258">
        <v>2</v>
      </c>
      <c r="CL33" s="263">
        <v>2</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2</v>
      </c>
      <c r="DU33" s="261">
        <v>2</v>
      </c>
      <c r="DV33" s="258">
        <v>4</v>
      </c>
      <c r="DW33" s="260">
        <v>0</v>
      </c>
      <c r="DX33" s="261">
        <v>2</v>
      </c>
      <c r="DY33" s="261">
        <v>6</v>
      </c>
      <c r="DZ33" s="261">
        <v>6</v>
      </c>
      <c r="EA33" s="261">
        <v>3</v>
      </c>
      <c r="EB33" s="261">
        <v>0</v>
      </c>
      <c r="EC33" s="258">
        <v>17</v>
      </c>
      <c r="ED33" s="263">
        <v>21</v>
      </c>
      <c r="EE33" s="257">
        <v>0</v>
      </c>
      <c r="EF33" s="261">
        <v>0</v>
      </c>
      <c r="EG33" s="258">
        <v>0</v>
      </c>
      <c r="EH33" s="260">
        <v>0</v>
      </c>
      <c r="EI33" s="261">
        <v>0</v>
      </c>
      <c r="EJ33" s="261">
        <v>0</v>
      </c>
      <c r="EK33" s="261">
        <v>1</v>
      </c>
      <c r="EL33" s="261">
        <v>1</v>
      </c>
      <c r="EM33" s="261">
        <v>0</v>
      </c>
      <c r="EN33" s="258">
        <v>2</v>
      </c>
      <c r="EO33" s="263">
        <v>2</v>
      </c>
      <c r="EP33" s="257">
        <v>3</v>
      </c>
      <c r="EQ33" s="261">
        <v>2</v>
      </c>
      <c r="ER33" s="258">
        <v>5</v>
      </c>
      <c r="ES33" s="260">
        <v>0</v>
      </c>
      <c r="ET33" s="261">
        <v>4</v>
      </c>
      <c r="EU33" s="261">
        <v>8</v>
      </c>
      <c r="EV33" s="261">
        <v>6</v>
      </c>
      <c r="EW33" s="261">
        <v>4</v>
      </c>
      <c r="EX33" s="261">
        <v>0</v>
      </c>
      <c r="EY33" s="258">
        <v>22</v>
      </c>
      <c r="EZ33" s="263">
        <v>27</v>
      </c>
    </row>
    <row r="34" spans="2:156" ht="21" customHeight="1" x14ac:dyDescent="0.2">
      <c r="B34" s="472" t="s">
        <v>32</v>
      </c>
      <c r="C34" s="257">
        <v>0</v>
      </c>
      <c r="D34" s="261">
        <v>0</v>
      </c>
      <c r="E34" s="358">
        <v>0</v>
      </c>
      <c r="F34" s="260">
        <v>0</v>
      </c>
      <c r="G34" s="261">
        <v>2</v>
      </c>
      <c r="H34" s="261">
        <v>2</v>
      </c>
      <c r="I34" s="261">
        <v>1</v>
      </c>
      <c r="J34" s="261">
        <v>1</v>
      </c>
      <c r="K34" s="261">
        <v>1</v>
      </c>
      <c r="L34" s="262">
        <v>7</v>
      </c>
      <c r="M34" s="263">
        <v>7</v>
      </c>
      <c r="N34" s="257">
        <v>0</v>
      </c>
      <c r="O34" s="261">
        <v>0</v>
      </c>
      <c r="P34" s="258">
        <v>0</v>
      </c>
      <c r="Q34" s="260">
        <v>0</v>
      </c>
      <c r="R34" s="261">
        <v>0</v>
      </c>
      <c r="S34" s="261">
        <v>0</v>
      </c>
      <c r="T34" s="261">
        <v>0</v>
      </c>
      <c r="U34" s="261">
        <v>0</v>
      </c>
      <c r="V34" s="261">
        <v>1</v>
      </c>
      <c r="W34" s="258">
        <v>1</v>
      </c>
      <c r="X34" s="263">
        <v>1</v>
      </c>
      <c r="Y34" s="257">
        <v>0</v>
      </c>
      <c r="Z34" s="261">
        <v>1</v>
      </c>
      <c r="AA34" s="258">
        <v>1</v>
      </c>
      <c r="AB34" s="260">
        <v>0</v>
      </c>
      <c r="AC34" s="261">
        <v>2</v>
      </c>
      <c r="AD34" s="261">
        <v>3</v>
      </c>
      <c r="AE34" s="261">
        <v>2</v>
      </c>
      <c r="AF34" s="261">
        <v>0</v>
      </c>
      <c r="AG34" s="261">
        <v>0</v>
      </c>
      <c r="AH34" s="258">
        <v>7</v>
      </c>
      <c r="AI34" s="263">
        <v>8</v>
      </c>
      <c r="AJ34" s="257">
        <v>0</v>
      </c>
      <c r="AK34" s="261">
        <v>0</v>
      </c>
      <c r="AL34" s="258">
        <v>0</v>
      </c>
      <c r="AM34" s="260">
        <v>0</v>
      </c>
      <c r="AN34" s="261">
        <v>0</v>
      </c>
      <c r="AO34" s="261">
        <v>1</v>
      </c>
      <c r="AP34" s="261">
        <v>0</v>
      </c>
      <c r="AQ34" s="261">
        <v>0</v>
      </c>
      <c r="AR34" s="261">
        <v>0</v>
      </c>
      <c r="AS34" s="258">
        <v>1</v>
      </c>
      <c r="AT34" s="263">
        <v>1</v>
      </c>
      <c r="AU34" s="257">
        <v>0</v>
      </c>
      <c r="AV34" s="261">
        <v>0</v>
      </c>
      <c r="AW34" s="258">
        <v>0</v>
      </c>
      <c r="AX34" s="260">
        <v>0</v>
      </c>
      <c r="AY34" s="261">
        <v>1</v>
      </c>
      <c r="AZ34" s="261">
        <v>2</v>
      </c>
      <c r="BA34" s="261">
        <v>3</v>
      </c>
      <c r="BB34" s="261">
        <v>2</v>
      </c>
      <c r="BC34" s="261">
        <v>2</v>
      </c>
      <c r="BD34" s="262">
        <v>10</v>
      </c>
      <c r="BE34" s="263">
        <v>10</v>
      </c>
      <c r="BF34" s="257">
        <v>0</v>
      </c>
      <c r="BG34" s="261">
        <v>0</v>
      </c>
      <c r="BH34" s="258">
        <v>0</v>
      </c>
      <c r="BI34" s="260">
        <v>0</v>
      </c>
      <c r="BJ34" s="261">
        <v>1</v>
      </c>
      <c r="BK34" s="261">
        <v>5</v>
      </c>
      <c r="BL34" s="261">
        <v>2</v>
      </c>
      <c r="BM34" s="261">
        <v>0</v>
      </c>
      <c r="BN34" s="261">
        <v>0</v>
      </c>
      <c r="BO34" s="258">
        <v>8</v>
      </c>
      <c r="BP34" s="263">
        <v>8</v>
      </c>
      <c r="BQ34" s="257">
        <v>0</v>
      </c>
      <c r="BR34" s="261">
        <v>0</v>
      </c>
      <c r="BS34" s="258">
        <v>0</v>
      </c>
      <c r="BT34" s="260">
        <v>0</v>
      </c>
      <c r="BU34" s="261">
        <v>0</v>
      </c>
      <c r="BV34" s="261">
        <v>2</v>
      </c>
      <c r="BW34" s="261">
        <v>0</v>
      </c>
      <c r="BX34" s="261">
        <v>1</v>
      </c>
      <c r="BY34" s="261">
        <v>0</v>
      </c>
      <c r="BZ34" s="258">
        <v>3</v>
      </c>
      <c r="CA34" s="263">
        <v>3</v>
      </c>
      <c r="CB34" s="257">
        <v>0</v>
      </c>
      <c r="CC34" s="261">
        <v>0</v>
      </c>
      <c r="CD34" s="258">
        <v>0</v>
      </c>
      <c r="CE34" s="260">
        <v>0</v>
      </c>
      <c r="CF34" s="261">
        <v>0</v>
      </c>
      <c r="CG34" s="261">
        <v>0</v>
      </c>
      <c r="CH34" s="261">
        <v>0</v>
      </c>
      <c r="CI34" s="261">
        <v>1</v>
      </c>
      <c r="CJ34" s="261">
        <v>0</v>
      </c>
      <c r="CK34" s="258">
        <v>1</v>
      </c>
      <c r="CL34" s="263">
        <v>1</v>
      </c>
      <c r="CM34" s="257">
        <v>0</v>
      </c>
      <c r="CN34" s="261">
        <v>0</v>
      </c>
      <c r="CO34" s="258">
        <v>0</v>
      </c>
      <c r="CP34" s="260">
        <v>0</v>
      </c>
      <c r="CQ34" s="261">
        <v>1</v>
      </c>
      <c r="CR34" s="261">
        <v>1</v>
      </c>
      <c r="CS34" s="261">
        <v>0</v>
      </c>
      <c r="CT34" s="261">
        <v>0</v>
      </c>
      <c r="CU34" s="261">
        <v>0</v>
      </c>
      <c r="CV34" s="258">
        <v>2</v>
      </c>
      <c r="CW34" s="263">
        <v>2</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0</v>
      </c>
      <c r="DU34" s="261">
        <v>3</v>
      </c>
      <c r="DV34" s="258">
        <v>3</v>
      </c>
      <c r="DW34" s="260">
        <v>0</v>
      </c>
      <c r="DX34" s="261">
        <v>4</v>
      </c>
      <c r="DY34" s="261">
        <v>10</v>
      </c>
      <c r="DZ34" s="261">
        <v>4</v>
      </c>
      <c r="EA34" s="261">
        <v>2</v>
      </c>
      <c r="EB34" s="261">
        <v>1</v>
      </c>
      <c r="EC34" s="258">
        <v>21</v>
      </c>
      <c r="ED34" s="263">
        <v>24</v>
      </c>
      <c r="EE34" s="257">
        <v>0</v>
      </c>
      <c r="EF34" s="261">
        <v>0</v>
      </c>
      <c r="EG34" s="258">
        <v>0</v>
      </c>
      <c r="EH34" s="260">
        <v>0</v>
      </c>
      <c r="EI34" s="261">
        <v>0</v>
      </c>
      <c r="EJ34" s="261">
        <v>2</v>
      </c>
      <c r="EK34" s="261">
        <v>1</v>
      </c>
      <c r="EL34" s="261">
        <v>1</v>
      </c>
      <c r="EM34" s="261">
        <v>2</v>
      </c>
      <c r="EN34" s="258">
        <v>6</v>
      </c>
      <c r="EO34" s="263">
        <v>6</v>
      </c>
      <c r="EP34" s="257">
        <v>0</v>
      </c>
      <c r="EQ34" s="261">
        <v>3</v>
      </c>
      <c r="ER34" s="258">
        <v>3</v>
      </c>
      <c r="ES34" s="260">
        <v>0</v>
      </c>
      <c r="ET34" s="261">
        <v>6</v>
      </c>
      <c r="EU34" s="261">
        <v>12</v>
      </c>
      <c r="EV34" s="261">
        <v>5</v>
      </c>
      <c r="EW34" s="261">
        <v>2</v>
      </c>
      <c r="EX34" s="261">
        <v>1</v>
      </c>
      <c r="EY34" s="258">
        <v>26</v>
      </c>
      <c r="EZ34" s="263">
        <v>29</v>
      </c>
    </row>
    <row r="35" spans="2:156" ht="21" customHeight="1" x14ac:dyDescent="0.2">
      <c r="B35" s="472" t="s">
        <v>33</v>
      </c>
      <c r="C35" s="257">
        <v>0</v>
      </c>
      <c r="D35" s="261">
        <v>0</v>
      </c>
      <c r="E35" s="358">
        <v>0</v>
      </c>
      <c r="F35" s="260">
        <v>0</v>
      </c>
      <c r="G35" s="261">
        <v>1</v>
      </c>
      <c r="H35" s="261">
        <v>1</v>
      </c>
      <c r="I35" s="261">
        <v>1</v>
      </c>
      <c r="J35" s="261">
        <v>0</v>
      </c>
      <c r="K35" s="261">
        <v>0</v>
      </c>
      <c r="L35" s="262">
        <v>3</v>
      </c>
      <c r="M35" s="263">
        <v>3</v>
      </c>
      <c r="N35" s="257">
        <v>0</v>
      </c>
      <c r="O35" s="261">
        <v>0</v>
      </c>
      <c r="P35" s="258">
        <v>0</v>
      </c>
      <c r="Q35" s="260">
        <v>0</v>
      </c>
      <c r="R35" s="261">
        <v>0</v>
      </c>
      <c r="S35" s="261">
        <v>0</v>
      </c>
      <c r="T35" s="261">
        <v>0</v>
      </c>
      <c r="U35" s="261">
        <v>0</v>
      </c>
      <c r="V35" s="261">
        <v>0</v>
      </c>
      <c r="W35" s="258">
        <v>0</v>
      </c>
      <c r="X35" s="263">
        <v>0</v>
      </c>
      <c r="Y35" s="257">
        <v>0</v>
      </c>
      <c r="Z35" s="261">
        <v>0</v>
      </c>
      <c r="AA35" s="258">
        <v>0</v>
      </c>
      <c r="AB35" s="260">
        <v>0</v>
      </c>
      <c r="AC35" s="261">
        <v>2</v>
      </c>
      <c r="AD35" s="261">
        <v>0</v>
      </c>
      <c r="AE35" s="261">
        <v>1</v>
      </c>
      <c r="AF35" s="261">
        <v>0</v>
      </c>
      <c r="AG35" s="261">
        <v>0</v>
      </c>
      <c r="AH35" s="258">
        <v>3</v>
      </c>
      <c r="AI35" s="263">
        <v>3</v>
      </c>
      <c r="AJ35" s="257">
        <v>2</v>
      </c>
      <c r="AK35" s="261">
        <v>2</v>
      </c>
      <c r="AL35" s="258">
        <v>4</v>
      </c>
      <c r="AM35" s="260">
        <v>0</v>
      </c>
      <c r="AN35" s="261">
        <v>1</v>
      </c>
      <c r="AO35" s="261">
        <v>0</v>
      </c>
      <c r="AP35" s="261">
        <v>1</v>
      </c>
      <c r="AQ35" s="261">
        <v>0</v>
      </c>
      <c r="AR35" s="261">
        <v>0</v>
      </c>
      <c r="AS35" s="258">
        <v>2</v>
      </c>
      <c r="AT35" s="263">
        <v>6</v>
      </c>
      <c r="AU35" s="257">
        <v>0</v>
      </c>
      <c r="AV35" s="261">
        <v>0</v>
      </c>
      <c r="AW35" s="258">
        <v>0</v>
      </c>
      <c r="AX35" s="260">
        <v>0</v>
      </c>
      <c r="AY35" s="261">
        <v>1</v>
      </c>
      <c r="AZ35" s="261">
        <v>1</v>
      </c>
      <c r="BA35" s="261">
        <v>1</v>
      </c>
      <c r="BB35" s="261">
        <v>1</v>
      </c>
      <c r="BC35" s="261">
        <v>0</v>
      </c>
      <c r="BD35" s="262">
        <v>4</v>
      </c>
      <c r="BE35" s="263">
        <v>4</v>
      </c>
      <c r="BF35" s="257">
        <v>0</v>
      </c>
      <c r="BG35" s="261">
        <v>0</v>
      </c>
      <c r="BH35" s="258">
        <v>0</v>
      </c>
      <c r="BI35" s="260">
        <v>0</v>
      </c>
      <c r="BJ35" s="261">
        <v>0</v>
      </c>
      <c r="BK35" s="261">
        <v>1</v>
      </c>
      <c r="BL35" s="261">
        <v>0</v>
      </c>
      <c r="BM35" s="261">
        <v>0</v>
      </c>
      <c r="BN35" s="261">
        <v>0</v>
      </c>
      <c r="BO35" s="258">
        <v>1</v>
      </c>
      <c r="BP35" s="263">
        <v>1</v>
      </c>
      <c r="BQ35" s="257">
        <v>0</v>
      </c>
      <c r="BR35" s="261">
        <v>0</v>
      </c>
      <c r="BS35" s="258">
        <v>0</v>
      </c>
      <c r="BT35" s="260">
        <v>0</v>
      </c>
      <c r="BU35" s="261">
        <v>2</v>
      </c>
      <c r="BV35" s="261">
        <v>2</v>
      </c>
      <c r="BW35" s="261">
        <v>1</v>
      </c>
      <c r="BX35" s="261">
        <v>0</v>
      </c>
      <c r="BY35" s="261">
        <v>0</v>
      </c>
      <c r="BZ35" s="258">
        <v>5</v>
      </c>
      <c r="CA35" s="263">
        <v>5</v>
      </c>
      <c r="CB35" s="257">
        <v>0</v>
      </c>
      <c r="CC35" s="261">
        <v>0</v>
      </c>
      <c r="CD35" s="258">
        <v>0</v>
      </c>
      <c r="CE35" s="260">
        <v>0</v>
      </c>
      <c r="CF35" s="261">
        <v>0</v>
      </c>
      <c r="CG35" s="261">
        <v>0</v>
      </c>
      <c r="CH35" s="261">
        <v>0</v>
      </c>
      <c r="CI35" s="261">
        <v>0</v>
      </c>
      <c r="CJ35" s="261">
        <v>0</v>
      </c>
      <c r="CK35" s="258">
        <v>0</v>
      </c>
      <c r="CL35" s="263">
        <v>0</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4</v>
      </c>
      <c r="DY35" s="261">
        <v>1</v>
      </c>
      <c r="DZ35" s="261">
        <v>1</v>
      </c>
      <c r="EA35" s="261">
        <v>0</v>
      </c>
      <c r="EB35" s="261">
        <v>0</v>
      </c>
      <c r="EC35" s="258">
        <v>6</v>
      </c>
      <c r="ED35" s="263">
        <v>8</v>
      </c>
      <c r="EE35" s="257">
        <v>0</v>
      </c>
      <c r="EF35" s="261">
        <v>0</v>
      </c>
      <c r="EG35" s="258">
        <v>0</v>
      </c>
      <c r="EH35" s="260">
        <v>0</v>
      </c>
      <c r="EI35" s="261">
        <v>0</v>
      </c>
      <c r="EJ35" s="261">
        <v>1</v>
      </c>
      <c r="EK35" s="261">
        <v>0</v>
      </c>
      <c r="EL35" s="261">
        <v>1</v>
      </c>
      <c r="EM35" s="261">
        <v>0</v>
      </c>
      <c r="EN35" s="258">
        <v>2</v>
      </c>
      <c r="EO35" s="263">
        <v>2</v>
      </c>
      <c r="EP35" s="257">
        <v>2</v>
      </c>
      <c r="EQ35" s="261">
        <v>2</v>
      </c>
      <c r="ER35" s="258">
        <v>4</v>
      </c>
      <c r="ES35" s="260">
        <v>0</v>
      </c>
      <c r="ET35" s="261">
        <v>5</v>
      </c>
      <c r="EU35" s="261">
        <v>3</v>
      </c>
      <c r="EV35" s="261">
        <v>2</v>
      </c>
      <c r="EW35" s="261">
        <v>0</v>
      </c>
      <c r="EX35" s="261">
        <v>0</v>
      </c>
      <c r="EY35" s="258">
        <v>10</v>
      </c>
      <c r="EZ35" s="263">
        <v>14</v>
      </c>
    </row>
    <row r="36" spans="2:156" ht="21" customHeight="1" x14ac:dyDescent="0.2">
      <c r="B36" s="472" t="s">
        <v>34</v>
      </c>
      <c r="C36" s="257">
        <v>0</v>
      </c>
      <c r="D36" s="261">
        <v>0</v>
      </c>
      <c r="E36" s="358">
        <v>0</v>
      </c>
      <c r="F36" s="260">
        <v>0</v>
      </c>
      <c r="G36" s="261">
        <v>0</v>
      </c>
      <c r="H36" s="261">
        <v>0</v>
      </c>
      <c r="I36" s="261">
        <v>0</v>
      </c>
      <c r="J36" s="261">
        <v>0</v>
      </c>
      <c r="K36" s="261">
        <v>0</v>
      </c>
      <c r="L36" s="262">
        <v>0</v>
      </c>
      <c r="M36" s="263">
        <v>0</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1</v>
      </c>
      <c r="AD36" s="261">
        <v>1</v>
      </c>
      <c r="AE36" s="261">
        <v>0</v>
      </c>
      <c r="AF36" s="261">
        <v>0</v>
      </c>
      <c r="AG36" s="261">
        <v>0</v>
      </c>
      <c r="AH36" s="258">
        <v>2</v>
      </c>
      <c r="AI36" s="263">
        <v>2</v>
      </c>
      <c r="AJ36" s="257">
        <v>0</v>
      </c>
      <c r="AK36" s="261">
        <v>0</v>
      </c>
      <c r="AL36" s="258">
        <v>0</v>
      </c>
      <c r="AM36" s="260">
        <v>0</v>
      </c>
      <c r="AN36" s="261">
        <v>0</v>
      </c>
      <c r="AO36" s="261">
        <v>2</v>
      </c>
      <c r="AP36" s="261">
        <v>0</v>
      </c>
      <c r="AQ36" s="261">
        <v>0</v>
      </c>
      <c r="AR36" s="261">
        <v>0</v>
      </c>
      <c r="AS36" s="258">
        <v>2</v>
      </c>
      <c r="AT36" s="263">
        <v>2</v>
      </c>
      <c r="AU36" s="257">
        <v>0</v>
      </c>
      <c r="AV36" s="261">
        <v>0</v>
      </c>
      <c r="AW36" s="258">
        <v>0</v>
      </c>
      <c r="AX36" s="260">
        <v>0</v>
      </c>
      <c r="AY36" s="261">
        <v>0</v>
      </c>
      <c r="AZ36" s="261">
        <v>2</v>
      </c>
      <c r="BA36" s="261">
        <v>0</v>
      </c>
      <c r="BB36" s="261">
        <v>0</v>
      </c>
      <c r="BC36" s="261">
        <v>2</v>
      </c>
      <c r="BD36" s="262">
        <v>4</v>
      </c>
      <c r="BE36" s="263">
        <v>4</v>
      </c>
      <c r="BF36" s="257">
        <v>0</v>
      </c>
      <c r="BG36" s="261">
        <v>0</v>
      </c>
      <c r="BH36" s="258">
        <v>0</v>
      </c>
      <c r="BI36" s="260">
        <v>0</v>
      </c>
      <c r="BJ36" s="261">
        <v>0</v>
      </c>
      <c r="BK36" s="261">
        <v>2</v>
      </c>
      <c r="BL36" s="261">
        <v>0</v>
      </c>
      <c r="BM36" s="261">
        <v>1</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1</v>
      </c>
      <c r="DV36" s="258">
        <v>1</v>
      </c>
      <c r="DW36" s="260">
        <v>0</v>
      </c>
      <c r="DX36" s="261">
        <v>1</v>
      </c>
      <c r="DY36" s="261">
        <v>5</v>
      </c>
      <c r="DZ36" s="261">
        <v>0</v>
      </c>
      <c r="EA36" s="261">
        <v>1</v>
      </c>
      <c r="EB36" s="261">
        <v>0</v>
      </c>
      <c r="EC36" s="258">
        <v>7</v>
      </c>
      <c r="ED36" s="263">
        <v>8</v>
      </c>
      <c r="EE36" s="257">
        <v>0</v>
      </c>
      <c r="EF36" s="261">
        <v>0</v>
      </c>
      <c r="EG36" s="258">
        <v>0</v>
      </c>
      <c r="EH36" s="260">
        <v>0</v>
      </c>
      <c r="EI36" s="261">
        <v>0</v>
      </c>
      <c r="EJ36" s="261">
        <v>1</v>
      </c>
      <c r="EK36" s="261">
        <v>0</v>
      </c>
      <c r="EL36" s="261">
        <v>0</v>
      </c>
      <c r="EM36" s="261">
        <v>2</v>
      </c>
      <c r="EN36" s="258">
        <v>3</v>
      </c>
      <c r="EO36" s="263">
        <v>3</v>
      </c>
      <c r="EP36" s="257">
        <v>0</v>
      </c>
      <c r="EQ36" s="261">
        <v>1</v>
      </c>
      <c r="ER36" s="258">
        <v>1</v>
      </c>
      <c r="ES36" s="260">
        <v>0</v>
      </c>
      <c r="ET36" s="261">
        <v>2</v>
      </c>
      <c r="EU36" s="261">
        <v>6</v>
      </c>
      <c r="EV36" s="261">
        <v>0</v>
      </c>
      <c r="EW36" s="261">
        <v>1</v>
      </c>
      <c r="EX36" s="261">
        <v>0</v>
      </c>
      <c r="EY36" s="258">
        <v>9</v>
      </c>
      <c r="EZ36" s="263">
        <v>10</v>
      </c>
    </row>
    <row r="37" spans="2:156" ht="21" customHeight="1" x14ac:dyDescent="0.2">
      <c r="B37" s="472" t="s">
        <v>35</v>
      </c>
      <c r="C37" s="257">
        <v>0</v>
      </c>
      <c r="D37" s="261">
        <v>0</v>
      </c>
      <c r="E37" s="358">
        <v>0</v>
      </c>
      <c r="F37" s="260">
        <v>0</v>
      </c>
      <c r="G37" s="261">
        <v>4</v>
      </c>
      <c r="H37" s="261">
        <v>2</v>
      </c>
      <c r="I37" s="261">
        <v>0</v>
      </c>
      <c r="J37" s="261">
        <v>1</v>
      </c>
      <c r="K37" s="261">
        <v>1</v>
      </c>
      <c r="L37" s="262">
        <v>8</v>
      </c>
      <c r="M37" s="263">
        <v>8</v>
      </c>
      <c r="N37" s="257">
        <v>0</v>
      </c>
      <c r="O37" s="261">
        <v>0</v>
      </c>
      <c r="P37" s="258">
        <v>0</v>
      </c>
      <c r="Q37" s="260">
        <v>0</v>
      </c>
      <c r="R37" s="261">
        <v>0</v>
      </c>
      <c r="S37" s="261">
        <v>0</v>
      </c>
      <c r="T37" s="261">
        <v>0</v>
      </c>
      <c r="U37" s="261">
        <v>1</v>
      </c>
      <c r="V37" s="261">
        <v>2</v>
      </c>
      <c r="W37" s="258">
        <v>3</v>
      </c>
      <c r="X37" s="263">
        <v>3</v>
      </c>
      <c r="Y37" s="257">
        <v>0</v>
      </c>
      <c r="Z37" s="261">
        <v>0</v>
      </c>
      <c r="AA37" s="258">
        <v>0</v>
      </c>
      <c r="AB37" s="260">
        <v>0</v>
      </c>
      <c r="AC37" s="261">
        <v>2</v>
      </c>
      <c r="AD37" s="261">
        <v>1</v>
      </c>
      <c r="AE37" s="261">
        <v>1</v>
      </c>
      <c r="AF37" s="261">
        <v>0</v>
      </c>
      <c r="AG37" s="261">
        <v>1</v>
      </c>
      <c r="AH37" s="258">
        <v>5</v>
      </c>
      <c r="AI37" s="263">
        <v>5</v>
      </c>
      <c r="AJ37" s="257">
        <v>2</v>
      </c>
      <c r="AK37" s="261">
        <v>1</v>
      </c>
      <c r="AL37" s="258">
        <v>3</v>
      </c>
      <c r="AM37" s="260">
        <v>0</v>
      </c>
      <c r="AN37" s="261">
        <v>2</v>
      </c>
      <c r="AO37" s="261">
        <v>0</v>
      </c>
      <c r="AP37" s="261">
        <v>0</v>
      </c>
      <c r="AQ37" s="261">
        <v>0</v>
      </c>
      <c r="AR37" s="261">
        <v>1</v>
      </c>
      <c r="AS37" s="258">
        <v>3</v>
      </c>
      <c r="AT37" s="263">
        <v>6</v>
      </c>
      <c r="AU37" s="257">
        <v>1</v>
      </c>
      <c r="AV37" s="261">
        <v>1</v>
      </c>
      <c r="AW37" s="258">
        <v>2</v>
      </c>
      <c r="AX37" s="260">
        <v>0</v>
      </c>
      <c r="AY37" s="261">
        <v>11</v>
      </c>
      <c r="AZ37" s="261">
        <v>3</v>
      </c>
      <c r="BA37" s="261">
        <v>2</v>
      </c>
      <c r="BB37" s="261">
        <v>4</v>
      </c>
      <c r="BC37" s="261">
        <v>3</v>
      </c>
      <c r="BD37" s="262">
        <v>23</v>
      </c>
      <c r="BE37" s="263">
        <v>25</v>
      </c>
      <c r="BF37" s="257">
        <v>0</v>
      </c>
      <c r="BG37" s="261">
        <v>0</v>
      </c>
      <c r="BH37" s="258">
        <v>0</v>
      </c>
      <c r="BI37" s="260">
        <v>0</v>
      </c>
      <c r="BJ37" s="261">
        <v>4</v>
      </c>
      <c r="BK37" s="261">
        <v>6</v>
      </c>
      <c r="BL37" s="261">
        <v>2</v>
      </c>
      <c r="BM37" s="261">
        <v>0</v>
      </c>
      <c r="BN37" s="261">
        <v>0</v>
      </c>
      <c r="BO37" s="258">
        <v>12</v>
      </c>
      <c r="BP37" s="263">
        <v>12</v>
      </c>
      <c r="BQ37" s="257">
        <v>1</v>
      </c>
      <c r="BR37" s="261">
        <v>1</v>
      </c>
      <c r="BS37" s="258">
        <v>2</v>
      </c>
      <c r="BT37" s="260">
        <v>0</v>
      </c>
      <c r="BU37" s="261">
        <v>1</v>
      </c>
      <c r="BV37" s="261">
        <v>0</v>
      </c>
      <c r="BW37" s="261">
        <v>0</v>
      </c>
      <c r="BX37" s="261">
        <v>1</v>
      </c>
      <c r="BY37" s="261">
        <v>0</v>
      </c>
      <c r="BZ37" s="258">
        <v>2</v>
      </c>
      <c r="CA37" s="263">
        <v>4</v>
      </c>
      <c r="CB37" s="257">
        <v>0</v>
      </c>
      <c r="CC37" s="261">
        <v>0</v>
      </c>
      <c r="CD37" s="258">
        <v>0</v>
      </c>
      <c r="CE37" s="260">
        <v>0</v>
      </c>
      <c r="CF37" s="261">
        <v>0</v>
      </c>
      <c r="CG37" s="261">
        <v>1</v>
      </c>
      <c r="CH37" s="261">
        <v>0</v>
      </c>
      <c r="CI37" s="261">
        <v>0</v>
      </c>
      <c r="CJ37" s="261">
        <v>0</v>
      </c>
      <c r="CK37" s="258">
        <v>1</v>
      </c>
      <c r="CL37" s="263">
        <v>1</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0</v>
      </c>
      <c r="DU37" s="261">
        <v>1</v>
      </c>
      <c r="DV37" s="258">
        <v>1</v>
      </c>
      <c r="DW37" s="260">
        <v>0</v>
      </c>
      <c r="DX37" s="261">
        <v>10</v>
      </c>
      <c r="DY37" s="261">
        <v>7</v>
      </c>
      <c r="DZ37" s="261">
        <v>3</v>
      </c>
      <c r="EA37" s="261">
        <v>2</v>
      </c>
      <c r="EB37" s="261">
        <v>2</v>
      </c>
      <c r="EC37" s="258">
        <v>24</v>
      </c>
      <c r="ED37" s="263">
        <v>25</v>
      </c>
      <c r="EE37" s="257">
        <v>2</v>
      </c>
      <c r="EF37" s="261">
        <v>1</v>
      </c>
      <c r="EG37" s="258">
        <v>3</v>
      </c>
      <c r="EH37" s="260">
        <v>0</v>
      </c>
      <c r="EI37" s="261">
        <v>6</v>
      </c>
      <c r="EJ37" s="261">
        <v>1</v>
      </c>
      <c r="EK37" s="261">
        <v>1</v>
      </c>
      <c r="EL37" s="261">
        <v>3</v>
      </c>
      <c r="EM37" s="261">
        <v>1</v>
      </c>
      <c r="EN37" s="258">
        <v>12</v>
      </c>
      <c r="EO37" s="263">
        <v>15</v>
      </c>
      <c r="EP37" s="257">
        <v>3</v>
      </c>
      <c r="EQ37" s="261">
        <v>2</v>
      </c>
      <c r="ER37" s="258">
        <v>5</v>
      </c>
      <c r="ES37" s="260">
        <v>0</v>
      </c>
      <c r="ET37" s="261">
        <v>12</v>
      </c>
      <c r="EU37" s="261">
        <v>8</v>
      </c>
      <c r="EV37" s="261">
        <v>3</v>
      </c>
      <c r="EW37" s="261">
        <v>2</v>
      </c>
      <c r="EX37" s="261">
        <v>2</v>
      </c>
      <c r="EY37" s="258">
        <v>27</v>
      </c>
      <c r="EZ37" s="263">
        <v>32</v>
      </c>
    </row>
    <row r="38" spans="2:156" ht="21" customHeight="1" x14ac:dyDescent="0.2">
      <c r="B38" s="472" t="s">
        <v>36</v>
      </c>
      <c r="C38" s="257">
        <v>0</v>
      </c>
      <c r="D38" s="261">
        <v>0</v>
      </c>
      <c r="E38" s="358">
        <v>0</v>
      </c>
      <c r="F38" s="260">
        <v>0</v>
      </c>
      <c r="G38" s="261">
        <v>1</v>
      </c>
      <c r="H38" s="261">
        <v>1</v>
      </c>
      <c r="I38" s="261">
        <v>1</v>
      </c>
      <c r="J38" s="261">
        <v>0</v>
      </c>
      <c r="K38" s="261">
        <v>2</v>
      </c>
      <c r="L38" s="262">
        <v>5</v>
      </c>
      <c r="M38" s="263">
        <v>5</v>
      </c>
      <c r="N38" s="257">
        <v>0</v>
      </c>
      <c r="O38" s="261">
        <v>0</v>
      </c>
      <c r="P38" s="258">
        <v>0</v>
      </c>
      <c r="Q38" s="260">
        <v>0</v>
      </c>
      <c r="R38" s="261">
        <v>0</v>
      </c>
      <c r="S38" s="261">
        <v>0</v>
      </c>
      <c r="T38" s="261">
        <v>0</v>
      </c>
      <c r="U38" s="261">
        <v>0</v>
      </c>
      <c r="V38" s="261">
        <v>0</v>
      </c>
      <c r="W38" s="258">
        <v>0</v>
      </c>
      <c r="X38" s="263">
        <v>0</v>
      </c>
      <c r="Y38" s="257">
        <v>0</v>
      </c>
      <c r="Z38" s="261">
        <v>0</v>
      </c>
      <c r="AA38" s="258">
        <v>0</v>
      </c>
      <c r="AB38" s="260">
        <v>0</v>
      </c>
      <c r="AC38" s="261">
        <v>4</v>
      </c>
      <c r="AD38" s="261">
        <v>1</v>
      </c>
      <c r="AE38" s="261">
        <v>1</v>
      </c>
      <c r="AF38" s="261">
        <v>0</v>
      </c>
      <c r="AG38" s="261">
        <v>1</v>
      </c>
      <c r="AH38" s="258">
        <v>7</v>
      </c>
      <c r="AI38" s="263">
        <v>7</v>
      </c>
      <c r="AJ38" s="257">
        <v>0</v>
      </c>
      <c r="AK38" s="261">
        <v>1</v>
      </c>
      <c r="AL38" s="258">
        <v>1</v>
      </c>
      <c r="AM38" s="260">
        <v>0</v>
      </c>
      <c r="AN38" s="261">
        <v>0</v>
      </c>
      <c r="AO38" s="261">
        <v>1</v>
      </c>
      <c r="AP38" s="261">
        <v>0</v>
      </c>
      <c r="AQ38" s="261">
        <v>0</v>
      </c>
      <c r="AR38" s="261">
        <v>0</v>
      </c>
      <c r="AS38" s="258">
        <v>1</v>
      </c>
      <c r="AT38" s="263">
        <v>2</v>
      </c>
      <c r="AU38" s="257">
        <v>0</v>
      </c>
      <c r="AV38" s="261">
        <v>0</v>
      </c>
      <c r="AW38" s="258">
        <v>0</v>
      </c>
      <c r="AX38" s="260">
        <v>0</v>
      </c>
      <c r="AY38" s="261">
        <v>1</v>
      </c>
      <c r="AZ38" s="261">
        <v>2</v>
      </c>
      <c r="BA38" s="261">
        <v>2</v>
      </c>
      <c r="BB38" s="261">
        <v>1</v>
      </c>
      <c r="BC38" s="261">
        <v>2</v>
      </c>
      <c r="BD38" s="262">
        <v>8</v>
      </c>
      <c r="BE38" s="263">
        <v>8</v>
      </c>
      <c r="BF38" s="257">
        <v>0</v>
      </c>
      <c r="BG38" s="261">
        <v>0</v>
      </c>
      <c r="BH38" s="258">
        <v>0</v>
      </c>
      <c r="BI38" s="260">
        <v>0</v>
      </c>
      <c r="BJ38" s="261">
        <v>2</v>
      </c>
      <c r="BK38" s="261">
        <v>1</v>
      </c>
      <c r="BL38" s="261">
        <v>1</v>
      </c>
      <c r="BM38" s="261">
        <v>0</v>
      </c>
      <c r="BN38" s="261">
        <v>0</v>
      </c>
      <c r="BO38" s="258">
        <v>4</v>
      </c>
      <c r="BP38" s="263">
        <v>4</v>
      </c>
      <c r="BQ38" s="257">
        <v>0</v>
      </c>
      <c r="BR38" s="261">
        <v>1</v>
      </c>
      <c r="BS38" s="258">
        <v>1</v>
      </c>
      <c r="BT38" s="260">
        <v>0</v>
      </c>
      <c r="BU38" s="261">
        <v>0</v>
      </c>
      <c r="BV38" s="261">
        <v>0</v>
      </c>
      <c r="BW38" s="261">
        <v>0</v>
      </c>
      <c r="BX38" s="261">
        <v>1</v>
      </c>
      <c r="BY38" s="261">
        <v>0</v>
      </c>
      <c r="BZ38" s="258">
        <v>1</v>
      </c>
      <c r="CA38" s="263">
        <v>2</v>
      </c>
      <c r="CB38" s="257">
        <v>0</v>
      </c>
      <c r="CC38" s="261">
        <v>0</v>
      </c>
      <c r="CD38" s="258">
        <v>0</v>
      </c>
      <c r="CE38" s="260">
        <v>0</v>
      </c>
      <c r="CF38" s="261">
        <v>0</v>
      </c>
      <c r="CG38" s="261">
        <v>1</v>
      </c>
      <c r="CH38" s="261">
        <v>1</v>
      </c>
      <c r="CI38" s="261">
        <v>0</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2</v>
      </c>
      <c r="DV38" s="258">
        <v>2</v>
      </c>
      <c r="DW38" s="260">
        <v>0</v>
      </c>
      <c r="DX38" s="261">
        <v>5</v>
      </c>
      <c r="DY38" s="261">
        <v>4</v>
      </c>
      <c r="DZ38" s="261">
        <v>1</v>
      </c>
      <c r="EA38" s="261">
        <v>2</v>
      </c>
      <c r="EB38" s="261">
        <v>2</v>
      </c>
      <c r="EC38" s="258">
        <v>14</v>
      </c>
      <c r="ED38" s="263">
        <v>16</v>
      </c>
      <c r="EE38" s="257">
        <v>0</v>
      </c>
      <c r="EF38" s="261">
        <v>0</v>
      </c>
      <c r="EG38" s="258">
        <v>0</v>
      </c>
      <c r="EH38" s="260">
        <v>0</v>
      </c>
      <c r="EI38" s="261">
        <v>1</v>
      </c>
      <c r="EJ38" s="261">
        <v>1</v>
      </c>
      <c r="EK38" s="261">
        <v>1</v>
      </c>
      <c r="EL38" s="261">
        <v>0</v>
      </c>
      <c r="EM38" s="261">
        <v>1</v>
      </c>
      <c r="EN38" s="258">
        <v>4</v>
      </c>
      <c r="EO38" s="263">
        <v>4</v>
      </c>
      <c r="EP38" s="257">
        <v>0</v>
      </c>
      <c r="EQ38" s="261">
        <v>4</v>
      </c>
      <c r="ER38" s="258">
        <v>4</v>
      </c>
      <c r="ES38" s="260">
        <v>0</v>
      </c>
      <c r="ET38" s="261">
        <v>11</v>
      </c>
      <c r="EU38" s="261">
        <v>5</v>
      </c>
      <c r="EV38" s="261">
        <v>2</v>
      </c>
      <c r="EW38" s="261">
        <v>2</v>
      </c>
      <c r="EX38" s="261">
        <v>2</v>
      </c>
      <c r="EY38" s="258">
        <v>22</v>
      </c>
      <c r="EZ38" s="263">
        <v>26</v>
      </c>
    </row>
    <row r="39" spans="2:156" ht="21" customHeight="1" thickBot="1" x14ac:dyDescent="0.25">
      <c r="B39" s="473" t="s">
        <v>37</v>
      </c>
      <c r="C39" s="264">
        <v>0</v>
      </c>
      <c r="D39" s="268">
        <v>0</v>
      </c>
      <c r="E39" s="359">
        <v>0</v>
      </c>
      <c r="F39" s="267">
        <v>0</v>
      </c>
      <c r="G39" s="268">
        <v>0</v>
      </c>
      <c r="H39" s="268">
        <v>0</v>
      </c>
      <c r="I39" s="268">
        <v>0</v>
      </c>
      <c r="J39" s="268">
        <v>0</v>
      </c>
      <c r="K39" s="268">
        <v>0</v>
      </c>
      <c r="L39" s="269">
        <v>0</v>
      </c>
      <c r="M39" s="270">
        <v>0</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1</v>
      </c>
      <c r="AD39" s="268">
        <v>0</v>
      </c>
      <c r="AE39" s="268">
        <v>0</v>
      </c>
      <c r="AF39" s="268">
        <v>0</v>
      </c>
      <c r="AG39" s="268">
        <v>0</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0</v>
      </c>
      <c r="BD39" s="269">
        <v>1</v>
      </c>
      <c r="BE39" s="270">
        <v>1</v>
      </c>
      <c r="BF39" s="264">
        <v>0</v>
      </c>
      <c r="BG39" s="268">
        <v>0</v>
      </c>
      <c r="BH39" s="265">
        <v>0</v>
      </c>
      <c r="BI39" s="267">
        <v>0</v>
      </c>
      <c r="BJ39" s="268">
        <v>0</v>
      </c>
      <c r="BK39" s="268">
        <v>1</v>
      </c>
      <c r="BL39" s="268">
        <v>0</v>
      </c>
      <c r="BM39" s="268">
        <v>0</v>
      </c>
      <c r="BN39" s="268">
        <v>0</v>
      </c>
      <c r="BO39" s="265">
        <v>1</v>
      </c>
      <c r="BP39" s="270">
        <v>1</v>
      </c>
      <c r="BQ39" s="264">
        <v>0</v>
      </c>
      <c r="BR39" s="268">
        <v>1</v>
      </c>
      <c r="BS39" s="265">
        <v>1</v>
      </c>
      <c r="BT39" s="267">
        <v>0</v>
      </c>
      <c r="BU39" s="268">
        <v>0</v>
      </c>
      <c r="BV39" s="268">
        <v>0</v>
      </c>
      <c r="BW39" s="268">
        <v>0</v>
      </c>
      <c r="BX39" s="268">
        <v>0</v>
      </c>
      <c r="BY39" s="268">
        <v>0</v>
      </c>
      <c r="BZ39" s="265">
        <v>0</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1</v>
      </c>
      <c r="DV39" s="265">
        <v>1</v>
      </c>
      <c r="DW39" s="267">
        <v>0</v>
      </c>
      <c r="DX39" s="268">
        <v>0</v>
      </c>
      <c r="DY39" s="268">
        <v>1</v>
      </c>
      <c r="DZ39" s="268">
        <v>0</v>
      </c>
      <c r="EA39" s="268">
        <v>0</v>
      </c>
      <c r="EB39" s="268">
        <v>0</v>
      </c>
      <c r="EC39" s="265">
        <v>1</v>
      </c>
      <c r="ED39" s="270">
        <v>2</v>
      </c>
      <c r="EE39" s="264">
        <v>0</v>
      </c>
      <c r="EF39" s="268">
        <v>0</v>
      </c>
      <c r="EG39" s="265">
        <v>0</v>
      </c>
      <c r="EH39" s="267">
        <v>0</v>
      </c>
      <c r="EI39" s="268">
        <v>0</v>
      </c>
      <c r="EJ39" s="268">
        <v>0</v>
      </c>
      <c r="EK39" s="268">
        <v>0</v>
      </c>
      <c r="EL39" s="268">
        <v>1</v>
      </c>
      <c r="EM39" s="268">
        <v>0</v>
      </c>
      <c r="EN39" s="265">
        <v>1</v>
      </c>
      <c r="EO39" s="270">
        <v>1</v>
      </c>
      <c r="EP39" s="264">
        <v>0</v>
      </c>
      <c r="EQ39" s="268">
        <v>1</v>
      </c>
      <c r="ER39" s="265">
        <v>1</v>
      </c>
      <c r="ES39" s="267">
        <v>0</v>
      </c>
      <c r="ET39" s="268">
        <v>1</v>
      </c>
      <c r="EU39" s="268">
        <v>1</v>
      </c>
      <c r="EV39" s="268">
        <v>0</v>
      </c>
      <c r="EW39" s="268">
        <v>0</v>
      </c>
      <c r="EX39" s="268">
        <v>0</v>
      </c>
      <c r="EY39" s="265">
        <v>2</v>
      </c>
      <c r="EZ39" s="270">
        <v>3</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4" width="9" style="242"/>
    <col min="5" max="5" width="10.33203125" style="242" customWidth="1"/>
    <col min="6" max="6" width="7.6640625" style="242" customWidth="1"/>
    <col min="7" max="7" width="10.21875" style="242" customWidth="1"/>
    <col min="8" max="8" width="10.44140625" style="242" customWidth="1"/>
    <col min="9" max="16" width="9" style="242"/>
    <col min="17" max="17" width="7.21875" style="242" customWidth="1"/>
    <col min="18" max="27" width="9" style="242"/>
    <col min="28" max="28" width="7.6640625" style="242" customWidth="1"/>
    <col min="29" max="38" width="9" style="242"/>
    <col min="39" max="39" width="7.6640625" style="242" customWidth="1"/>
    <col min="40" max="49" width="9" style="242"/>
    <col min="50" max="50" width="7.21875" style="242" customWidth="1"/>
    <col min="51" max="60" width="9" style="242"/>
    <col min="61" max="61" width="7.21875" style="242" customWidth="1"/>
    <col min="62" max="71" width="9" style="242"/>
    <col min="72" max="72" width="7.33203125" style="242" customWidth="1"/>
    <col min="73" max="82" width="9" style="242"/>
    <col min="83" max="83" width="7.44140625" style="242" customWidth="1"/>
    <col min="84" max="93" width="9" style="242"/>
    <col min="94" max="94" width="7.6640625" style="242" customWidth="1"/>
    <col min="95" max="104" width="9" style="242"/>
    <col min="105" max="105" width="7.44140625" style="242" customWidth="1"/>
    <col min="106" max="115" width="9" style="242"/>
    <col min="116" max="116" width="7.44140625" style="242" customWidth="1"/>
    <col min="117" max="126" width="9" style="242"/>
    <col min="127" max="127" width="7.44140625" style="242" customWidth="1"/>
    <col min="128" max="137" width="9" style="242"/>
    <col min="138" max="138" width="7.33203125" style="242" customWidth="1"/>
    <col min="139" max="148" width="9" style="242"/>
    <col min="149" max="149" width="7.77734375" style="242" customWidth="1"/>
    <col min="150" max="16384" width="9" style="242"/>
  </cols>
  <sheetData>
    <row r="1" spans="2:156" ht="24" customHeight="1" x14ac:dyDescent="0.2">
      <c r="B1" s="271" t="s">
        <v>122</v>
      </c>
      <c r="I1" s="499">
        <f>第１表!F2</f>
        <v>5</v>
      </c>
      <c r="J1" s="499"/>
      <c r="K1" s="235">
        <f>第１表!G2</f>
        <v>9</v>
      </c>
      <c r="L1" s="504">
        <f>IF(K1&lt;3,K1+12-2,K1-2)</f>
        <v>7</v>
      </c>
      <c r="M1" s="504"/>
    </row>
    <row r="2" spans="2:156" ht="24" customHeight="1" thickBot="1" x14ac:dyDescent="0.25">
      <c r="B2" s="271" t="s">
        <v>153</v>
      </c>
      <c r="G2" s="234"/>
      <c r="H2" s="235"/>
      <c r="J2" s="326"/>
      <c r="K2" s="326"/>
    </row>
    <row r="3" spans="2:156" ht="21" customHeight="1" thickBot="1" x14ac:dyDescent="0.25">
      <c r="B3" s="512"/>
      <c r="C3" s="515" t="s">
        <v>70</v>
      </c>
      <c r="D3" s="516"/>
      <c r="E3" s="516"/>
      <c r="F3" s="516"/>
      <c r="G3" s="516"/>
      <c r="H3" s="516"/>
      <c r="I3" s="516"/>
      <c r="J3" s="516"/>
      <c r="K3" s="516"/>
      <c r="L3" s="516"/>
      <c r="M3" s="517"/>
      <c r="N3" s="515" t="s">
        <v>71</v>
      </c>
      <c r="O3" s="516"/>
      <c r="P3" s="516"/>
      <c r="Q3" s="516"/>
      <c r="R3" s="516"/>
      <c r="S3" s="516"/>
      <c r="T3" s="516"/>
      <c r="U3" s="516"/>
      <c r="V3" s="516"/>
      <c r="W3" s="516"/>
      <c r="X3" s="517"/>
      <c r="Y3" s="515" t="s">
        <v>72</v>
      </c>
      <c r="Z3" s="516"/>
      <c r="AA3" s="516"/>
      <c r="AB3" s="516"/>
      <c r="AC3" s="516"/>
      <c r="AD3" s="516"/>
      <c r="AE3" s="516"/>
      <c r="AF3" s="516"/>
      <c r="AG3" s="516"/>
      <c r="AH3" s="516"/>
      <c r="AI3" s="517"/>
      <c r="AJ3" s="515" t="s">
        <v>73</v>
      </c>
      <c r="AK3" s="516"/>
      <c r="AL3" s="516"/>
      <c r="AM3" s="516"/>
      <c r="AN3" s="516"/>
      <c r="AO3" s="516"/>
      <c r="AP3" s="516"/>
      <c r="AQ3" s="516"/>
      <c r="AR3" s="516"/>
      <c r="AS3" s="516"/>
      <c r="AT3" s="517"/>
      <c r="AU3" s="515" t="s">
        <v>74</v>
      </c>
      <c r="AV3" s="516"/>
      <c r="AW3" s="516"/>
      <c r="AX3" s="516"/>
      <c r="AY3" s="516"/>
      <c r="AZ3" s="516"/>
      <c r="BA3" s="516"/>
      <c r="BB3" s="516"/>
      <c r="BC3" s="516"/>
      <c r="BD3" s="516"/>
      <c r="BE3" s="517"/>
      <c r="BF3" s="515" t="s">
        <v>75</v>
      </c>
      <c r="BG3" s="516"/>
      <c r="BH3" s="516"/>
      <c r="BI3" s="516"/>
      <c r="BJ3" s="516"/>
      <c r="BK3" s="516"/>
      <c r="BL3" s="516"/>
      <c r="BM3" s="516"/>
      <c r="BN3" s="516"/>
      <c r="BO3" s="516"/>
      <c r="BP3" s="517"/>
      <c r="BQ3" s="515" t="s">
        <v>76</v>
      </c>
      <c r="BR3" s="516"/>
      <c r="BS3" s="516"/>
      <c r="BT3" s="516"/>
      <c r="BU3" s="516"/>
      <c r="BV3" s="516"/>
      <c r="BW3" s="516"/>
      <c r="BX3" s="516"/>
      <c r="BY3" s="516"/>
      <c r="BZ3" s="516"/>
      <c r="CA3" s="517"/>
      <c r="CB3" s="515" t="s">
        <v>77</v>
      </c>
      <c r="CC3" s="516"/>
      <c r="CD3" s="516"/>
      <c r="CE3" s="516"/>
      <c r="CF3" s="516"/>
      <c r="CG3" s="516"/>
      <c r="CH3" s="516"/>
      <c r="CI3" s="516"/>
      <c r="CJ3" s="516"/>
      <c r="CK3" s="516"/>
      <c r="CL3" s="517"/>
      <c r="CM3" s="515" t="s">
        <v>78</v>
      </c>
      <c r="CN3" s="516"/>
      <c r="CO3" s="516"/>
      <c r="CP3" s="516"/>
      <c r="CQ3" s="516"/>
      <c r="CR3" s="516"/>
      <c r="CS3" s="516"/>
      <c r="CT3" s="516"/>
      <c r="CU3" s="516"/>
      <c r="CV3" s="516"/>
      <c r="CW3" s="517"/>
      <c r="CX3" s="515" t="s">
        <v>79</v>
      </c>
      <c r="CY3" s="516"/>
      <c r="CZ3" s="516"/>
      <c r="DA3" s="516"/>
      <c r="DB3" s="516"/>
      <c r="DC3" s="516"/>
      <c r="DD3" s="516"/>
      <c r="DE3" s="516"/>
      <c r="DF3" s="516"/>
      <c r="DG3" s="516"/>
      <c r="DH3" s="517"/>
      <c r="DI3" s="515" t="s">
        <v>151</v>
      </c>
      <c r="DJ3" s="516"/>
      <c r="DK3" s="516"/>
      <c r="DL3" s="516"/>
      <c r="DM3" s="516"/>
      <c r="DN3" s="516"/>
      <c r="DO3" s="516"/>
      <c r="DP3" s="516"/>
      <c r="DQ3" s="516"/>
      <c r="DR3" s="516"/>
      <c r="DS3" s="517"/>
      <c r="DT3" s="515" t="s">
        <v>80</v>
      </c>
      <c r="DU3" s="516"/>
      <c r="DV3" s="516"/>
      <c r="DW3" s="516"/>
      <c r="DX3" s="516"/>
      <c r="DY3" s="516"/>
      <c r="DZ3" s="516"/>
      <c r="EA3" s="516"/>
      <c r="EB3" s="516"/>
      <c r="EC3" s="516"/>
      <c r="ED3" s="517"/>
      <c r="EE3" s="515" t="s">
        <v>68</v>
      </c>
      <c r="EF3" s="516"/>
      <c r="EG3" s="516"/>
      <c r="EH3" s="516"/>
      <c r="EI3" s="516"/>
      <c r="EJ3" s="516"/>
      <c r="EK3" s="516"/>
      <c r="EL3" s="516"/>
      <c r="EM3" s="516"/>
      <c r="EN3" s="516"/>
      <c r="EO3" s="517"/>
      <c r="EP3" s="518" t="s">
        <v>69</v>
      </c>
      <c r="EQ3" s="519"/>
      <c r="ER3" s="519"/>
      <c r="ES3" s="519"/>
      <c r="ET3" s="519"/>
      <c r="EU3" s="519"/>
      <c r="EV3" s="519"/>
      <c r="EW3" s="519"/>
      <c r="EX3" s="519"/>
      <c r="EY3" s="519"/>
      <c r="EZ3" s="520"/>
    </row>
    <row r="4" spans="2:156" ht="21" customHeight="1" x14ac:dyDescent="0.2">
      <c r="B4" s="513"/>
      <c r="C4" s="507" t="s">
        <v>61</v>
      </c>
      <c r="D4" s="508"/>
      <c r="E4" s="509"/>
      <c r="F4" s="510" t="s">
        <v>62</v>
      </c>
      <c r="G4" s="508"/>
      <c r="H4" s="508"/>
      <c r="I4" s="508"/>
      <c r="J4" s="508"/>
      <c r="K4" s="508"/>
      <c r="L4" s="511"/>
      <c r="M4" s="505" t="s">
        <v>52</v>
      </c>
      <c r="N4" s="507" t="s">
        <v>61</v>
      </c>
      <c r="O4" s="508"/>
      <c r="P4" s="509"/>
      <c r="Q4" s="510" t="s">
        <v>62</v>
      </c>
      <c r="R4" s="508"/>
      <c r="S4" s="508"/>
      <c r="T4" s="508"/>
      <c r="U4" s="508"/>
      <c r="V4" s="508"/>
      <c r="W4" s="509"/>
      <c r="X4" s="505" t="s">
        <v>52</v>
      </c>
      <c r="Y4" s="507" t="s">
        <v>61</v>
      </c>
      <c r="Z4" s="508"/>
      <c r="AA4" s="509"/>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09"/>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c r="DI4" s="507" t="s">
        <v>61</v>
      </c>
      <c r="DJ4" s="508"/>
      <c r="DK4" s="509"/>
      <c r="DL4" s="510" t="s">
        <v>62</v>
      </c>
      <c r="DM4" s="508"/>
      <c r="DN4" s="508"/>
      <c r="DO4" s="508"/>
      <c r="DP4" s="508"/>
      <c r="DQ4" s="508"/>
      <c r="DR4" s="509"/>
      <c r="DS4" s="505" t="s">
        <v>52</v>
      </c>
      <c r="DT4" s="507" t="s">
        <v>61</v>
      </c>
      <c r="DU4" s="508"/>
      <c r="DV4" s="509"/>
      <c r="DW4" s="510" t="s">
        <v>62</v>
      </c>
      <c r="DX4" s="508"/>
      <c r="DY4" s="508"/>
      <c r="DZ4" s="508"/>
      <c r="EA4" s="508"/>
      <c r="EB4" s="508"/>
      <c r="EC4" s="509"/>
      <c r="ED4" s="505" t="s">
        <v>52</v>
      </c>
      <c r="EE4" s="507" t="s">
        <v>61</v>
      </c>
      <c r="EF4" s="508"/>
      <c r="EG4" s="509"/>
      <c r="EH4" s="510" t="s">
        <v>62</v>
      </c>
      <c r="EI4" s="508"/>
      <c r="EJ4" s="508"/>
      <c r="EK4" s="508"/>
      <c r="EL4" s="508"/>
      <c r="EM4" s="508"/>
      <c r="EN4" s="509"/>
      <c r="EO4" s="505" t="s">
        <v>52</v>
      </c>
      <c r="EP4" s="507" t="s">
        <v>61</v>
      </c>
      <c r="EQ4" s="508"/>
      <c r="ER4" s="509"/>
      <c r="ES4" s="510" t="s">
        <v>62</v>
      </c>
      <c r="ET4" s="508"/>
      <c r="EU4" s="508"/>
      <c r="EV4" s="508"/>
      <c r="EW4" s="508"/>
      <c r="EX4" s="508"/>
      <c r="EY4" s="509"/>
      <c r="EZ4" s="505" t="s">
        <v>52</v>
      </c>
    </row>
    <row r="5" spans="2:156" ht="30" customHeight="1" thickBot="1" x14ac:dyDescent="0.25">
      <c r="B5" s="514"/>
      <c r="C5" s="327" t="s">
        <v>43</v>
      </c>
      <c r="D5" s="243" t="s">
        <v>161</v>
      </c>
      <c r="E5" s="356" t="s">
        <v>45</v>
      </c>
      <c r="F5" s="248" t="s">
        <v>83</v>
      </c>
      <c r="G5" s="243" t="s">
        <v>47</v>
      </c>
      <c r="H5" s="243" t="s">
        <v>48</v>
      </c>
      <c r="I5" s="243" t="s">
        <v>49</v>
      </c>
      <c r="J5" s="243" t="s">
        <v>50</v>
      </c>
      <c r="K5" s="243" t="s">
        <v>51</v>
      </c>
      <c r="L5" s="249" t="s">
        <v>45</v>
      </c>
      <c r="M5" s="506"/>
      <c r="N5" s="327" t="s">
        <v>43</v>
      </c>
      <c r="O5" s="243" t="s">
        <v>44</v>
      </c>
      <c r="P5" s="246" t="s">
        <v>45</v>
      </c>
      <c r="Q5" s="248" t="s">
        <v>83</v>
      </c>
      <c r="R5" s="243" t="s">
        <v>47</v>
      </c>
      <c r="S5" s="243" t="s">
        <v>48</v>
      </c>
      <c r="T5" s="243" t="s">
        <v>49</v>
      </c>
      <c r="U5" s="243" t="s">
        <v>50</v>
      </c>
      <c r="V5" s="243" t="s">
        <v>51</v>
      </c>
      <c r="W5" s="246" t="s">
        <v>45</v>
      </c>
      <c r="X5" s="506"/>
      <c r="Y5" s="327" t="s">
        <v>43</v>
      </c>
      <c r="Z5" s="243" t="s">
        <v>44</v>
      </c>
      <c r="AA5" s="246" t="s">
        <v>45</v>
      </c>
      <c r="AB5" s="248" t="s">
        <v>83</v>
      </c>
      <c r="AC5" s="243" t="s">
        <v>47</v>
      </c>
      <c r="AD5" s="243" t="s">
        <v>48</v>
      </c>
      <c r="AE5" s="243" t="s">
        <v>49</v>
      </c>
      <c r="AF5" s="243" t="s">
        <v>50</v>
      </c>
      <c r="AG5" s="243" t="s">
        <v>51</v>
      </c>
      <c r="AH5" s="246" t="s">
        <v>45</v>
      </c>
      <c r="AI5" s="506"/>
      <c r="AJ5" s="327" t="s">
        <v>43</v>
      </c>
      <c r="AK5" s="243" t="s">
        <v>44</v>
      </c>
      <c r="AL5" s="246" t="s">
        <v>45</v>
      </c>
      <c r="AM5" s="248" t="s">
        <v>83</v>
      </c>
      <c r="AN5" s="243" t="s">
        <v>47</v>
      </c>
      <c r="AO5" s="243" t="s">
        <v>48</v>
      </c>
      <c r="AP5" s="243" t="s">
        <v>49</v>
      </c>
      <c r="AQ5" s="243" t="s">
        <v>50</v>
      </c>
      <c r="AR5" s="243" t="s">
        <v>51</v>
      </c>
      <c r="AS5" s="246" t="s">
        <v>45</v>
      </c>
      <c r="AT5" s="506"/>
      <c r="AU5" s="327" t="s">
        <v>43</v>
      </c>
      <c r="AV5" s="243" t="s">
        <v>44</v>
      </c>
      <c r="AW5" s="246" t="s">
        <v>45</v>
      </c>
      <c r="AX5" s="248" t="s">
        <v>83</v>
      </c>
      <c r="AY5" s="243" t="s">
        <v>47</v>
      </c>
      <c r="AZ5" s="243" t="s">
        <v>48</v>
      </c>
      <c r="BA5" s="243" t="s">
        <v>49</v>
      </c>
      <c r="BB5" s="243" t="s">
        <v>50</v>
      </c>
      <c r="BC5" s="243" t="s">
        <v>51</v>
      </c>
      <c r="BD5" s="249" t="s">
        <v>45</v>
      </c>
      <c r="BE5" s="506"/>
      <c r="BF5" s="327" t="s">
        <v>43</v>
      </c>
      <c r="BG5" s="243" t="s">
        <v>44</v>
      </c>
      <c r="BH5" s="246" t="s">
        <v>45</v>
      </c>
      <c r="BI5" s="248" t="s">
        <v>83</v>
      </c>
      <c r="BJ5" s="243" t="s">
        <v>47</v>
      </c>
      <c r="BK5" s="243" t="s">
        <v>48</v>
      </c>
      <c r="BL5" s="243" t="s">
        <v>49</v>
      </c>
      <c r="BM5" s="243" t="s">
        <v>50</v>
      </c>
      <c r="BN5" s="243" t="s">
        <v>51</v>
      </c>
      <c r="BO5" s="246" t="s">
        <v>45</v>
      </c>
      <c r="BP5" s="506"/>
      <c r="BQ5" s="327" t="s">
        <v>43</v>
      </c>
      <c r="BR5" s="243" t="s">
        <v>44</v>
      </c>
      <c r="BS5" s="246" t="s">
        <v>45</v>
      </c>
      <c r="BT5" s="248" t="s">
        <v>83</v>
      </c>
      <c r="BU5" s="243" t="s">
        <v>47</v>
      </c>
      <c r="BV5" s="243" t="s">
        <v>48</v>
      </c>
      <c r="BW5" s="243" t="s">
        <v>49</v>
      </c>
      <c r="BX5" s="243" t="s">
        <v>50</v>
      </c>
      <c r="BY5" s="243" t="s">
        <v>51</v>
      </c>
      <c r="BZ5" s="246" t="s">
        <v>45</v>
      </c>
      <c r="CA5" s="506"/>
      <c r="CB5" s="327" t="s">
        <v>43</v>
      </c>
      <c r="CC5" s="243" t="s">
        <v>44</v>
      </c>
      <c r="CD5" s="246" t="s">
        <v>45</v>
      </c>
      <c r="CE5" s="248" t="s">
        <v>83</v>
      </c>
      <c r="CF5" s="243" t="s">
        <v>47</v>
      </c>
      <c r="CG5" s="243" t="s">
        <v>48</v>
      </c>
      <c r="CH5" s="243" t="s">
        <v>49</v>
      </c>
      <c r="CI5" s="243" t="s">
        <v>50</v>
      </c>
      <c r="CJ5" s="243" t="s">
        <v>51</v>
      </c>
      <c r="CK5" s="246" t="s">
        <v>45</v>
      </c>
      <c r="CL5" s="506"/>
      <c r="CM5" s="327" t="s">
        <v>43</v>
      </c>
      <c r="CN5" s="243" t="s">
        <v>44</v>
      </c>
      <c r="CO5" s="246" t="s">
        <v>45</v>
      </c>
      <c r="CP5" s="248" t="s">
        <v>83</v>
      </c>
      <c r="CQ5" s="243" t="s">
        <v>47</v>
      </c>
      <c r="CR5" s="243" t="s">
        <v>48</v>
      </c>
      <c r="CS5" s="243" t="s">
        <v>49</v>
      </c>
      <c r="CT5" s="243" t="s">
        <v>50</v>
      </c>
      <c r="CU5" s="243" t="s">
        <v>51</v>
      </c>
      <c r="CV5" s="246" t="s">
        <v>45</v>
      </c>
      <c r="CW5" s="506"/>
      <c r="CX5" s="327" t="s">
        <v>43</v>
      </c>
      <c r="CY5" s="243" t="s">
        <v>44</v>
      </c>
      <c r="CZ5" s="246" t="s">
        <v>45</v>
      </c>
      <c r="DA5" s="248" t="s">
        <v>83</v>
      </c>
      <c r="DB5" s="243" t="s">
        <v>47</v>
      </c>
      <c r="DC5" s="243" t="s">
        <v>48</v>
      </c>
      <c r="DD5" s="243" t="s">
        <v>49</v>
      </c>
      <c r="DE5" s="243" t="s">
        <v>50</v>
      </c>
      <c r="DF5" s="243" t="s">
        <v>51</v>
      </c>
      <c r="DG5" s="246" t="s">
        <v>45</v>
      </c>
      <c r="DH5" s="506"/>
      <c r="DI5" s="327" t="s">
        <v>43</v>
      </c>
      <c r="DJ5" s="243" t="s">
        <v>44</v>
      </c>
      <c r="DK5" s="246" t="s">
        <v>45</v>
      </c>
      <c r="DL5" s="248" t="s">
        <v>83</v>
      </c>
      <c r="DM5" s="243" t="s">
        <v>47</v>
      </c>
      <c r="DN5" s="243" t="s">
        <v>48</v>
      </c>
      <c r="DO5" s="243" t="s">
        <v>49</v>
      </c>
      <c r="DP5" s="243" t="s">
        <v>50</v>
      </c>
      <c r="DQ5" s="243" t="s">
        <v>51</v>
      </c>
      <c r="DR5" s="246" t="s">
        <v>45</v>
      </c>
      <c r="DS5" s="506"/>
      <c r="DT5" s="327" t="s">
        <v>43</v>
      </c>
      <c r="DU5" s="243" t="s">
        <v>44</v>
      </c>
      <c r="DV5" s="246" t="s">
        <v>45</v>
      </c>
      <c r="DW5" s="248" t="s">
        <v>83</v>
      </c>
      <c r="DX5" s="243" t="s">
        <v>47</v>
      </c>
      <c r="DY5" s="243" t="s">
        <v>48</v>
      </c>
      <c r="DZ5" s="243" t="s">
        <v>49</v>
      </c>
      <c r="EA5" s="243" t="s">
        <v>50</v>
      </c>
      <c r="EB5" s="243" t="s">
        <v>51</v>
      </c>
      <c r="EC5" s="246" t="s">
        <v>45</v>
      </c>
      <c r="ED5" s="506"/>
      <c r="EE5" s="327" t="s">
        <v>43</v>
      </c>
      <c r="EF5" s="243" t="s">
        <v>44</v>
      </c>
      <c r="EG5" s="246" t="s">
        <v>45</v>
      </c>
      <c r="EH5" s="248" t="s">
        <v>83</v>
      </c>
      <c r="EI5" s="243" t="s">
        <v>47</v>
      </c>
      <c r="EJ5" s="243" t="s">
        <v>48</v>
      </c>
      <c r="EK5" s="243" t="s">
        <v>49</v>
      </c>
      <c r="EL5" s="243" t="s">
        <v>50</v>
      </c>
      <c r="EM5" s="243" t="s">
        <v>51</v>
      </c>
      <c r="EN5" s="246" t="s">
        <v>45</v>
      </c>
      <c r="EO5" s="506"/>
      <c r="EP5" s="327" t="s">
        <v>43</v>
      </c>
      <c r="EQ5" s="243" t="s">
        <v>44</v>
      </c>
      <c r="ER5" s="246" t="s">
        <v>45</v>
      </c>
      <c r="ES5" s="248" t="s">
        <v>83</v>
      </c>
      <c r="ET5" s="243" t="s">
        <v>47</v>
      </c>
      <c r="EU5" s="243" t="s">
        <v>48</v>
      </c>
      <c r="EV5" s="243" t="s">
        <v>49</v>
      </c>
      <c r="EW5" s="243" t="s">
        <v>50</v>
      </c>
      <c r="EX5" s="243" t="s">
        <v>51</v>
      </c>
      <c r="EY5" s="246" t="s">
        <v>45</v>
      </c>
      <c r="EZ5" s="506"/>
    </row>
    <row r="6" spans="2:156" ht="21" customHeight="1" x14ac:dyDescent="0.2">
      <c r="B6" s="470" t="s">
        <v>4</v>
      </c>
      <c r="C6" s="250">
        <v>0</v>
      </c>
      <c r="D6" s="254">
        <v>0</v>
      </c>
      <c r="E6" s="357">
        <v>0</v>
      </c>
      <c r="F6" s="253">
        <v>0</v>
      </c>
      <c r="G6" s="254">
        <v>1191</v>
      </c>
      <c r="H6" s="254">
        <v>1287</v>
      </c>
      <c r="I6" s="254">
        <v>684</v>
      </c>
      <c r="J6" s="254">
        <v>598</v>
      </c>
      <c r="K6" s="254">
        <v>448</v>
      </c>
      <c r="L6" s="255">
        <v>4208</v>
      </c>
      <c r="M6" s="256">
        <v>4208</v>
      </c>
      <c r="N6" s="250">
        <v>0</v>
      </c>
      <c r="O6" s="254">
        <v>3</v>
      </c>
      <c r="P6" s="251">
        <v>3</v>
      </c>
      <c r="Q6" s="253">
        <v>0</v>
      </c>
      <c r="R6" s="254">
        <v>16</v>
      </c>
      <c r="S6" s="254">
        <v>39</v>
      </c>
      <c r="T6" s="254">
        <v>43</v>
      </c>
      <c r="U6" s="254">
        <v>133</v>
      </c>
      <c r="V6" s="254">
        <v>232</v>
      </c>
      <c r="W6" s="251">
        <v>463</v>
      </c>
      <c r="X6" s="256">
        <v>466</v>
      </c>
      <c r="Y6" s="250">
        <v>237</v>
      </c>
      <c r="Z6" s="254">
        <v>473</v>
      </c>
      <c r="AA6" s="251">
        <v>710</v>
      </c>
      <c r="AB6" s="253">
        <v>0</v>
      </c>
      <c r="AC6" s="254">
        <v>958</v>
      </c>
      <c r="AD6" s="254">
        <v>1235</v>
      </c>
      <c r="AE6" s="254">
        <v>742</v>
      </c>
      <c r="AF6" s="254">
        <v>631</v>
      </c>
      <c r="AG6" s="254">
        <v>432</v>
      </c>
      <c r="AH6" s="251">
        <v>3998</v>
      </c>
      <c r="AI6" s="256">
        <v>4708</v>
      </c>
      <c r="AJ6" s="250">
        <v>15</v>
      </c>
      <c r="AK6" s="254">
        <v>60</v>
      </c>
      <c r="AL6" s="251">
        <v>75</v>
      </c>
      <c r="AM6" s="253">
        <v>0</v>
      </c>
      <c r="AN6" s="254">
        <v>113</v>
      </c>
      <c r="AO6" s="254">
        <v>158</v>
      </c>
      <c r="AP6" s="254">
        <v>90</v>
      </c>
      <c r="AQ6" s="254">
        <v>85</v>
      </c>
      <c r="AR6" s="254">
        <v>44</v>
      </c>
      <c r="AS6" s="251">
        <v>490</v>
      </c>
      <c r="AT6" s="256">
        <v>565</v>
      </c>
      <c r="AU6" s="250">
        <v>304</v>
      </c>
      <c r="AV6" s="254">
        <v>362</v>
      </c>
      <c r="AW6" s="251">
        <v>666</v>
      </c>
      <c r="AX6" s="253">
        <v>0</v>
      </c>
      <c r="AY6" s="254">
        <v>1269</v>
      </c>
      <c r="AZ6" s="254">
        <v>1591</v>
      </c>
      <c r="BA6" s="254">
        <v>1387</v>
      </c>
      <c r="BB6" s="254">
        <v>1522</v>
      </c>
      <c r="BC6" s="254">
        <v>1038</v>
      </c>
      <c r="BD6" s="255">
        <v>6807</v>
      </c>
      <c r="BE6" s="256">
        <v>7473</v>
      </c>
      <c r="BF6" s="250">
        <v>0</v>
      </c>
      <c r="BG6" s="254">
        <v>0</v>
      </c>
      <c r="BH6" s="251">
        <v>0</v>
      </c>
      <c r="BI6" s="253">
        <v>0</v>
      </c>
      <c r="BJ6" s="254">
        <v>1401</v>
      </c>
      <c r="BK6" s="254">
        <v>1216</v>
      </c>
      <c r="BL6" s="254">
        <v>626</v>
      </c>
      <c r="BM6" s="254">
        <v>336</v>
      </c>
      <c r="BN6" s="254">
        <v>155</v>
      </c>
      <c r="BO6" s="251">
        <v>3734</v>
      </c>
      <c r="BP6" s="256">
        <v>3734</v>
      </c>
      <c r="BQ6" s="250">
        <v>117</v>
      </c>
      <c r="BR6" s="254">
        <v>171</v>
      </c>
      <c r="BS6" s="251">
        <v>288</v>
      </c>
      <c r="BT6" s="253">
        <v>0</v>
      </c>
      <c r="BU6" s="254">
        <v>346</v>
      </c>
      <c r="BV6" s="254">
        <v>484</v>
      </c>
      <c r="BW6" s="254">
        <v>261</v>
      </c>
      <c r="BX6" s="254">
        <v>201</v>
      </c>
      <c r="BY6" s="254">
        <v>75</v>
      </c>
      <c r="BZ6" s="251">
        <v>1367</v>
      </c>
      <c r="CA6" s="256">
        <v>1655</v>
      </c>
      <c r="CB6" s="250">
        <v>3</v>
      </c>
      <c r="CC6" s="254">
        <v>16</v>
      </c>
      <c r="CD6" s="251">
        <v>19</v>
      </c>
      <c r="CE6" s="253">
        <v>0</v>
      </c>
      <c r="CF6" s="254">
        <v>154</v>
      </c>
      <c r="CG6" s="254">
        <v>213</v>
      </c>
      <c r="CH6" s="254">
        <v>261</v>
      </c>
      <c r="CI6" s="254">
        <v>194</v>
      </c>
      <c r="CJ6" s="254">
        <v>97</v>
      </c>
      <c r="CK6" s="251">
        <v>919</v>
      </c>
      <c r="CL6" s="256">
        <v>938</v>
      </c>
      <c r="CM6" s="250">
        <v>2</v>
      </c>
      <c r="CN6" s="254">
        <v>2</v>
      </c>
      <c r="CO6" s="251">
        <v>4</v>
      </c>
      <c r="CP6" s="253">
        <v>0</v>
      </c>
      <c r="CQ6" s="254">
        <v>32</v>
      </c>
      <c r="CR6" s="254">
        <v>52</v>
      </c>
      <c r="CS6" s="254">
        <v>48</v>
      </c>
      <c r="CT6" s="254">
        <v>56</v>
      </c>
      <c r="CU6" s="254">
        <v>31</v>
      </c>
      <c r="CV6" s="251">
        <v>219</v>
      </c>
      <c r="CW6" s="256">
        <v>223</v>
      </c>
      <c r="CX6" s="250">
        <v>0</v>
      </c>
      <c r="CY6" s="254">
        <v>0</v>
      </c>
      <c r="CZ6" s="251">
        <v>0</v>
      </c>
      <c r="DA6" s="253">
        <v>0</v>
      </c>
      <c r="DB6" s="254">
        <v>0</v>
      </c>
      <c r="DC6" s="254">
        <v>0</v>
      </c>
      <c r="DD6" s="254">
        <v>0</v>
      </c>
      <c r="DE6" s="254">
        <v>0</v>
      </c>
      <c r="DF6" s="254">
        <v>0</v>
      </c>
      <c r="DG6" s="251">
        <v>0</v>
      </c>
      <c r="DH6" s="256">
        <v>0</v>
      </c>
      <c r="DI6" s="250">
        <v>0</v>
      </c>
      <c r="DJ6" s="254">
        <v>0</v>
      </c>
      <c r="DK6" s="251">
        <v>0</v>
      </c>
      <c r="DL6" s="253">
        <v>0</v>
      </c>
      <c r="DM6" s="254">
        <v>0</v>
      </c>
      <c r="DN6" s="254">
        <v>0</v>
      </c>
      <c r="DO6" s="254">
        <v>0</v>
      </c>
      <c r="DP6" s="254">
        <v>0</v>
      </c>
      <c r="DQ6" s="254">
        <v>0</v>
      </c>
      <c r="DR6" s="251">
        <v>0</v>
      </c>
      <c r="DS6" s="256">
        <v>0</v>
      </c>
      <c r="DT6" s="250">
        <v>645</v>
      </c>
      <c r="DU6" s="254">
        <v>1284</v>
      </c>
      <c r="DV6" s="251">
        <v>1929</v>
      </c>
      <c r="DW6" s="253">
        <v>0</v>
      </c>
      <c r="DX6" s="254">
        <v>1678</v>
      </c>
      <c r="DY6" s="254">
        <v>2864</v>
      </c>
      <c r="DZ6" s="254">
        <v>1640</v>
      </c>
      <c r="EA6" s="254">
        <v>1290</v>
      </c>
      <c r="EB6" s="254">
        <v>800</v>
      </c>
      <c r="EC6" s="251">
        <v>8272</v>
      </c>
      <c r="ED6" s="256">
        <v>10201</v>
      </c>
      <c r="EE6" s="250">
        <v>193</v>
      </c>
      <c r="EF6" s="254">
        <v>157</v>
      </c>
      <c r="EG6" s="251">
        <v>350</v>
      </c>
      <c r="EH6" s="253">
        <v>0</v>
      </c>
      <c r="EI6" s="254">
        <v>635</v>
      </c>
      <c r="EJ6" s="254">
        <v>652</v>
      </c>
      <c r="EK6" s="254">
        <v>556</v>
      </c>
      <c r="EL6" s="254">
        <v>698</v>
      </c>
      <c r="EM6" s="254">
        <v>377</v>
      </c>
      <c r="EN6" s="251">
        <v>2918</v>
      </c>
      <c r="EO6" s="256">
        <v>3268</v>
      </c>
      <c r="EP6" s="250">
        <v>934</v>
      </c>
      <c r="EQ6" s="254">
        <v>1681</v>
      </c>
      <c r="ER6" s="251">
        <v>2615</v>
      </c>
      <c r="ES6" s="253">
        <v>0</v>
      </c>
      <c r="ET6" s="254">
        <v>3921</v>
      </c>
      <c r="EU6" s="254">
        <v>4022</v>
      </c>
      <c r="EV6" s="254">
        <v>2018</v>
      </c>
      <c r="EW6" s="254">
        <v>1422</v>
      </c>
      <c r="EX6" s="254">
        <v>832</v>
      </c>
      <c r="EY6" s="251">
        <v>12215</v>
      </c>
      <c r="EZ6" s="256">
        <v>14830</v>
      </c>
    </row>
    <row r="7" spans="2:156" ht="21" customHeight="1" x14ac:dyDescent="0.2">
      <c r="B7" s="471" t="s">
        <v>5</v>
      </c>
      <c r="C7" s="257">
        <v>0</v>
      </c>
      <c r="D7" s="261">
        <v>0</v>
      </c>
      <c r="E7" s="358">
        <v>0</v>
      </c>
      <c r="F7" s="260">
        <v>0</v>
      </c>
      <c r="G7" s="261">
        <v>463</v>
      </c>
      <c r="H7" s="261">
        <v>698</v>
      </c>
      <c r="I7" s="261">
        <v>305</v>
      </c>
      <c r="J7" s="261">
        <v>263</v>
      </c>
      <c r="K7" s="261">
        <v>194</v>
      </c>
      <c r="L7" s="262">
        <v>1923</v>
      </c>
      <c r="M7" s="263">
        <v>1923</v>
      </c>
      <c r="N7" s="257">
        <v>0</v>
      </c>
      <c r="O7" s="261">
        <v>2</v>
      </c>
      <c r="P7" s="258">
        <v>2</v>
      </c>
      <c r="Q7" s="260">
        <v>0</v>
      </c>
      <c r="R7" s="261">
        <v>5</v>
      </c>
      <c r="S7" s="261">
        <v>14</v>
      </c>
      <c r="T7" s="261">
        <v>20</v>
      </c>
      <c r="U7" s="261">
        <v>55</v>
      </c>
      <c r="V7" s="261">
        <v>106</v>
      </c>
      <c r="W7" s="258">
        <v>200</v>
      </c>
      <c r="X7" s="263">
        <v>202</v>
      </c>
      <c r="Y7" s="257">
        <v>121</v>
      </c>
      <c r="Z7" s="261">
        <v>246</v>
      </c>
      <c r="AA7" s="258">
        <v>367</v>
      </c>
      <c r="AB7" s="260">
        <v>0</v>
      </c>
      <c r="AC7" s="261">
        <v>349</v>
      </c>
      <c r="AD7" s="261">
        <v>668</v>
      </c>
      <c r="AE7" s="261">
        <v>351</v>
      </c>
      <c r="AF7" s="261">
        <v>296</v>
      </c>
      <c r="AG7" s="261">
        <v>194</v>
      </c>
      <c r="AH7" s="258">
        <v>1858</v>
      </c>
      <c r="AI7" s="263">
        <v>2225</v>
      </c>
      <c r="AJ7" s="257">
        <v>7</v>
      </c>
      <c r="AK7" s="261">
        <v>39</v>
      </c>
      <c r="AL7" s="258">
        <v>46</v>
      </c>
      <c r="AM7" s="260">
        <v>0</v>
      </c>
      <c r="AN7" s="261">
        <v>39</v>
      </c>
      <c r="AO7" s="261">
        <v>69</v>
      </c>
      <c r="AP7" s="261">
        <v>35</v>
      </c>
      <c r="AQ7" s="261">
        <v>39</v>
      </c>
      <c r="AR7" s="261">
        <v>17</v>
      </c>
      <c r="AS7" s="258">
        <v>199</v>
      </c>
      <c r="AT7" s="263">
        <v>245</v>
      </c>
      <c r="AU7" s="257">
        <v>136</v>
      </c>
      <c r="AV7" s="261">
        <v>193</v>
      </c>
      <c r="AW7" s="258">
        <v>329</v>
      </c>
      <c r="AX7" s="260">
        <v>0</v>
      </c>
      <c r="AY7" s="261">
        <v>513</v>
      </c>
      <c r="AZ7" s="261">
        <v>782</v>
      </c>
      <c r="BA7" s="261">
        <v>628</v>
      </c>
      <c r="BB7" s="261">
        <v>703</v>
      </c>
      <c r="BC7" s="261">
        <v>456</v>
      </c>
      <c r="BD7" s="262">
        <v>3082</v>
      </c>
      <c r="BE7" s="263">
        <v>3411</v>
      </c>
      <c r="BF7" s="257">
        <v>0</v>
      </c>
      <c r="BG7" s="261">
        <v>0</v>
      </c>
      <c r="BH7" s="258">
        <v>0</v>
      </c>
      <c r="BI7" s="260">
        <v>0</v>
      </c>
      <c r="BJ7" s="261">
        <v>469</v>
      </c>
      <c r="BK7" s="261">
        <v>528</v>
      </c>
      <c r="BL7" s="261">
        <v>248</v>
      </c>
      <c r="BM7" s="261">
        <v>117</v>
      </c>
      <c r="BN7" s="261">
        <v>66</v>
      </c>
      <c r="BO7" s="258">
        <v>1428</v>
      </c>
      <c r="BP7" s="263">
        <v>1428</v>
      </c>
      <c r="BQ7" s="257">
        <v>59</v>
      </c>
      <c r="BR7" s="261">
        <v>88</v>
      </c>
      <c r="BS7" s="258">
        <v>147</v>
      </c>
      <c r="BT7" s="260">
        <v>0</v>
      </c>
      <c r="BU7" s="261">
        <v>120</v>
      </c>
      <c r="BV7" s="261">
        <v>231</v>
      </c>
      <c r="BW7" s="261">
        <v>122</v>
      </c>
      <c r="BX7" s="261">
        <v>88</v>
      </c>
      <c r="BY7" s="261">
        <v>37</v>
      </c>
      <c r="BZ7" s="258">
        <v>598</v>
      </c>
      <c r="CA7" s="263">
        <v>745</v>
      </c>
      <c r="CB7" s="257">
        <v>1</v>
      </c>
      <c r="CC7" s="261">
        <v>4</v>
      </c>
      <c r="CD7" s="258">
        <v>5</v>
      </c>
      <c r="CE7" s="260">
        <v>0</v>
      </c>
      <c r="CF7" s="261">
        <v>41</v>
      </c>
      <c r="CG7" s="261">
        <v>86</v>
      </c>
      <c r="CH7" s="261">
        <v>101</v>
      </c>
      <c r="CI7" s="261">
        <v>65</v>
      </c>
      <c r="CJ7" s="261">
        <v>43</v>
      </c>
      <c r="CK7" s="258">
        <v>336</v>
      </c>
      <c r="CL7" s="263">
        <v>341</v>
      </c>
      <c r="CM7" s="257">
        <v>2</v>
      </c>
      <c r="CN7" s="261">
        <v>2</v>
      </c>
      <c r="CO7" s="258">
        <v>4</v>
      </c>
      <c r="CP7" s="260">
        <v>0</v>
      </c>
      <c r="CQ7" s="261">
        <v>18</v>
      </c>
      <c r="CR7" s="261">
        <v>29</v>
      </c>
      <c r="CS7" s="261">
        <v>30</v>
      </c>
      <c r="CT7" s="261">
        <v>33</v>
      </c>
      <c r="CU7" s="261">
        <v>17</v>
      </c>
      <c r="CV7" s="258">
        <v>127</v>
      </c>
      <c r="CW7" s="263">
        <v>131</v>
      </c>
      <c r="CX7" s="257">
        <v>0</v>
      </c>
      <c r="CY7" s="261">
        <v>0</v>
      </c>
      <c r="CZ7" s="258">
        <v>0</v>
      </c>
      <c r="DA7" s="260">
        <v>0</v>
      </c>
      <c r="DB7" s="261">
        <v>0</v>
      </c>
      <c r="DC7" s="261">
        <v>0</v>
      </c>
      <c r="DD7" s="261">
        <v>0</v>
      </c>
      <c r="DE7" s="261">
        <v>0</v>
      </c>
      <c r="DF7" s="261">
        <v>0</v>
      </c>
      <c r="DG7" s="258">
        <v>0</v>
      </c>
      <c r="DH7" s="263">
        <v>0</v>
      </c>
      <c r="DI7" s="257">
        <v>0</v>
      </c>
      <c r="DJ7" s="261">
        <v>0</v>
      </c>
      <c r="DK7" s="258">
        <v>0</v>
      </c>
      <c r="DL7" s="260">
        <v>0</v>
      </c>
      <c r="DM7" s="261">
        <v>0</v>
      </c>
      <c r="DN7" s="261">
        <v>0</v>
      </c>
      <c r="DO7" s="261">
        <v>0</v>
      </c>
      <c r="DP7" s="261">
        <v>0</v>
      </c>
      <c r="DQ7" s="261">
        <v>0</v>
      </c>
      <c r="DR7" s="258">
        <v>0</v>
      </c>
      <c r="DS7" s="263">
        <v>0</v>
      </c>
      <c r="DT7" s="257">
        <v>245</v>
      </c>
      <c r="DU7" s="261">
        <v>594</v>
      </c>
      <c r="DV7" s="258">
        <v>839</v>
      </c>
      <c r="DW7" s="260">
        <v>0</v>
      </c>
      <c r="DX7" s="261">
        <v>515</v>
      </c>
      <c r="DY7" s="261">
        <v>1358</v>
      </c>
      <c r="DZ7" s="261">
        <v>703</v>
      </c>
      <c r="EA7" s="261">
        <v>555</v>
      </c>
      <c r="EB7" s="261">
        <v>349</v>
      </c>
      <c r="EC7" s="258">
        <v>3480</v>
      </c>
      <c r="ED7" s="263">
        <v>4319</v>
      </c>
      <c r="EE7" s="257">
        <v>88</v>
      </c>
      <c r="EF7" s="261">
        <v>81</v>
      </c>
      <c r="EG7" s="258">
        <v>169</v>
      </c>
      <c r="EH7" s="260">
        <v>0</v>
      </c>
      <c r="EI7" s="261">
        <v>272</v>
      </c>
      <c r="EJ7" s="261">
        <v>343</v>
      </c>
      <c r="EK7" s="261">
        <v>267</v>
      </c>
      <c r="EL7" s="261">
        <v>329</v>
      </c>
      <c r="EM7" s="261">
        <v>166</v>
      </c>
      <c r="EN7" s="258">
        <v>1377</v>
      </c>
      <c r="EO7" s="263">
        <v>1546</v>
      </c>
      <c r="EP7" s="257">
        <v>395</v>
      </c>
      <c r="EQ7" s="261">
        <v>820</v>
      </c>
      <c r="ER7" s="258">
        <v>1215</v>
      </c>
      <c r="ES7" s="260">
        <v>0</v>
      </c>
      <c r="ET7" s="261">
        <v>1408</v>
      </c>
      <c r="EU7" s="261">
        <v>1936</v>
      </c>
      <c r="EV7" s="261">
        <v>882</v>
      </c>
      <c r="EW7" s="261">
        <v>617</v>
      </c>
      <c r="EX7" s="261">
        <v>372</v>
      </c>
      <c r="EY7" s="258">
        <v>5215</v>
      </c>
      <c r="EZ7" s="263">
        <v>6430</v>
      </c>
    </row>
    <row r="8" spans="2:156" ht="21" customHeight="1" x14ac:dyDescent="0.2">
      <c r="B8" s="472" t="s">
        <v>6</v>
      </c>
      <c r="C8" s="257">
        <v>0</v>
      </c>
      <c r="D8" s="261">
        <v>0</v>
      </c>
      <c r="E8" s="358">
        <v>0</v>
      </c>
      <c r="F8" s="260">
        <v>0</v>
      </c>
      <c r="G8" s="261">
        <v>226</v>
      </c>
      <c r="H8" s="261">
        <v>176</v>
      </c>
      <c r="I8" s="261">
        <v>101</v>
      </c>
      <c r="J8" s="261">
        <v>94</v>
      </c>
      <c r="K8" s="261">
        <v>74</v>
      </c>
      <c r="L8" s="262">
        <v>671</v>
      </c>
      <c r="M8" s="263">
        <v>671</v>
      </c>
      <c r="N8" s="257">
        <v>0</v>
      </c>
      <c r="O8" s="261">
        <v>1</v>
      </c>
      <c r="P8" s="258">
        <v>1</v>
      </c>
      <c r="Q8" s="260">
        <v>0</v>
      </c>
      <c r="R8" s="261">
        <v>5</v>
      </c>
      <c r="S8" s="261">
        <v>8</v>
      </c>
      <c r="T8" s="261">
        <v>7</v>
      </c>
      <c r="U8" s="261">
        <v>22</v>
      </c>
      <c r="V8" s="261">
        <v>33</v>
      </c>
      <c r="W8" s="258">
        <v>75</v>
      </c>
      <c r="X8" s="263">
        <v>76</v>
      </c>
      <c r="Y8" s="257">
        <v>35</v>
      </c>
      <c r="Z8" s="261">
        <v>80</v>
      </c>
      <c r="AA8" s="258">
        <v>115</v>
      </c>
      <c r="AB8" s="260">
        <v>0</v>
      </c>
      <c r="AC8" s="261">
        <v>209</v>
      </c>
      <c r="AD8" s="261">
        <v>194</v>
      </c>
      <c r="AE8" s="261">
        <v>135</v>
      </c>
      <c r="AF8" s="261">
        <v>100</v>
      </c>
      <c r="AG8" s="261">
        <v>66</v>
      </c>
      <c r="AH8" s="258">
        <v>704</v>
      </c>
      <c r="AI8" s="263">
        <v>819</v>
      </c>
      <c r="AJ8" s="257">
        <v>2</v>
      </c>
      <c r="AK8" s="261">
        <v>1</v>
      </c>
      <c r="AL8" s="258">
        <v>3</v>
      </c>
      <c r="AM8" s="260">
        <v>0</v>
      </c>
      <c r="AN8" s="261">
        <v>16</v>
      </c>
      <c r="AO8" s="261">
        <v>19</v>
      </c>
      <c r="AP8" s="261">
        <v>16</v>
      </c>
      <c r="AQ8" s="261">
        <v>11</v>
      </c>
      <c r="AR8" s="261">
        <v>8</v>
      </c>
      <c r="AS8" s="258">
        <v>70</v>
      </c>
      <c r="AT8" s="263">
        <v>73</v>
      </c>
      <c r="AU8" s="257">
        <v>42</v>
      </c>
      <c r="AV8" s="261">
        <v>61</v>
      </c>
      <c r="AW8" s="258">
        <v>103</v>
      </c>
      <c r="AX8" s="260">
        <v>0</v>
      </c>
      <c r="AY8" s="261">
        <v>251</v>
      </c>
      <c r="AZ8" s="261">
        <v>284</v>
      </c>
      <c r="BA8" s="261">
        <v>249</v>
      </c>
      <c r="BB8" s="261">
        <v>258</v>
      </c>
      <c r="BC8" s="261">
        <v>195</v>
      </c>
      <c r="BD8" s="262">
        <v>1237</v>
      </c>
      <c r="BE8" s="263">
        <v>1340</v>
      </c>
      <c r="BF8" s="257">
        <v>0</v>
      </c>
      <c r="BG8" s="261">
        <v>0</v>
      </c>
      <c r="BH8" s="258">
        <v>0</v>
      </c>
      <c r="BI8" s="260">
        <v>0</v>
      </c>
      <c r="BJ8" s="261">
        <v>270</v>
      </c>
      <c r="BK8" s="261">
        <v>192</v>
      </c>
      <c r="BL8" s="261">
        <v>103</v>
      </c>
      <c r="BM8" s="261">
        <v>56</v>
      </c>
      <c r="BN8" s="261">
        <v>26</v>
      </c>
      <c r="BO8" s="258">
        <v>647</v>
      </c>
      <c r="BP8" s="263">
        <v>647</v>
      </c>
      <c r="BQ8" s="257">
        <v>11</v>
      </c>
      <c r="BR8" s="261">
        <v>15</v>
      </c>
      <c r="BS8" s="258">
        <v>26</v>
      </c>
      <c r="BT8" s="260">
        <v>0</v>
      </c>
      <c r="BU8" s="261">
        <v>52</v>
      </c>
      <c r="BV8" s="261">
        <v>60</v>
      </c>
      <c r="BW8" s="261">
        <v>34</v>
      </c>
      <c r="BX8" s="261">
        <v>32</v>
      </c>
      <c r="BY8" s="261">
        <v>10</v>
      </c>
      <c r="BZ8" s="258">
        <v>188</v>
      </c>
      <c r="CA8" s="263">
        <v>214</v>
      </c>
      <c r="CB8" s="257">
        <v>0</v>
      </c>
      <c r="CC8" s="261">
        <v>3</v>
      </c>
      <c r="CD8" s="258">
        <v>3</v>
      </c>
      <c r="CE8" s="260">
        <v>0</v>
      </c>
      <c r="CF8" s="261">
        <v>23</v>
      </c>
      <c r="CG8" s="261">
        <v>28</v>
      </c>
      <c r="CH8" s="261">
        <v>48</v>
      </c>
      <c r="CI8" s="261">
        <v>25</v>
      </c>
      <c r="CJ8" s="261">
        <v>10</v>
      </c>
      <c r="CK8" s="258">
        <v>134</v>
      </c>
      <c r="CL8" s="263">
        <v>137</v>
      </c>
      <c r="CM8" s="257">
        <v>0</v>
      </c>
      <c r="CN8" s="261">
        <v>0</v>
      </c>
      <c r="CO8" s="258">
        <v>0</v>
      </c>
      <c r="CP8" s="260">
        <v>0</v>
      </c>
      <c r="CQ8" s="261">
        <v>5</v>
      </c>
      <c r="CR8" s="261">
        <v>10</v>
      </c>
      <c r="CS8" s="261">
        <v>4</v>
      </c>
      <c r="CT8" s="261">
        <v>9</v>
      </c>
      <c r="CU8" s="261">
        <v>5</v>
      </c>
      <c r="CV8" s="258">
        <v>33</v>
      </c>
      <c r="CW8" s="263">
        <v>33</v>
      </c>
      <c r="CX8" s="257">
        <v>0</v>
      </c>
      <c r="CY8" s="261">
        <v>0</v>
      </c>
      <c r="CZ8" s="258">
        <v>0</v>
      </c>
      <c r="DA8" s="260">
        <v>0</v>
      </c>
      <c r="DB8" s="261">
        <v>0</v>
      </c>
      <c r="DC8" s="261">
        <v>0</v>
      </c>
      <c r="DD8" s="261">
        <v>0</v>
      </c>
      <c r="DE8" s="261">
        <v>0</v>
      </c>
      <c r="DF8" s="261">
        <v>0</v>
      </c>
      <c r="DG8" s="258">
        <v>0</v>
      </c>
      <c r="DH8" s="263">
        <v>0</v>
      </c>
      <c r="DI8" s="257">
        <v>0</v>
      </c>
      <c r="DJ8" s="261">
        <v>0</v>
      </c>
      <c r="DK8" s="258">
        <v>0</v>
      </c>
      <c r="DL8" s="260">
        <v>0</v>
      </c>
      <c r="DM8" s="261">
        <v>0</v>
      </c>
      <c r="DN8" s="261">
        <v>0</v>
      </c>
      <c r="DO8" s="261">
        <v>0</v>
      </c>
      <c r="DP8" s="261">
        <v>0</v>
      </c>
      <c r="DQ8" s="261">
        <v>0</v>
      </c>
      <c r="DR8" s="258">
        <v>0</v>
      </c>
      <c r="DS8" s="263">
        <v>0</v>
      </c>
      <c r="DT8" s="257">
        <v>115</v>
      </c>
      <c r="DU8" s="261">
        <v>187</v>
      </c>
      <c r="DV8" s="258">
        <v>302</v>
      </c>
      <c r="DW8" s="260">
        <v>0</v>
      </c>
      <c r="DX8" s="261">
        <v>331</v>
      </c>
      <c r="DY8" s="261">
        <v>425</v>
      </c>
      <c r="DZ8" s="261">
        <v>273</v>
      </c>
      <c r="EA8" s="261">
        <v>212</v>
      </c>
      <c r="EB8" s="261">
        <v>129</v>
      </c>
      <c r="EC8" s="258">
        <v>1370</v>
      </c>
      <c r="ED8" s="263">
        <v>1672</v>
      </c>
      <c r="EE8" s="257">
        <v>26</v>
      </c>
      <c r="EF8" s="261">
        <v>20</v>
      </c>
      <c r="EG8" s="258">
        <v>46</v>
      </c>
      <c r="EH8" s="260">
        <v>0</v>
      </c>
      <c r="EI8" s="261">
        <v>116</v>
      </c>
      <c r="EJ8" s="261">
        <v>95</v>
      </c>
      <c r="EK8" s="261">
        <v>91</v>
      </c>
      <c r="EL8" s="261">
        <v>110</v>
      </c>
      <c r="EM8" s="261">
        <v>71</v>
      </c>
      <c r="EN8" s="258">
        <v>483</v>
      </c>
      <c r="EO8" s="263">
        <v>529</v>
      </c>
      <c r="EP8" s="257">
        <v>145</v>
      </c>
      <c r="EQ8" s="261">
        <v>238</v>
      </c>
      <c r="ER8" s="258">
        <v>383</v>
      </c>
      <c r="ES8" s="260">
        <v>0</v>
      </c>
      <c r="ET8" s="261">
        <v>723</v>
      </c>
      <c r="EU8" s="261">
        <v>594</v>
      </c>
      <c r="EV8" s="261">
        <v>336</v>
      </c>
      <c r="EW8" s="261">
        <v>232</v>
      </c>
      <c r="EX8" s="261">
        <v>135</v>
      </c>
      <c r="EY8" s="258">
        <v>2020</v>
      </c>
      <c r="EZ8" s="263">
        <v>2403</v>
      </c>
    </row>
    <row r="9" spans="2:156" ht="21" customHeight="1" x14ac:dyDescent="0.2">
      <c r="B9" s="472" t="s">
        <v>14</v>
      </c>
      <c r="C9" s="257">
        <v>0</v>
      </c>
      <c r="D9" s="261">
        <v>0</v>
      </c>
      <c r="E9" s="358">
        <v>0</v>
      </c>
      <c r="F9" s="260">
        <v>0</v>
      </c>
      <c r="G9" s="261">
        <v>51</v>
      </c>
      <c r="H9" s="261">
        <v>69</v>
      </c>
      <c r="I9" s="261">
        <v>50</v>
      </c>
      <c r="J9" s="261">
        <v>37</v>
      </c>
      <c r="K9" s="261">
        <v>24</v>
      </c>
      <c r="L9" s="262">
        <v>231</v>
      </c>
      <c r="M9" s="263">
        <v>231</v>
      </c>
      <c r="N9" s="257">
        <v>0</v>
      </c>
      <c r="O9" s="261">
        <v>0</v>
      </c>
      <c r="P9" s="258">
        <v>0</v>
      </c>
      <c r="Q9" s="260">
        <v>0</v>
      </c>
      <c r="R9" s="261">
        <v>0</v>
      </c>
      <c r="S9" s="261">
        <v>6</v>
      </c>
      <c r="T9" s="261">
        <v>2</v>
      </c>
      <c r="U9" s="261">
        <v>14</v>
      </c>
      <c r="V9" s="261">
        <v>11</v>
      </c>
      <c r="W9" s="258">
        <v>33</v>
      </c>
      <c r="X9" s="263">
        <v>33</v>
      </c>
      <c r="Y9" s="257">
        <v>4</v>
      </c>
      <c r="Z9" s="261">
        <v>28</v>
      </c>
      <c r="AA9" s="258">
        <v>32</v>
      </c>
      <c r="AB9" s="260">
        <v>0</v>
      </c>
      <c r="AC9" s="261">
        <v>34</v>
      </c>
      <c r="AD9" s="261">
        <v>75</v>
      </c>
      <c r="AE9" s="261">
        <v>46</v>
      </c>
      <c r="AF9" s="261">
        <v>40</v>
      </c>
      <c r="AG9" s="261">
        <v>33</v>
      </c>
      <c r="AH9" s="258">
        <v>228</v>
      </c>
      <c r="AI9" s="263">
        <v>260</v>
      </c>
      <c r="AJ9" s="257">
        <v>0</v>
      </c>
      <c r="AK9" s="261">
        <v>4</v>
      </c>
      <c r="AL9" s="258">
        <v>4</v>
      </c>
      <c r="AM9" s="260">
        <v>0</v>
      </c>
      <c r="AN9" s="261">
        <v>3</v>
      </c>
      <c r="AO9" s="261">
        <v>7</v>
      </c>
      <c r="AP9" s="261">
        <v>5</v>
      </c>
      <c r="AQ9" s="261">
        <v>2</v>
      </c>
      <c r="AR9" s="261">
        <v>1</v>
      </c>
      <c r="AS9" s="258">
        <v>18</v>
      </c>
      <c r="AT9" s="263">
        <v>22</v>
      </c>
      <c r="AU9" s="257">
        <v>14</v>
      </c>
      <c r="AV9" s="261">
        <v>19</v>
      </c>
      <c r="AW9" s="258">
        <v>33</v>
      </c>
      <c r="AX9" s="260">
        <v>0</v>
      </c>
      <c r="AY9" s="261">
        <v>64</v>
      </c>
      <c r="AZ9" s="261">
        <v>86</v>
      </c>
      <c r="BA9" s="261">
        <v>86</v>
      </c>
      <c r="BB9" s="261">
        <v>82</v>
      </c>
      <c r="BC9" s="261">
        <v>65</v>
      </c>
      <c r="BD9" s="262">
        <v>383</v>
      </c>
      <c r="BE9" s="263">
        <v>416</v>
      </c>
      <c r="BF9" s="257">
        <v>0</v>
      </c>
      <c r="BG9" s="261">
        <v>0</v>
      </c>
      <c r="BH9" s="258">
        <v>0</v>
      </c>
      <c r="BI9" s="260">
        <v>0</v>
      </c>
      <c r="BJ9" s="261">
        <v>102</v>
      </c>
      <c r="BK9" s="261">
        <v>86</v>
      </c>
      <c r="BL9" s="261">
        <v>72</v>
      </c>
      <c r="BM9" s="261">
        <v>26</v>
      </c>
      <c r="BN9" s="261">
        <v>14</v>
      </c>
      <c r="BO9" s="258">
        <v>300</v>
      </c>
      <c r="BP9" s="263">
        <v>300</v>
      </c>
      <c r="BQ9" s="257">
        <v>4</v>
      </c>
      <c r="BR9" s="261">
        <v>4</v>
      </c>
      <c r="BS9" s="258">
        <v>8</v>
      </c>
      <c r="BT9" s="260">
        <v>0</v>
      </c>
      <c r="BU9" s="261">
        <v>9</v>
      </c>
      <c r="BV9" s="261">
        <v>22</v>
      </c>
      <c r="BW9" s="261">
        <v>13</v>
      </c>
      <c r="BX9" s="261">
        <v>9</v>
      </c>
      <c r="BY9" s="261">
        <v>0</v>
      </c>
      <c r="BZ9" s="258">
        <v>53</v>
      </c>
      <c r="CA9" s="263">
        <v>61</v>
      </c>
      <c r="CB9" s="257">
        <v>0</v>
      </c>
      <c r="CC9" s="261">
        <v>2</v>
      </c>
      <c r="CD9" s="258">
        <v>2</v>
      </c>
      <c r="CE9" s="260">
        <v>0</v>
      </c>
      <c r="CF9" s="261">
        <v>13</v>
      </c>
      <c r="CG9" s="261">
        <v>16</v>
      </c>
      <c r="CH9" s="261">
        <v>17</v>
      </c>
      <c r="CI9" s="261">
        <v>16</v>
      </c>
      <c r="CJ9" s="261">
        <v>12</v>
      </c>
      <c r="CK9" s="258">
        <v>74</v>
      </c>
      <c r="CL9" s="263">
        <v>76</v>
      </c>
      <c r="CM9" s="257">
        <v>0</v>
      </c>
      <c r="CN9" s="261">
        <v>0</v>
      </c>
      <c r="CO9" s="258">
        <v>0</v>
      </c>
      <c r="CP9" s="260">
        <v>0</v>
      </c>
      <c r="CQ9" s="261">
        <v>0</v>
      </c>
      <c r="CR9" s="261">
        <v>1</v>
      </c>
      <c r="CS9" s="261">
        <v>1</v>
      </c>
      <c r="CT9" s="261">
        <v>0</v>
      </c>
      <c r="CU9" s="261">
        <v>0</v>
      </c>
      <c r="CV9" s="258">
        <v>2</v>
      </c>
      <c r="CW9" s="263">
        <v>2</v>
      </c>
      <c r="CX9" s="257">
        <v>0</v>
      </c>
      <c r="CY9" s="261">
        <v>0</v>
      </c>
      <c r="CZ9" s="258">
        <v>0</v>
      </c>
      <c r="DA9" s="260">
        <v>0</v>
      </c>
      <c r="DB9" s="261">
        <v>0</v>
      </c>
      <c r="DC9" s="261">
        <v>0</v>
      </c>
      <c r="DD9" s="261">
        <v>0</v>
      </c>
      <c r="DE9" s="261">
        <v>0</v>
      </c>
      <c r="DF9" s="261">
        <v>0</v>
      </c>
      <c r="DG9" s="258">
        <v>0</v>
      </c>
      <c r="DH9" s="263">
        <v>0</v>
      </c>
      <c r="DI9" s="257">
        <v>0</v>
      </c>
      <c r="DJ9" s="261">
        <v>0</v>
      </c>
      <c r="DK9" s="258">
        <v>0</v>
      </c>
      <c r="DL9" s="260">
        <v>0</v>
      </c>
      <c r="DM9" s="261">
        <v>0</v>
      </c>
      <c r="DN9" s="261">
        <v>0</v>
      </c>
      <c r="DO9" s="261">
        <v>0</v>
      </c>
      <c r="DP9" s="261">
        <v>0</v>
      </c>
      <c r="DQ9" s="261">
        <v>0</v>
      </c>
      <c r="DR9" s="258">
        <v>0</v>
      </c>
      <c r="DS9" s="263">
        <v>0</v>
      </c>
      <c r="DT9" s="257">
        <v>36</v>
      </c>
      <c r="DU9" s="261">
        <v>90</v>
      </c>
      <c r="DV9" s="258">
        <v>126</v>
      </c>
      <c r="DW9" s="260">
        <v>0</v>
      </c>
      <c r="DX9" s="261">
        <v>79</v>
      </c>
      <c r="DY9" s="261">
        <v>194</v>
      </c>
      <c r="DZ9" s="261">
        <v>134</v>
      </c>
      <c r="EA9" s="261">
        <v>78</v>
      </c>
      <c r="EB9" s="261">
        <v>49</v>
      </c>
      <c r="EC9" s="258">
        <v>534</v>
      </c>
      <c r="ED9" s="263">
        <v>660</v>
      </c>
      <c r="EE9" s="257">
        <v>8</v>
      </c>
      <c r="EF9" s="261">
        <v>11</v>
      </c>
      <c r="EG9" s="258">
        <v>19</v>
      </c>
      <c r="EH9" s="260">
        <v>0</v>
      </c>
      <c r="EI9" s="261">
        <v>31</v>
      </c>
      <c r="EJ9" s="261">
        <v>29</v>
      </c>
      <c r="EK9" s="261">
        <v>28</v>
      </c>
      <c r="EL9" s="261">
        <v>29</v>
      </c>
      <c r="EM9" s="261">
        <v>17</v>
      </c>
      <c r="EN9" s="258">
        <v>134</v>
      </c>
      <c r="EO9" s="263">
        <v>153</v>
      </c>
      <c r="EP9" s="257">
        <v>42</v>
      </c>
      <c r="EQ9" s="261">
        <v>109</v>
      </c>
      <c r="ER9" s="258">
        <v>151</v>
      </c>
      <c r="ES9" s="260">
        <v>0</v>
      </c>
      <c r="ET9" s="261">
        <v>206</v>
      </c>
      <c r="EU9" s="261">
        <v>273</v>
      </c>
      <c r="EV9" s="261">
        <v>154</v>
      </c>
      <c r="EW9" s="261">
        <v>84</v>
      </c>
      <c r="EX9" s="261">
        <v>51</v>
      </c>
      <c r="EY9" s="258">
        <v>768</v>
      </c>
      <c r="EZ9" s="263">
        <v>919</v>
      </c>
    </row>
    <row r="10" spans="2:156" ht="21" customHeight="1" x14ac:dyDescent="0.2">
      <c r="B10" s="472" t="s">
        <v>7</v>
      </c>
      <c r="C10" s="257">
        <v>0</v>
      </c>
      <c r="D10" s="261">
        <v>0</v>
      </c>
      <c r="E10" s="358">
        <v>0</v>
      </c>
      <c r="F10" s="260">
        <v>0</v>
      </c>
      <c r="G10" s="261">
        <v>54</v>
      </c>
      <c r="H10" s="261">
        <v>30</v>
      </c>
      <c r="I10" s="261">
        <v>22</v>
      </c>
      <c r="J10" s="261">
        <v>19</v>
      </c>
      <c r="K10" s="261">
        <v>15</v>
      </c>
      <c r="L10" s="262">
        <v>140</v>
      </c>
      <c r="M10" s="263">
        <v>140</v>
      </c>
      <c r="N10" s="257">
        <v>0</v>
      </c>
      <c r="O10" s="261">
        <v>0</v>
      </c>
      <c r="P10" s="258">
        <v>0</v>
      </c>
      <c r="Q10" s="260">
        <v>0</v>
      </c>
      <c r="R10" s="261">
        <v>1</v>
      </c>
      <c r="S10" s="261">
        <v>2</v>
      </c>
      <c r="T10" s="261">
        <v>2</v>
      </c>
      <c r="U10" s="261">
        <v>4</v>
      </c>
      <c r="V10" s="261">
        <v>9</v>
      </c>
      <c r="W10" s="258">
        <v>18</v>
      </c>
      <c r="X10" s="263">
        <v>18</v>
      </c>
      <c r="Y10" s="257">
        <v>0</v>
      </c>
      <c r="Z10" s="261">
        <v>0</v>
      </c>
      <c r="AA10" s="258">
        <v>0</v>
      </c>
      <c r="AB10" s="260">
        <v>0</v>
      </c>
      <c r="AC10" s="261">
        <v>38</v>
      </c>
      <c r="AD10" s="261">
        <v>27</v>
      </c>
      <c r="AE10" s="261">
        <v>16</v>
      </c>
      <c r="AF10" s="261">
        <v>21</v>
      </c>
      <c r="AG10" s="261">
        <v>12</v>
      </c>
      <c r="AH10" s="258">
        <v>114</v>
      </c>
      <c r="AI10" s="263">
        <v>114</v>
      </c>
      <c r="AJ10" s="257">
        <v>1</v>
      </c>
      <c r="AK10" s="261">
        <v>0</v>
      </c>
      <c r="AL10" s="258">
        <v>1</v>
      </c>
      <c r="AM10" s="260">
        <v>0</v>
      </c>
      <c r="AN10" s="261">
        <v>5</v>
      </c>
      <c r="AO10" s="261">
        <v>5</v>
      </c>
      <c r="AP10" s="261">
        <v>1</v>
      </c>
      <c r="AQ10" s="261">
        <v>3</v>
      </c>
      <c r="AR10" s="261">
        <v>0</v>
      </c>
      <c r="AS10" s="258">
        <v>14</v>
      </c>
      <c r="AT10" s="263">
        <v>15</v>
      </c>
      <c r="AU10" s="257">
        <v>11</v>
      </c>
      <c r="AV10" s="261">
        <v>5</v>
      </c>
      <c r="AW10" s="258">
        <v>16</v>
      </c>
      <c r="AX10" s="260">
        <v>0</v>
      </c>
      <c r="AY10" s="261">
        <v>65</v>
      </c>
      <c r="AZ10" s="261">
        <v>44</v>
      </c>
      <c r="BA10" s="261">
        <v>43</v>
      </c>
      <c r="BB10" s="261">
        <v>51</v>
      </c>
      <c r="BC10" s="261">
        <v>24</v>
      </c>
      <c r="BD10" s="262">
        <v>227</v>
      </c>
      <c r="BE10" s="263">
        <v>243</v>
      </c>
      <c r="BF10" s="257">
        <v>0</v>
      </c>
      <c r="BG10" s="261">
        <v>0</v>
      </c>
      <c r="BH10" s="258">
        <v>0</v>
      </c>
      <c r="BI10" s="260">
        <v>0</v>
      </c>
      <c r="BJ10" s="261">
        <v>76</v>
      </c>
      <c r="BK10" s="261">
        <v>36</v>
      </c>
      <c r="BL10" s="261">
        <v>24</v>
      </c>
      <c r="BM10" s="261">
        <v>11</v>
      </c>
      <c r="BN10" s="261">
        <v>4</v>
      </c>
      <c r="BO10" s="258">
        <v>151</v>
      </c>
      <c r="BP10" s="263">
        <v>151</v>
      </c>
      <c r="BQ10" s="257">
        <v>2</v>
      </c>
      <c r="BR10" s="261">
        <v>3</v>
      </c>
      <c r="BS10" s="258">
        <v>5</v>
      </c>
      <c r="BT10" s="260">
        <v>0</v>
      </c>
      <c r="BU10" s="261">
        <v>15</v>
      </c>
      <c r="BV10" s="261">
        <v>7</v>
      </c>
      <c r="BW10" s="261">
        <v>8</v>
      </c>
      <c r="BX10" s="261">
        <v>8</v>
      </c>
      <c r="BY10" s="261">
        <v>2</v>
      </c>
      <c r="BZ10" s="258">
        <v>40</v>
      </c>
      <c r="CA10" s="263">
        <v>45</v>
      </c>
      <c r="CB10" s="257">
        <v>0</v>
      </c>
      <c r="CC10" s="261">
        <v>0</v>
      </c>
      <c r="CD10" s="258">
        <v>0</v>
      </c>
      <c r="CE10" s="260">
        <v>0</v>
      </c>
      <c r="CF10" s="261">
        <v>12</v>
      </c>
      <c r="CG10" s="261">
        <v>14</v>
      </c>
      <c r="CH10" s="261">
        <v>6</v>
      </c>
      <c r="CI10" s="261">
        <v>6</v>
      </c>
      <c r="CJ10" s="261">
        <v>4</v>
      </c>
      <c r="CK10" s="258">
        <v>42</v>
      </c>
      <c r="CL10" s="263">
        <v>42</v>
      </c>
      <c r="CM10" s="257">
        <v>0</v>
      </c>
      <c r="CN10" s="261">
        <v>0</v>
      </c>
      <c r="CO10" s="258">
        <v>0</v>
      </c>
      <c r="CP10" s="260">
        <v>0</v>
      </c>
      <c r="CQ10" s="261">
        <v>1</v>
      </c>
      <c r="CR10" s="261">
        <v>0</v>
      </c>
      <c r="CS10" s="261">
        <v>0</v>
      </c>
      <c r="CT10" s="261">
        <v>0</v>
      </c>
      <c r="CU10" s="261">
        <v>0</v>
      </c>
      <c r="CV10" s="258">
        <v>1</v>
      </c>
      <c r="CW10" s="263">
        <v>1</v>
      </c>
      <c r="CX10" s="257">
        <v>0</v>
      </c>
      <c r="CY10" s="261">
        <v>0</v>
      </c>
      <c r="CZ10" s="258">
        <v>0</v>
      </c>
      <c r="DA10" s="260">
        <v>0</v>
      </c>
      <c r="DB10" s="261">
        <v>0</v>
      </c>
      <c r="DC10" s="261">
        <v>0</v>
      </c>
      <c r="DD10" s="261">
        <v>0</v>
      </c>
      <c r="DE10" s="261">
        <v>0</v>
      </c>
      <c r="DF10" s="261">
        <v>0</v>
      </c>
      <c r="DG10" s="258">
        <v>0</v>
      </c>
      <c r="DH10" s="263">
        <v>0</v>
      </c>
      <c r="DI10" s="257">
        <v>0</v>
      </c>
      <c r="DJ10" s="261">
        <v>0</v>
      </c>
      <c r="DK10" s="258">
        <v>0</v>
      </c>
      <c r="DL10" s="260">
        <v>0</v>
      </c>
      <c r="DM10" s="261">
        <v>0</v>
      </c>
      <c r="DN10" s="261">
        <v>0</v>
      </c>
      <c r="DO10" s="261">
        <v>0</v>
      </c>
      <c r="DP10" s="261">
        <v>0</v>
      </c>
      <c r="DQ10" s="261">
        <v>0</v>
      </c>
      <c r="DR10" s="258">
        <v>0</v>
      </c>
      <c r="DS10" s="263">
        <v>0</v>
      </c>
      <c r="DT10" s="257">
        <v>13</v>
      </c>
      <c r="DU10" s="261">
        <v>26</v>
      </c>
      <c r="DV10" s="258">
        <v>39</v>
      </c>
      <c r="DW10" s="260">
        <v>0</v>
      </c>
      <c r="DX10" s="261">
        <v>87</v>
      </c>
      <c r="DY10" s="261">
        <v>94</v>
      </c>
      <c r="DZ10" s="261">
        <v>52</v>
      </c>
      <c r="EA10" s="261">
        <v>43</v>
      </c>
      <c r="EB10" s="261">
        <v>21</v>
      </c>
      <c r="EC10" s="258">
        <v>297</v>
      </c>
      <c r="ED10" s="263">
        <v>336</v>
      </c>
      <c r="EE10" s="257">
        <v>9</v>
      </c>
      <c r="EF10" s="261">
        <v>3</v>
      </c>
      <c r="EG10" s="258">
        <v>12</v>
      </c>
      <c r="EH10" s="260">
        <v>0</v>
      </c>
      <c r="EI10" s="261">
        <v>29</v>
      </c>
      <c r="EJ10" s="261">
        <v>23</v>
      </c>
      <c r="EK10" s="261">
        <v>18</v>
      </c>
      <c r="EL10" s="261">
        <v>29</v>
      </c>
      <c r="EM10" s="261">
        <v>10</v>
      </c>
      <c r="EN10" s="258">
        <v>109</v>
      </c>
      <c r="EO10" s="263">
        <v>121</v>
      </c>
      <c r="EP10" s="257">
        <v>17</v>
      </c>
      <c r="EQ10" s="261">
        <v>28</v>
      </c>
      <c r="ER10" s="258">
        <v>45</v>
      </c>
      <c r="ES10" s="260">
        <v>0</v>
      </c>
      <c r="ET10" s="261">
        <v>191</v>
      </c>
      <c r="EU10" s="261">
        <v>130</v>
      </c>
      <c r="EV10" s="261">
        <v>65</v>
      </c>
      <c r="EW10" s="261">
        <v>46</v>
      </c>
      <c r="EX10" s="261">
        <v>22</v>
      </c>
      <c r="EY10" s="258">
        <v>454</v>
      </c>
      <c r="EZ10" s="263">
        <v>499</v>
      </c>
    </row>
    <row r="11" spans="2:156" ht="21" customHeight="1" x14ac:dyDescent="0.2">
      <c r="B11" s="472" t="s">
        <v>8</v>
      </c>
      <c r="C11" s="257">
        <v>0</v>
      </c>
      <c r="D11" s="261">
        <v>0</v>
      </c>
      <c r="E11" s="358">
        <v>0</v>
      </c>
      <c r="F11" s="260">
        <v>0</v>
      </c>
      <c r="G11" s="261">
        <v>26</v>
      </c>
      <c r="H11" s="261">
        <v>19</v>
      </c>
      <c r="I11" s="261">
        <v>16</v>
      </c>
      <c r="J11" s="261">
        <v>9</v>
      </c>
      <c r="K11" s="261">
        <v>7</v>
      </c>
      <c r="L11" s="262">
        <v>77</v>
      </c>
      <c r="M11" s="263">
        <v>77</v>
      </c>
      <c r="N11" s="257">
        <v>0</v>
      </c>
      <c r="O11" s="261">
        <v>0</v>
      </c>
      <c r="P11" s="258">
        <v>0</v>
      </c>
      <c r="Q11" s="260">
        <v>0</v>
      </c>
      <c r="R11" s="261">
        <v>0</v>
      </c>
      <c r="S11" s="261">
        <v>0</v>
      </c>
      <c r="T11" s="261">
        <v>1</v>
      </c>
      <c r="U11" s="261">
        <v>3</v>
      </c>
      <c r="V11" s="261">
        <v>2</v>
      </c>
      <c r="W11" s="258">
        <v>6</v>
      </c>
      <c r="X11" s="263">
        <v>6</v>
      </c>
      <c r="Y11" s="257">
        <v>5</v>
      </c>
      <c r="Z11" s="261">
        <v>5</v>
      </c>
      <c r="AA11" s="258">
        <v>10</v>
      </c>
      <c r="AB11" s="260">
        <v>0</v>
      </c>
      <c r="AC11" s="261">
        <v>20</v>
      </c>
      <c r="AD11" s="261">
        <v>17</v>
      </c>
      <c r="AE11" s="261">
        <v>10</v>
      </c>
      <c r="AF11" s="261">
        <v>16</v>
      </c>
      <c r="AG11" s="261">
        <v>10</v>
      </c>
      <c r="AH11" s="258">
        <v>73</v>
      </c>
      <c r="AI11" s="263">
        <v>83</v>
      </c>
      <c r="AJ11" s="257">
        <v>0</v>
      </c>
      <c r="AK11" s="261">
        <v>1</v>
      </c>
      <c r="AL11" s="258">
        <v>1</v>
      </c>
      <c r="AM11" s="260">
        <v>0</v>
      </c>
      <c r="AN11" s="261">
        <v>4</v>
      </c>
      <c r="AO11" s="261">
        <v>9</v>
      </c>
      <c r="AP11" s="261">
        <v>4</v>
      </c>
      <c r="AQ11" s="261">
        <v>3</v>
      </c>
      <c r="AR11" s="261">
        <v>1</v>
      </c>
      <c r="AS11" s="258">
        <v>21</v>
      </c>
      <c r="AT11" s="263">
        <v>22</v>
      </c>
      <c r="AU11" s="257">
        <v>4</v>
      </c>
      <c r="AV11" s="261">
        <v>4</v>
      </c>
      <c r="AW11" s="258">
        <v>8</v>
      </c>
      <c r="AX11" s="260">
        <v>0</v>
      </c>
      <c r="AY11" s="261">
        <v>21</v>
      </c>
      <c r="AZ11" s="261">
        <v>20</v>
      </c>
      <c r="BA11" s="261">
        <v>17</v>
      </c>
      <c r="BB11" s="261">
        <v>33</v>
      </c>
      <c r="BC11" s="261">
        <v>15</v>
      </c>
      <c r="BD11" s="262">
        <v>106</v>
      </c>
      <c r="BE11" s="263">
        <v>114</v>
      </c>
      <c r="BF11" s="257">
        <v>0</v>
      </c>
      <c r="BG11" s="261">
        <v>0</v>
      </c>
      <c r="BH11" s="258">
        <v>0</v>
      </c>
      <c r="BI11" s="260">
        <v>0</v>
      </c>
      <c r="BJ11" s="261">
        <v>28</v>
      </c>
      <c r="BK11" s="261">
        <v>25</v>
      </c>
      <c r="BL11" s="261">
        <v>10</v>
      </c>
      <c r="BM11" s="261">
        <v>11</v>
      </c>
      <c r="BN11" s="261">
        <v>4</v>
      </c>
      <c r="BO11" s="258">
        <v>78</v>
      </c>
      <c r="BP11" s="263">
        <v>78</v>
      </c>
      <c r="BQ11" s="257">
        <v>1</v>
      </c>
      <c r="BR11" s="261">
        <v>5</v>
      </c>
      <c r="BS11" s="258">
        <v>6</v>
      </c>
      <c r="BT11" s="260">
        <v>0</v>
      </c>
      <c r="BU11" s="261">
        <v>10</v>
      </c>
      <c r="BV11" s="261">
        <v>9</v>
      </c>
      <c r="BW11" s="261">
        <v>12</v>
      </c>
      <c r="BX11" s="261">
        <v>5</v>
      </c>
      <c r="BY11" s="261">
        <v>3</v>
      </c>
      <c r="BZ11" s="258">
        <v>39</v>
      </c>
      <c r="CA11" s="263">
        <v>45</v>
      </c>
      <c r="CB11" s="257">
        <v>0</v>
      </c>
      <c r="CC11" s="261">
        <v>1</v>
      </c>
      <c r="CD11" s="258">
        <v>1</v>
      </c>
      <c r="CE11" s="260">
        <v>0</v>
      </c>
      <c r="CF11" s="261">
        <v>3</v>
      </c>
      <c r="CG11" s="261">
        <v>5</v>
      </c>
      <c r="CH11" s="261">
        <v>5</v>
      </c>
      <c r="CI11" s="261">
        <v>7</v>
      </c>
      <c r="CJ11" s="261">
        <v>1</v>
      </c>
      <c r="CK11" s="258">
        <v>21</v>
      </c>
      <c r="CL11" s="263">
        <v>22</v>
      </c>
      <c r="CM11" s="257">
        <v>0</v>
      </c>
      <c r="CN11" s="261">
        <v>0</v>
      </c>
      <c r="CO11" s="258">
        <v>0</v>
      </c>
      <c r="CP11" s="260">
        <v>0</v>
      </c>
      <c r="CQ11" s="261">
        <v>0</v>
      </c>
      <c r="CR11" s="261">
        <v>0</v>
      </c>
      <c r="CS11" s="261">
        <v>0</v>
      </c>
      <c r="CT11" s="261">
        <v>1</v>
      </c>
      <c r="CU11" s="261">
        <v>1</v>
      </c>
      <c r="CV11" s="258">
        <v>2</v>
      </c>
      <c r="CW11" s="263">
        <v>2</v>
      </c>
      <c r="CX11" s="257">
        <v>0</v>
      </c>
      <c r="CY11" s="261">
        <v>0</v>
      </c>
      <c r="CZ11" s="258">
        <v>0</v>
      </c>
      <c r="DA11" s="260">
        <v>0</v>
      </c>
      <c r="DB11" s="261">
        <v>0</v>
      </c>
      <c r="DC11" s="261">
        <v>0</v>
      </c>
      <c r="DD11" s="261">
        <v>0</v>
      </c>
      <c r="DE11" s="261">
        <v>0</v>
      </c>
      <c r="DF11" s="261">
        <v>0</v>
      </c>
      <c r="DG11" s="258">
        <v>0</v>
      </c>
      <c r="DH11" s="263">
        <v>0</v>
      </c>
      <c r="DI11" s="257">
        <v>0</v>
      </c>
      <c r="DJ11" s="261">
        <v>0</v>
      </c>
      <c r="DK11" s="258">
        <v>0</v>
      </c>
      <c r="DL11" s="260">
        <v>0</v>
      </c>
      <c r="DM11" s="261">
        <v>0</v>
      </c>
      <c r="DN11" s="261">
        <v>0</v>
      </c>
      <c r="DO11" s="261">
        <v>0</v>
      </c>
      <c r="DP11" s="261">
        <v>0</v>
      </c>
      <c r="DQ11" s="261">
        <v>0</v>
      </c>
      <c r="DR11" s="258">
        <v>0</v>
      </c>
      <c r="DS11" s="263">
        <v>0</v>
      </c>
      <c r="DT11" s="257">
        <v>15</v>
      </c>
      <c r="DU11" s="261">
        <v>19</v>
      </c>
      <c r="DV11" s="258">
        <v>34</v>
      </c>
      <c r="DW11" s="260">
        <v>0</v>
      </c>
      <c r="DX11" s="261">
        <v>53</v>
      </c>
      <c r="DY11" s="261">
        <v>64</v>
      </c>
      <c r="DZ11" s="261">
        <v>35</v>
      </c>
      <c r="EA11" s="261">
        <v>29</v>
      </c>
      <c r="EB11" s="261">
        <v>15</v>
      </c>
      <c r="EC11" s="258">
        <v>196</v>
      </c>
      <c r="ED11" s="263">
        <v>230</v>
      </c>
      <c r="EE11" s="257">
        <v>6</v>
      </c>
      <c r="EF11" s="261">
        <v>3</v>
      </c>
      <c r="EG11" s="258">
        <v>9</v>
      </c>
      <c r="EH11" s="260">
        <v>0</v>
      </c>
      <c r="EI11" s="261">
        <v>13</v>
      </c>
      <c r="EJ11" s="261">
        <v>9</v>
      </c>
      <c r="EK11" s="261">
        <v>5</v>
      </c>
      <c r="EL11" s="261">
        <v>15</v>
      </c>
      <c r="EM11" s="261">
        <v>6</v>
      </c>
      <c r="EN11" s="258">
        <v>48</v>
      </c>
      <c r="EO11" s="263">
        <v>57</v>
      </c>
      <c r="EP11" s="257">
        <v>20</v>
      </c>
      <c r="EQ11" s="261">
        <v>26</v>
      </c>
      <c r="ER11" s="258">
        <v>46</v>
      </c>
      <c r="ES11" s="260">
        <v>0</v>
      </c>
      <c r="ET11" s="261">
        <v>116</v>
      </c>
      <c r="EU11" s="261">
        <v>80</v>
      </c>
      <c r="EV11" s="261">
        <v>42</v>
      </c>
      <c r="EW11" s="261">
        <v>31</v>
      </c>
      <c r="EX11" s="261">
        <v>15</v>
      </c>
      <c r="EY11" s="258">
        <v>284</v>
      </c>
      <c r="EZ11" s="263">
        <v>330</v>
      </c>
    </row>
    <row r="12" spans="2:156" ht="21" customHeight="1" x14ac:dyDescent="0.2">
      <c r="B12" s="472" t="s">
        <v>9</v>
      </c>
      <c r="C12" s="257">
        <v>0</v>
      </c>
      <c r="D12" s="261">
        <v>0</v>
      </c>
      <c r="E12" s="358">
        <v>0</v>
      </c>
      <c r="F12" s="260">
        <v>0</v>
      </c>
      <c r="G12" s="261">
        <v>71</v>
      </c>
      <c r="H12" s="261">
        <v>51</v>
      </c>
      <c r="I12" s="261">
        <v>30</v>
      </c>
      <c r="J12" s="261">
        <v>41</v>
      </c>
      <c r="K12" s="261">
        <v>30</v>
      </c>
      <c r="L12" s="262">
        <v>223</v>
      </c>
      <c r="M12" s="263">
        <v>223</v>
      </c>
      <c r="N12" s="257">
        <v>0</v>
      </c>
      <c r="O12" s="261">
        <v>0</v>
      </c>
      <c r="P12" s="258">
        <v>0</v>
      </c>
      <c r="Q12" s="260">
        <v>0</v>
      </c>
      <c r="R12" s="261">
        <v>1</v>
      </c>
      <c r="S12" s="261">
        <v>1</v>
      </c>
      <c r="T12" s="261">
        <v>2</v>
      </c>
      <c r="U12" s="261">
        <v>8</v>
      </c>
      <c r="V12" s="261">
        <v>14</v>
      </c>
      <c r="W12" s="258">
        <v>26</v>
      </c>
      <c r="X12" s="263">
        <v>26</v>
      </c>
      <c r="Y12" s="257">
        <v>10</v>
      </c>
      <c r="Z12" s="261">
        <v>13</v>
      </c>
      <c r="AA12" s="258">
        <v>23</v>
      </c>
      <c r="AB12" s="260">
        <v>0</v>
      </c>
      <c r="AC12" s="261">
        <v>59</v>
      </c>
      <c r="AD12" s="261">
        <v>33</v>
      </c>
      <c r="AE12" s="261">
        <v>34</v>
      </c>
      <c r="AF12" s="261">
        <v>27</v>
      </c>
      <c r="AG12" s="261">
        <v>18</v>
      </c>
      <c r="AH12" s="258">
        <v>171</v>
      </c>
      <c r="AI12" s="263">
        <v>194</v>
      </c>
      <c r="AJ12" s="257">
        <v>0</v>
      </c>
      <c r="AK12" s="261">
        <v>2</v>
      </c>
      <c r="AL12" s="258">
        <v>2</v>
      </c>
      <c r="AM12" s="260">
        <v>0</v>
      </c>
      <c r="AN12" s="261">
        <v>5</v>
      </c>
      <c r="AO12" s="261">
        <v>10</v>
      </c>
      <c r="AP12" s="261">
        <v>8</v>
      </c>
      <c r="AQ12" s="261">
        <v>5</v>
      </c>
      <c r="AR12" s="261">
        <v>3</v>
      </c>
      <c r="AS12" s="258">
        <v>31</v>
      </c>
      <c r="AT12" s="263">
        <v>33</v>
      </c>
      <c r="AU12" s="257">
        <v>17</v>
      </c>
      <c r="AV12" s="261">
        <v>10</v>
      </c>
      <c r="AW12" s="258">
        <v>27</v>
      </c>
      <c r="AX12" s="260">
        <v>0</v>
      </c>
      <c r="AY12" s="261">
        <v>57</v>
      </c>
      <c r="AZ12" s="261">
        <v>52</v>
      </c>
      <c r="BA12" s="261">
        <v>64</v>
      </c>
      <c r="BB12" s="261">
        <v>73</v>
      </c>
      <c r="BC12" s="261">
        <v>42</v>
      </c>
      <c r="BD12" s="262">
        <v>288</v>
      </c>
      <c r="BE12" s="263">
        <v>315</v>
      </c>
      <c r="BF12" s="257">
        <v>0</v>
      </c>
      <c r="BG12" s="261">
        <v>0</v>
      </c>
      <c r="BH12" s="258">
        <v>0</v>
      </c>
      <c r="BI12" s="260">
        <v>0</v>
      </c>
      <c r="BJ12" s="261">
        <v>70</v>
      </c>
      <c r="BK12" s="261">
        <v>31</v>
      </c>
      <c r="BL12" s="261">
        <v>14</v>
      </c>
      <c r="BM12" s="261">
        <v>20</v>
      </c>
      <c r="BN12" s="261">
        <v>2</v>
      </c>
      <c r="BO12" s="258">
        <v>137</v>
      </c>
      <c r="BP12" s="263">
        <v>137</v>
      </c>
      <c r="BQ12" s="257">
        <v>4</v>
      </c>
      <c r="BR12" s="261">
        <v>8</v>
      </c>
      <c r="BS12" s="258">
        <v>12</v>
      </c>
      <c r="BT12" s="260">
        <v>0</v>
      </c>
      <c r="BU12" s="261">
        <v>12</v>
      </c>
      <c r="BV12" s="261">
        <v>14</v>
      </c>
      <c r="BW12" s="261">
        <v>5</v>
      </c>
      <c r="BX12" s="261">
        <v>14</v>
      </c>
      <c r="BY12" s="261">
        <v>1</v>
      </c>
      <c r="BZ12" s="258">
        <v>46</v>
      </c>
      <c r="CA12" s="263">
        <v>58</v>
      </c>
      <c r="CB12" s="257">
        <v>1</v>
      </c>
      <c r="CC12" s="261">
        <v>1</v>
      </c>
      <c r="CD12" s="258">
        <v>2</v>
      </c>
      <c r="CE12" s="260">
        <v>0</v>
      </c>
      <c r="CF12" s="261">
        <v>4</v>
      </c>
      <c r="CG12" s="261">
        <v>10</v>
      </c>
      <c r="CH12" s="261">
        <v>8</v>
      </c>
      <c r="CI12" s="261">
        <v>15</v>
      </c>
      <c r="CJ12" s="261">
        <v>6</v>
      </c>
      <c r="CK12" s="258">
        <v>43</v>
      </c>
      <c r="CL12" s="263">
        <v>45</v>
      </c>
      <c r="CM12" s="257">
        <v>0</v>
      </c>
      <c r="CN12" s="261">
        <v>0</v>
      </c>
      <c r="CO12" s="258">
        <v>0</v>
      </c>
      <c r="CP12" s="260">
        <v>0</v>
      </c>
      <c r="CQ12" s="261">
        <v>0</v>
      </c>
      <c r="CR12" s="261">
        <v>3</v>
      </c>
      <c r="CS12" s="261">
        <v>2</v>
      </c>
      <c r="CT12" s="261">
        <v>4</v>
      </c>
      <c r="CU12" s="261">
        <v>4</v>
      </c>
      <c r="CV12" s="258">
        <v>13</v>
      </c>
      <c r="CW12" s="263">
        <v>13</v>
      </c>
      <c r="CX12" s="257">
        <v>0</v>
      </c>
      <c r="CY12" s="261">
        <v>0</v>
      </c>
      <c r="CZ12" s="258">
        <v>0</v>
      </c>
      <c r="DA12" s="260">
        <v>0</v>
      </c>
      <c r="DB12" s="261">
        <v>0</v>
      </c>
      <c r="DC12" s="261">
        <v>0</v>
      </c>
      <c r="DD12" s="261">
        <v>0</v>
      </c>
      <c r="DE12" s="261">
        <v>0</v>
      </c>
      <c r="DF12" s="261">
        <v>0</v>
      </c>
      <c r="DG12" s="258">
        <v>0</v>
      </c>
      <c r="DH12" s="263">
        <v>0</v>
      </c>
      <c r="DI12" s="257">
        <v>0</v>
      </c>
      <c r="DJ12" s="261">
        <v>0</v>
      </c>
      <c r="DK12" s="258">
        <v>0</v>
      </c>
      <c r="DL12" s="260">
        <v>0</v>
      </c>
      <c r="DM12" s="261">
        <v>0</v>
      </c>
      <c r="DN12" s="261">
        <v>0</v>
      </c>
      <c r="DO12" s="261">
        <v>0</v>
      </c>
      <c r="DP12" s="261">
        <v>0</v>
      </c>
      <c r="DQ12" s="261">
        <v>0</v>
      </c>
      <c r="DR12" s="258">
        <v>0</v>
      </c>
      <c r="DS12" s="263">
        <v>0</v>
      </c>
      <c r="DT12" s="257">
        <v>32</v>
      </c>
      <c r="DU12" s="261">
        <v>38</v>
      </c>
      <c r="DV12" s="258">
        <v>70</v>
      </c>
      <c r="DW12" s="260">
        <v>0</v>
      </c>
      <c r="DX12" s="261">
        <v>96</v>
      </c>
      <c r="DY12" s="261">
        <v>99</v>
      </c>
      <c r="DZ12" s="261">
        <v>61</v>
      </c>
      <c r="EA12" s="261">
        <v>64</v>
      </c>
      <c r="EB12" s="261">
        <v>39</v>
      </c>
      <c r="EC12" s="258">
        <v>359</v>
      </c>
      <c r="ED12" s="263">
        <v>429</v>
      </c>
      <c r="EE12" s="257">
        <v>10</v>
      </c>
      <c r="EF12" s="261">
        <v>8</v>
      </c>
      <c r="EG12" s="258">
        <v>18</v>
      </c>
      <c r="EH12" s="260">
        <v>0</v>
      </c>
      <c r="EI12" s="261">
        <v>30</v>
      </c>
      <c r="EJ12" s="261">
        <v>16</v>
      </c>
      <c r="EK12" s="261">
        <v>26</v>
      </c>
      <c r="EL12" s="261">
        <v>27</v>
      </c>
      <c r="EM12" s="261">
        <v>15</v>
      </c>
      <c r="EN12" s="258">
        <v>114</v>
      </c>
      <c r="EO12" s="263">
        <v>132</v>
      </c>
      <c r="EP12" s="257">
        <v>41</v>
      </c>
      <c r="EQ12" s="261">
        <v>51</v>
      </c>
      <c r="ER12" s="258">
        <v>92</v>
      </c>
      <c r="ES12" s="260">
        <v>0</v>
      </c>
      <c r="ET12" s="261">
        <v>203</v>
      </c>
      <c r="EU12" s="261">
        <v>129</v>
      </c>
      <c r="EV12" s="261">
        <v>71</v>
      </c>
      <c r="EW12" s="261">
        <v>74</v>
      </c>
      <c r="EX12" s="261">
        <v>37</v>
      </c>
      <c r="EY12" s="258">
        <v>514</v>
      </c>
      <c r="EZ12" s="263">
        <v>606</v>
      </c>
    </row>
    <row r="13" spans="2:156" ht="21" customHeight="1" x14ac:dyDescent="0.2">
      <c r="B13" s="472" t="s">
        <v>10</v>
      </c>
      <c r="C13" s="257">
        <v>0</v>
      </c>
      <c r="D13" s="261">
        <v>0</v>
      </c>
      <c r="E13" s="358">
        <v>0</v>
      </c>
      <c r="F13" s="260">
        <v>0</v>
      </c>
      <c r="G13" s="261">
        <v>100</v>
      </c>
      <c r="H13" s="261">
        <v>51</v>
      </c>
      <c r="I13" s="261">
        <v>29</v>
      </c>
      <c r="J13" s="261">
        <v>31</v>
      </c>
      <c r="K13" s="261">
        <v>21</v>
      </c>
      <c r="L13" s="262">
        <v>232</v>
      </c>
      <c r="M13" s="263">
        <v>232</v>
      </c>
      <c r="N13" s="257">
        <v>0</v>
      </c>
      <c r="O13" s="261">
        <v>0</v>
      </c>
      <c r="P13" s="258">
        <v>0</v>
      </c>
      <c r="Q13" s="260">
        <v>0</v>
      </c>
      <c r="R13" s="261">
        <v>1</v>
      </c>
      <c r="S13" s="261">
        <v>2</v>
      </c>
      <c r="T13" s="261">
        <v>2</v>
      </c>
      <c r="U13" s="261">
        <v>2</v>
      </c>
      <c r="V13" s="261">
        <v>8</v>
      </c>
      <c r="W13" s="258">
        <v>15</v>
      </c>
      <c r="X13" s="263">
        <v>15</v>
      </c>
      <c r="Y13" s="257">
        <v>16</v>
      </c>
      <c r="Z13" s="261">
        <v>27</v>
      </c>
      <c r="AA13" s="258">
        <v>43</v>
      </c>
      <c r="AB13" s="260">
        <v>0</v>
      </c>
      <c r="AC13" s="261">
        <v>68</v>
      </c>
      <c r="AD13" s="261">
        <v>43</v>
      </c>
      <c r="AE13" s="261">
        <v>19</v>
      </c>
      <c r="AF13" s="261">
        <v>18</v>
      </c>
      <c r="AG13" s="261">
        <v>13</v>
      </c>
      <c r="AH13" s="258">
        <v>161</v>
      </c>
      <c r="AI13" s="263">
        <v>204</v>
      </c>
      <c r="AJ13" s="257">
        <v>2</v>
      </c>
      <c r="AK13" s="261">
        <v>3</v>
      </c>
      <c r="AL13" s="258">
        <v>5</v>
      </c>
      <c r="AM13" s="260">
        <v>0</v>
      </c>
      <c r="AN13" s="261">
        <v>12</v>
      </c>
      <c r="AO13" s="261">
        <v>13</v>
      </c>
      <c r="AP13" s="261">
        <v>5</v>
      </c>
      <c r="AQ13" s="261">
        <v>1</v>
      </c>
      <c r="AR13" s="261">
        <v>3</v>
      </c>
      <c r="AS13" s="258">
        <v>34</v>
      </c>
      <c r="AT13" s="263">
        <v>39</v>
      </c>
      <c r="AU13" s="257">
        <v>25</v>
      </c>
      <c r="AV13" s="261">
        <v>25</v>
      </c>
      <c r="AW13" s="258">
        <v>50</v>
      </c>
      <c r="AX13" s="260">
        <v>0</v>
      </c>
      <c r="AY13" s="261">
        <v>95</v>
      </c>
      <c r="AZ13" s="261">
        <v>82</v>
      </c>
      <c r="BA13" s="261">
        <v>69</v>
      </c>
      <c r="BB13" s="261">
        <v>66</v>
      </c>
      <c r="BC13" s="261">
        <v>65</v>
      </c>
      <c r="BD13" s="262">
        <v>377</v>
      </c>
      <c r="BE13" s="263">
        <v>427</v>
      </c>
      <c r="BF13" s="257">
        <v>0</v>
      </c>
      <c r="BG13" s="261">
        <v>0</v>
      </c>
      <c r="BH13" s="258">
        <v>0</v>
      </c>
      <c r="BI13" s="260">
        <v>0</v>
      </c>
      <c r="BJ13" s="261">
        <v>116</v>
      </c>
      <c r="BK13" s="261">
        <v>69</v>
      </c>
      <c r="BL13" s="261">
        <v>31</v>
      </c>
      <c r="BM13" s="261">
        <v>14</v>
      </c>
      <c r="BN13" s="261">
        <v>5</v>
      </c>
      <c r="BO13" s="258">
        <v>235</v>
      </c>
      <c r="BP13" s="263">
        <v>235</v>
      </c>
      <c r="BQ13" s="257">
        <v>3</v>
      </c>
      <c r="BR13" s="261">
        <v>7</v>
      </c>
      <c r="BS13" s="258">
        <v>10</v>
      </c>
      <c r="BT13" s="260">
        <v>0</v>
      </c>
      <c r="BU13" s="261">
        <v>28</v>
      </c>
      <c r="BV13" s="261">
        <v>19</v>
      </c>
      <c r="BW13" s="261">
        <v>3</v>
      </c>
      <c r="BX13" s="261">
        <v>2</v>
      </c>
      <c r="BY13" s="261">
        <v>1</v>
      </c>
      <c r="BZ13" s="258">
        <v>53</v>
      </c>
      <c r="CA13" s="263">
        <v>63</v>
      </c>
      <c r="CB13" s="257">
        <v>0</v>
      </c>
      <c r="CC13" s="261">
        <v>2</v>
      </c>
      <c r="CD13" s="258">
        <v>2</v>
      </c>
      <c r="CE13" s="260">
        <v>0</v>
      </c>
      <c r="CF13" s="261">
        <v>15</v>
      </c>
      <c r="CG13" s="261">
        <v>10</v>
      </c>
      <c r="CH13" s="261">
        <v>16</v>
      </c>
      <c r="CI13" s="261">
        <v>12</v>
      </c>
      <c r="CJ13" s="261">
        <v>2</v>
      </c>
      <c r="CK13" s="258">
        <v>55</v>
      </c>
      <c r="CL13" s="263">
        <v>57</v>
      </c>
      <c r="CM13" s="257">
        <v>0</v>
      </c>
      <c r="CN13" s="261">
        <v>0</v>
      </c>
      <c r="CO13" s="258">
        <v>0</v>
      </c>
      <c r="CP13" s="260">
        <v>0</v>
      </c>
      <c r="CQ13" s="261">
        <v>3</v>
      </c>
      <c r="CR13" s="261">
        <v>3</v>
      </c>
      <c r="CS13" s="261">
        <v>0</v>
      </c>
      <c r="CT13" s="261">
        <v>1</v>
      </c>
      <c r="CU13" s="261">
        <v>1</v>
      </c>
      <c r="CV13" s="258">
        <v>8</v>
      </c>
      <c r="CW13" s="263">
        <v>8</v>
      </c>
      <c r="CX13" s="257">
        <v>0</v>
      </c>
      <c r="CY13" s="261">
        <v>0</v>
      </c>
      <c r="CZ13" s="258">
        <v>0</v>
      </c>
      <c r="DA13" s="260">
        <v>0</v>
      </c>
      <c r="DB13" s="261">
        <v>0</v>
      </c>
      <c r="DC13" s="261">
        <v>0</v>
      </c>
      <c r="DD13" s="261">
        <v>0</v>
      </c>
      <c r="DE13" s="261">
        <v>0</v>
      </c>
      <c r="DF13" s="261">
        <v>0</v>
      </c>
      <c r="DG13" s="258">
        <v>0</v>
      </c>
      <c r="DH13" s="263">
        <v>0</v>
      </c>
      <c r="DI13" s="257">
        <v>0</v>
      </c>
      <c r="DJ13" s="261">
        <v>0</v>
      </c>
      <c r="DK13" s="258">
        <v>0</v>
      </c>
      <c r="DL13" s="260">
        <v>0</v>
      </c>
      <c r="DM13" s="261">
        <v>0</v>
      </c>
      <c r="DN13" s="261">
        <v>0</v>
      </c>
      <c r="DO13" s="261">
        <v>0</v>
      </c>
      <c r="DP13" s="261">
        <v>0</v>
      </c>
      <c r="DQ13" s="261">
        <v>0</v>
      </c>
      <c r="DR13" s="258">
        <v>0</v>
      </c>
      <c r="DS13" s="263">
        <v>0</v>
      </c>
      <c r="DT13" s="257">
        <v>54</v>
      </c>
      <c r="DU13" s="261">
        <v>91</v>
      </c>
      <c r="DV13" s="258">
        <v>145</v>
      </c>
      <c r="DW13" s="260">
        <v>0</v>
      </c>
      <c r="DX13" s="261">
        <v>146</v>
      </c>
      <c r="DY13" s="261">
        <v>119</v>
      </c>
      <c r="DZ13" s="261">
        <v>53</v>
      </c>
      <c r="EA13" s="261">
        <v>52</v>
      </c>
      <c r="EB13" s="261">
        <v>36</v>
      </c>
      <c r="EC13" s="258">
        <v>406</v>
      </c>
      <c r="ED13" s="263">
        <v>551</v>
      </c>
      <c r="EE13" s="257">
        <v>10</v>
      </c>
      <c r="EF13" s="261">
        <v>7</v>
      </c>
      <c r="EG13" s="258">
        <v>17</v>
      </c>
      <c r="EH13" s="260">
        <v>0</v>
      </c>
      <c r="EI13" s="261">
        <v>32</v>
      </c>
      <c r="EJ13" s="261">
        <v>31</v>
      </c>
      <c r="EK13" s="261">
        <v>18</v>
      </c>
      <c r="EL13" s="261">
        <v>29</v>
      </c>
      <c r="EM13" s="261">
        <v>26</v>
      </c>
      <c r="EN13" s="258">
        <v>136</v>
      </c>
      <c r="EO13" s="263">
        <v>153</v>
      </c>
      <c r="EP13" s="257">
        <v>70</v>
      </c>
      <c r="EQ13" s="261">
        <v>105</v>
      </c>
      <c r="ER13" s="258">
        <v>175</v>
      </c>
      <c r="ES13" s="260">
        <v>0</v>
      </c>
      <c r="ET13" s="261">
        <v>269</v>
      </c>
      <c r="EU13" s="261">
        <v>153</v>
      </c>
      <c r="EV13" s="261">
        <v>67</v>
      </c>
      <c r="EW13" s="261">
        <v>58</v>
      </c>
      <c r="EX13" s="261">
        <v>34</v>
      </c>
      <c r="EY13" s="258">
        <v>581</v>
      </c>
      <c r="EZ13" s="263">
        <v>756</v>
      </c>
    </row>
    <row r="14" spans="2:156" ht="21" customHeight="1" x14ac:dyDescent="0.2">
      <c r="B14" s="472" t="s">
        <v>11</v>
      </c>
      <c r="C14" s="257">
        <v>0</v>
      </c>
      <c r="D14" s="261">
        <v>0</v>
      </c>
      <c r="E14" s="358">
        <v>0</v>
      </c>
      <c r="F14" s="260">
        <v>0</v>
      </c>
      <c r="G14" s="261">
        <v>14</v>
      </c>
      <c r="H14" s="261">
        <v>12</v>
      </c>
      <c r="I14" s="261">
        <v>9</v>
      </c>
      <c r="J14" s="261">
        <v>9</v>
      </c>
      <c r="K14" s="261">
        <v>7</v>
      </c>
      <c r="L14" s="262">
        <v>51</v>
      </c>
      <c r="M14" s="263">
        <v>51</v>
      </c>
      <c r="N14" s="257">
        <v>0</v>
      </c>
      <c r="O14" s="261">
        <v>0</v>
      </c>
      <c r="P14" s="258">
        <v>0</v>
      </c>
      <c r="Q14" s="260">
        <v>0</v>
      </c>
      <c r="R14" s="261">
        <v>0</v>
      </c>
      <c r="S14" s="261">
        <v>0</v>
      </c>
      <c r="T14" s="261">
        <v>0</v>
      </c>
      <c r="U14" s="261">
        <v>2</v>
      </c>
      <c r="V14" s="261">
        <v>5</v>
      </c>
      <c r="W14" s="258">
        <v>7</v>
      </c>
      <c r="X14" s="263">
        <v>7</v>
      </c>
      <c r="Y14" s="257">
        <v>5</v>
      </c>
      <c r="Z14" s="261">
        <v>1</v>
      </c>
      <c r="AA14" s="258">
        <v>6</v>
      </c>
      <c r="AB14" s="260">
        <v>0</v>
      </c>
      <c r="AC14" s="261">
        <v>21</v>
      </c>
      <c r="AD14" s="261">
        <v>16</v>
      </c>
      <c r="AE14" s="261">
        <v>13</v>
      </c>
      <c r="AF14" s="261">
        <v>11</v>
      </c>
      <c r="AG14" s="261">
        <v>5</v>
      </c>
      <c r="AH14" s="258">
        <v>66</v>
      </c>
      <c r="AI14" s="263">
        <v>72</v>
      </c>
      <c r="AJ14" s="257">
        <v>0</v>
      </c>
      <c r="AK14" s="261">
        <v>1</v>
      </c>
      <c r="AL14" s="258">
        <v>1</v>
      </c>
      <c r="AM14" s="260">
        <v>0</v>
      </c>
      <c r="AN14" s="261">
        <v>1</v>
      </c>
      <c r="AO14" s="261">
        <v>2</v>
      </c>
      <c r="AP14" s="261">
        <v>0</v>
      </c>
      <c r="AQ14" s="261">
        <v>1</v>
      </c>
      <c r="AR14" s="261">
        <v>1</v>
      </c>
      <c r="AS14" s="258">
        <v>5</v>
      </c>
      <c r="AT14" s="263">
        <v>6</v>
      </c>
      <c r="AU14" s="257">
        <v>3</v>
      </c>
      <c r="AV14" s="261">
        <v>1</v>
      </c>
      <c r="AW14" s="258">
        <v>4</v>
      </c>
      <c r="AX14" s="260">
        <v>0</v>
      </c>
      <c r="AY14" s="261">
        <v>20</v>
      </c>
      <c r="AZ14" s="261">
        <v>23</v>
      </c>
      <c r="BA14" s="261">
        <v>23</v>
      </c>
      <c r="BB14" s="261">
        <v>24</v>
      </c>
      <c r="BC14" s="261">
        <v>15</v>
      </c>
      <c r="BD14" s="262">
        <v>105</v>
      </c>
      <c r="BE14" s="263">
        <v>109</v>
      </c>
      <c r="BF14" s="257">
        <v>0</v>
      </c>
      <c r="BG14" s="261">
        <v>0</v>
      </c>
      <c r="BH14" s="258">
        <v>0</v>
      </c>
      <c r="BI14" s="260">
        <v>0</v>
      </c>
      <c r="BJ14" s="261">
        <v>19</v>
      </c>
      <c r="BK14" s="261">
        <v>15</v>
      </c>
      <c r="BL14" s="261">
        <v>10</v>
      </c>
      <c r="BM14" s="261">
        <v>10</v>
      </c>
      <c r="BN14" s="261">
        <v>3</v>
      </c>
      <c r="BO14" s="258">
        <v>57</v>
      </c>
      <c r="BP14" s="263">
        <v>57</v>
      </c>
      <c r="BQ14" s="257">
        <v>2</v>
      </c>
      <c r="BR14" s="261">
        <v>3</v>
      </c>
      <c r="BS14" s="258">
        <v>5</v>
      </c>
      <c r="BT14" s="260">
        <v>0</v>
      </c>
      <c r="BU14" s="261">
        <v>12</v>
      </c>
      <c r="BV14" s="261">
        <v>11</v>
      </c>
      <c r="BW14" s="261">
        <v>8</v>
      </c>
      <c r="BX14" s="261">
        <v>3</v>
      </c>
      <c r="BY14" s="261">
        <v>1</v>
      </c>
      <c r="BZ14" s="258">
        <v>35</v>
      </c>
      <c r="CA14" s="263">
        <v>40</v>
      </c>
      <c r="CB14" s="257">
        <v>0</v>
      </c>
      <c r="CC14" s="261">
        <v>0</v>
      </c>
      <c r="CD14" s="258">
        <v>0</v>
      </c>
      <c r="CE14" s="260">
        <v>0</v>
      </c>
      <c r="CF14" s="261">
        <v>5</v>
      </c>
      <c r="CG14" s="261">
        <v>6</v>
      </c>
      <c r="CH14" s="261">
        <v>4</v>
      </c>
      <c r="CI14" s="261">
        <v>2</v>
      </c>
      <c r="CJ14" s="261">
        <v>3</v>
      </c>
      <c r="CK14" s="258">
        <v>20</v>
      </c>
      <c r="CL14" s="263">
        <v>20</v>
      </c>
      <c r="CM14" s="257">
        <v>0</v>
      </c>
      <c r="CN14" s="261">
        <v>0</v>
      </c>
      <c r="CO14" s="258">
        <v>0</v>
      </c>
      <c r="CP14" s="260">
        <v>0</v>
      </c>
      <c r="CQ14" s="261">
        <v>0</v>
      </c>
      <c r="CR14" s="261">
        <v>0</v>
      </c>
      <c r="CS14" s="261">
        <v>3</v>
      </c>
      <c r="CT14" s="261">
        <v>1</v>
      </c>
      <c r="CU14" s="261">
        <v>2</v>
      </c>
      <c r="CV14" s="258">
        <v>6</v>
      </c>
      <c r="CW14" s="263">
        <v>6</v>
      </c>
      <c r="CX14" s="257">
        <v>0</v>
      </c>
      <c r="CY14" s="261">
        <v>0</v>
      </c>
      <c r="CZ14" s="258">
        <v>0</v>
      </c>
      <c r="DA14" s="260">
        <v>0</v>
      </c>
      <c r="DB14" s="261">
        <v>0</v>
      </c>
      <c r="DC14" s="261">
        <v>0</v>
      </c>
      <c r="DD14" s="261">
        <v>0</v>
      </c>
      <c r="DE14" s="261">
        <v>0</v>
      </c>
      <c r="DF14" s="261">
        <v>0</v>
      </c>
      <c r="DG14" s="258">
        <v>0</v>
      </c>
      <c r="DH14" s="263">
        <v>0</v>
      </c>
      <c r="DI14" s="257">
        <v>0</v>
      </c>
      <c r="DJ14" s="261">
        <v>0</v>
      </c>
      <c r="DK14" s="258">
        <v>0</v>
      </c>
      <c r="DL14" s="260">
        <v>0</v>
      </c>
      <c r="DM14" s="261">
        <v>0</v>
      </c>
      <c r="DN14" s="261">
        <v>0</v>
      </c>
      <c r="DO14" s="261">
        <v>0</v>
      </c>
      <c r="DP14" s="261">
        <v>0</v>
      </c>
      <c r="DQ14" s="261">
        <v>0</v>
      </c>
      <c r="DR14" s="258">
        <v>0</v>
      </c>
      <c r="DS14" s="263">
        <v>0</v>
      </c>
      <c r="DT14" s="257">
        <v>12</v>
      </c>
      <c r="DU14" s="261">
        <v>17</v>
      </c>
      <c r="DV14" s="258">
        <v>29</v>
      </c>
      <c r="DW14" s="260">
        <v>0</v>
      </c>
      <c r="DX14" s="261">
        <v>43</v>
      </c>
      <c r="DY14" s="261">
        <v>38</v>
      </c>
      <c r="DZ14" s="261">
        <v>28</v>
      </c>
      <c r="EA14" s="261">
        <v>28</v>
      </c>
      <c r="EB14" s="261">
        <v>11</v>
      </c>
      <c r="EC14" s="258">
        <v>148</v>
      </c>
      <c r="ED14" s="263">
        <v>177</v>
      </c>
      <c r="EE14" s="257">
        <v>2</v>
      </c>
      <c r="EF14" s="261">
        <v>1</v>
      </c>
      <c r="EG14" s="258">
        <v>3</v>
      </c>
      <c r="EH14" s="260">
        <v>0</v>
      </c>
      <c r="EI14" s="261">
        <v>20</v>
      </c>
      <c r="EJ14" s="261">
        <v>7</v>
      </c>
      <c r="EK14" s="261">
        <v>13</v>
      </c>
      <c r="EL14" s="261">
        <v>12</v>
      </c>
      <c r="EM14" s="261">
        <v>7</v>
      </c>
      <c r="EN14" s="258">
        <v>59</v>
      </c>
      <c r="EO14" s="263">
        <v>62</v>
      </c>
      <c r="EP14" s="257">
        <v>18</v>
      </c>
      <c r="EQ14" s="261">
        <v>19</v>
      </c>
      <c r="ER14" s="258">
        <v>37</v>
      </c>
      <c r="ES14" s="260">
        <v>0</v>
      </c>
      <c r="ET14" s="261">
        <v>91</v>
      </c>
      <c r="EU14" s="261">
        <v>52</v>
      </c>
      <c r="EV14" s="261">
        <v>32</v>
      </c>
      <c r="EW14" s="261">
        <v>29</v>
      </c>
      <c r="EX14" s="261">
        <v>12</v>
      </c>
      <c r="EY14" s="258">
        <v>216</v>
      </c>
      <c r="EZ14" s="263">
        <v>253</v>
      </c>
    </row>
    <row r="15" spans="2:156" ht="21" customHeight="1" x14ac:dyDescent="0.2">
      <c r="B15" s="472" t="s">
        <v>12</v>
      </c>
      <c r="C15" s="257">
        <v>0</v>
      </c>
      <c r="D15" s="261">
        <v>0</v>
      </c>
      <c r="E15" s="358">
        <v>0</v>
      </c>
      <c r="F15" s="260">
        <v>0</v>
      </c>
      <c r="G15" s="261">
        <v>42</v>
      </c>
      <c r="H15" s="261">
        <v>27</v>
      </c>
      <c r="I15" s="261">
        <v>27</v>
      </c>
      <c r="J15" s="261">
        <v>14</v>
      </c>
      <c r="K15" s="261">
        <v>14</v>
      </c>
      <c r="L15" s="262">
        <v>124</v>
      </c>
      <c r="M15" s="263">
        <v>124</v>
      </c>
      <c r="N15" s="257">
        <v>0</v>
      </c>
      <c r="O15" s="261">
        <v>0</v>
      </c>
      <c r="P15" s="258">
        <v>0</v>
      </c>
      <c r="Q15" s="260">
        <v>0</v>
      </c>
      <c r="R15" s="261">
        <v>0</v>
      </c>
      <c r="S15" s="261">
        <v>1</v>
      </c>
      <c r="T15" s="261">
        <v>1</v>
      </c>
      <c r="U15" s="261">
        <v>1</v>
      </c>
      <c r="V15" s="261">
        <v>7</v>
      </c>
      <c r="W15" s="258">
        <v>10</v>
      </c>
      <c r="X15" s="263">
        <v>10</v>
      </c>
      <c r="Y15" s="257">
        <v>9</v>
      </c>
      <c r="Z15" s="261">
        <v>22</v>
      </c>
      <c r="AA15" s="258">
        <v>31</v>
      </c>
      <c r="AB15" s="260">
        <v>0</v>
      </c>
      <c r="AC15" s="261">
        <v>26</v>
      </c>
      <c r="AD15" s="261">
        <v>18</v>
      </c>
      <c r="AE15" s="261">
        <v>19</v>
      </c>
      <c r="AF15" s="261">
        <v>15</v>
      </c>
      <c r="AG15" s="261">
        <v>11</v>
      </c>
      <c r="AH15" s="258">
        <v>89</v>
      </c>
      <c r="AI15" s="263">
        <v>120</v>
      </c>
      <c r="AJ15" s="257">
        <v>1</v>
      </c>
      <c r="AK15" s="261">
        <v>1</v>
      </c>
      <c r="AL15" s="258">
        <v>2</v>
      </c>
      <c r="AM15" s="260">
        <v>0</v>
      </c>
      <c r="AN15" s="261">
        <v>3</v>
      </c>
      <c r="AO15" s="261">
        <v>1</v>
      </c>
      <c r="AP15" s="261">
        <v>2</v>
      </c>
      <c r="AQ15" s="261">
        <v>4</v>
      </c>
      <c r="AR15" s="261">
        <v>0</v>
      </c>
      <c r="AS15" s="258">
        <v>10</v>
      </c>
      <c r="AT15" s="263">
        <v>12</v>
      </c>
      <c r="AU15" s="257">
        <v>8</v>
      </c>
      <c r="AV15" s="261">
        <v>8</v>
      </c>
      <c r="AW15" s="258">
        <v>16</v>
      </c>
      <c r="AX15" s="260">
        <v>0</v>
      </c>
      <c r="AY15" s="261">
        <v>18</v>
      </c>
      <c r="AZ15" s="261">
        <v>19</v>
      </c>
      <c r="BA15" s="261">
        <v>25</v>
      </c>
      <c r="BB15" s="261">
        <v>37</v>
      </c>
      <c r="BC15" s="261">
        <v>14</v>
      </c>
      <c r="BD15" s="262">
        <v>113</v>
      </c>
      <c r="BE15" s="263">
        <v>129</v>
      </c>
      <c r="BF15" s="257">
        <v>0</v>
      </c>
      <c r="BG15" s="261">
        <v>0</v>
      </c>
      <c r="BH15" s="258">
        <v>0</v>
      </c>
      <c r="BI15" s="260">
        <v>0</v>
      </c>
      <c r="BJ15" s="261">
        <v>45</v>
      </c>
      <c r="BK15" s="261">
        <v>33</v>
      </c>
      <c r="BL15" s="261">
        <v>11</v>
      </c>
      <c r="BM15" s="261">
        <v>8</v>
      </c>
      <c r="BN15" s="261">
        <v>5</v>
      </c>
      <c r="BO15" s="258">
        <v>102</v>
      </c>
      <c r="BP15" s="263">
        <v>102</v>
      </c>
      <c r="BQ15" s="257">
        <v>14</v>
      </c>
      <c r="BR15" s="261">
        <v>7</v>
      </c>
      <c r="BS15" s="258">
        <v>21</v>
      </c>
      <c r="BT15" s="260">
        <v>0</v>
      </c>
      <c r="BU15" s="261">
        <v>13</v>
      </c>
      <c r="BV15" s="261">
        <v>10</v>
      </c>
      <c r="BW15" s="261">
        <v>9</v>
      </c>
      <c r="BX15" s="261">
        <v>6</v>
      </c>
      <c r="BY15" s="261">
        <v>1</v>
      </c>
      <c r="BZ15" s="258">
        <v>39</v>
      </c>
      <c r="CA15" s="263">
        <v>60</v>
      </c>
      <c r="CB15" s="257">
        <v>0</v>
      </c>
      <c r="CC15" s="261">
        <v>0</v>
      </c>
      <c r="CD15" s="258">
        <v>0</v>
      </c>
      <c r="CE15" s="260">
        <v>0</v>
      </c>
      <c r="CF15" s="261">
        <v>9</v>
      </c>
      <c r="CG15" s="261">
        <v>5</v>
      </c>
      <c r="CH15" s="261">
        <v>12</v>
      </c>
      <c r="CI15" s="261">
        <v>8</v>
      </c>
      <c r="CJ15" s="261">
        <v>3</v>
      </c>
      <c r="CK15" s="258">
        <v>37</v>
      </c>
      <c r="CL15" s="263">
        <v>37</v>
      </c>
      <c r="CM15" s="257">
        <v>0</v>
      </c>
      <c r="CN15" s="261">
        <v>0</v>
      </c>
      <c r="CO15" s="258">
        <v>0</v>
      </c>
      <c r="CP15" s="260">
        <v>0</v>
      </c>
      <c r="CQ15" s="261">
        <v>1</v>
      </c>
      <c r="CR15" s="261">
        <v>1</v>
      </c>
      <c r="CS15" s="261">
        <v>1</v>
      </c>
      <c r="CT15" s="261">
        <v>0</v>
      </c>
      <c r="CU15" s="261">
        <v>0</v>
      </c>
      <c r="CV15" s="258">
        <v>3</v>
      </c>
      <c r="CW15" s="263">
        <v>3</v>
      </c>
      <c r="CX15" s="257">
        <v>0</v>
      </c>
      <c r="CY15" s="261">
        <v>0</v>
      </c>
      <c r="CZ15" s="258">
        <v>0</v>
      </c>
      <c r="DA15" s="260">
        <v>0</v>
      </c>
      <c r="DB15" s="261">
        <v>0</v>
      </c>
      <c r="DC15" s="261">
        <v>0</v>
      </c>
      <c r="DD15" s="261">
        <v>0</v>
      </c>
      <c r="DE15" s="261">
        <v>0</v>
      </c>
      <c r="DF15" s="261">
        <v>0</v>
      </c>
      <c r="DG15" s="258">
        <v>0</v>
      </c>
      <c r="DH15" s="263">
        <v>0</v>
      </c>
      <c r="DI15" s="257">
        <v>0</v>
      </c>
      <c r="DJ15" s="261">
        <v>0</v>
      </c>
      <c r="DK15" s="258">
        <v>0</v>
      </c>
      <c r="DL15" s="260">
        <v>0</v>
      </c>
      <c r="DM15" s="261">
        <v>0</v>
      </c>
      <c r="DN15" s="261">
        <v>0</v>
      </c>
      <c r="DO15" s="261">
        <v>0</v>
      </c>
      <c r="DP15" s="261">
        <v>0</v>
      </c>
      <c r="DQ15" s="261">
        <v>0</v>
      </c>
      <c r="DR15" s="258">
        <v>0</v>
      </c>
      <c r="DS15" s="263">
        <v>0</v>
      </c>
      <c r="DT15" s="257">
        <v>25</v>
      </c>
      <c r="DU15" s="261">
        <v>47</v>
      </c>
      <c r="DV15" s="258">
        <v>72</v>
      </c>
      <c r="DW15" s="260">
        <v>0</v>
      </c>
      <c r="DX15" s="261">
        <v>46</v>
      </c>
      <c r="DY15" s="261">
        <v>61</v>
      </c>
      <c r="DZ15" s="261">
        <v>43</v>
      </c>
      <c r="EA15" s="261">
        <v>46</v>
      </c>
      <c r="EB15" s="261">
        <v>18</v>
      </c>
      <c r="EC15" s="258">
        <v>214</v>
      </c>
      <c r="ED15" s="263">
        <v>286</v>
      </c>
      <c r="EE15" s="257">
        <v>4</v>
      </c>
      <c r="EF15" s="261">
        <v>4</v>
      </c>
      <c r="EG15" s="258">
        <v>8</v>
      </c>
      <c r="EH15" s="260">
        <v>0</v>
      </c>
      <c r="EI15" s="261">
        <v>6</v>
      </c>
      <c r="EJ15" s="261">
        <v>8</v>
      </c>
      <c r="EK15" s="261">
        <v>10</v>
      </c>
      <c r="EL15" s="261">
        <v>15</v>
      </c>
      <c r="EM15" s="261">
        <v>5</v>
      </c>
      <c r="EN15" s="258">
        <v>44</v>
      </c>
      <c r="EO15" s="263">
        <v>52</v>
      </c>
      <c r="EP15" s="257">
        <v>46</v>
      </c>
      <c r="EQ15" s="261">
        <v>59</v>
      </c>
      <c r="ER15" s="258">
        <v>105</v>
      </c>
      <c r="ES15" s="260">
        <v>0</v>
      </c>
      <c r="ET15" s="261">
        <v>123</v>
      </c>
      <c r="EU15" s="261">
        <v>83</v>
      </c>
      <c r="EV15" s="261">
        <v>52</v>
      </c>
      <c r="EW15" s="261">
        <v>42</v>
      </c>
      <c r="EX15" s="261">
        <v>19</v>
      </c>
      <c r="EY15" s="258">
        <v>319</v>
      </c>
      <c r="EZ15" s="263">
        <v>424</v>
      </c>
    </row>
    <row r="16" spans="2:156" ht="21" customHeight="1" x14ac:dyDescent="0.2">
      <c r="B16" s="472" t="s">
        <v>13</v>
      </c>
      <c r="C16" s="257">
        <v>0</v>
      </c>
      <c r="D16" s="261">
        <v>0</v>
      </c>
      <c r="E16" s="358">
        <v>0</v>
      </c>
      <c r="F16" s="260">
        <v>0</v>
      </c>
      <c r="G16" s="261">
        <v>16</v>
      </c>
      <c r="H16" s="261">
        <v>24</v>
      </c>
      <c r="I16" s="261">
        <v>13</v>
      </c>
      <c r="J16" s="261">
        <v>11</v>
      </c>
      <c r="K16" s="261">
        <v>14</v>
      </c>
      <c r="L16" s="262">
        <v>78</v>
      </c>
      <c r="M16" s="263">
        <v>78</v>
      </c>
      <c r="N16" s="257">
        <v>0</v>
      </c>
      <c r="O16" s="261">
        <v>0</v>
      </c>
      <c r="P16" s="258">
        <v>0</v>
      </c>
      <c r="Q16" s="260">
        <v>0</v>
      </c>
      <c r="R16" s="261">
        <v>0</v>
      </c>
      <c r="S16" s="261">
        <v>0</v>
      </c>
      <c r="T16" s="261">
        <v>0</v>
      </c>
      <c r="U16" s="261">
        <v>2</v>
      </c>
      <c r="V16" s="261">
        <v>1</v>
      </c>
      <c r="W16" s="258">
        <v>3</v>
      </c>
      <c r="X16" s="263">
        <v>3</v>
      </c>
      <c r="Y16" s="257">
        <v>2</v>
      </c>
      <c r="Z16" s="261">
        <v>7</v>
      </c>
      <c r="AA16" s="258">
        <v>9</v>
      </c>
      <c r="AB16" s="260">
        <v>0</v>
      </c>
      <c r="AC16" s="261">
        <v>15</v>
      </c>
      <c r="AD16" s="261">
        <v>14</v>
      </c>
      <c r="AE16" s="261">
        <v>5</v>
      </c>
      <c r="AF16" s="261">
        <v>9</v>
      </c>
      <c r="AG16" s="261">
        <v>7</v>
      </c>
      <c r="AH16" s="258">
        <v>50</v>
      </c>
      <c r="AI16" s="263">
        <v>59</v>
      </c>
      <c r="AJ16" s="257">
        <v>0</v>
      </c>
      <c r="AK16" s="261">
        <v>0</v>
      </c>
      <c r="AL16" s="258">
        <v>0</v>
      </c>
      <c r="AM16" s="260">
        <v>0</v>
      </c>
      <c r="AN16" s="261">
        <v>1</v>
      </c>
      <c r="AO16" s="261">
        <v>4</v>
      </c>
      <c r="AP16" s="261">
        <v>0</v>
      </c>
      <c r="AQ16" s="261">
        <v>2</v>
      </c>
      <c r="AR16" s="261">
        <v>3</v>
      </c>
      <c r="AS16" s="258">
        <v>10</v>
      </c>
      <c r="AT16" s="263">
        <v>10</v>
      </c>
      <c r="AU16" s="257">
        <v>7</v>
      </c>
      <c r="AV16" s="261">
        <v>5</v>
      </c>
      <c r="AW16" s="258">
        <v>12</v>
      </c>
      <c r="AX16" s="260">
        <v>0</v>
      </c>
      <c r="AY16" s="261">
        <v>21</v>
      </c>
      <c r="AZ16" s="261">
        <v>25</v>
      </c>
      <c r="BA16" s="261">
        <v>19</v>
      </c>
      <c r="BB16" s="261">
        <v>20</v>
      </c>
      <c r="BC16" s="261">
        <v>19</v>
      </c>
      <c r="BD16" s="262">
        <v>104</v>
      </c>
      <c r="BE16" s="263">
        <v>116</v>
      </c>
      <c r="BF16" s="257">
        <v>0</v>
      </c>
      <c r="BG16" s="261">
        <v>0</v>
      </c>
      <c r="BH16" s="258">
        <v>0</v>
      </c>
      <c r="BI16" s="260">
        <v>0</v>
      </c>
      <c r="BJ16" s="261">
        <v>20</v>
      </c>
      <c r="BK16" s="261">
        <v>17</v>
      </c>
      <c r="BL16" s="261">
        <v>9</v>
      </c>
      <c r="BM16" s="261">
        <v>4</v>
      </c>
      <c r="BN16" s="261">
        <v>1</v>
      </c>
      <c r="BO16" s="258">
        <v>51</v>
      </c>
      <c r="BP16" s="263">
        <v>51</v>
      </c>
      <c r="BQ16" s="257">
        <v>0</v>
      </c>
      <c r="BR16" s="261">
        <v>0</v>
      </c>
      <c r="BS16" s="258">
        <v>0</v>
      </c>
      <c r="BT16" s="260">
        <v>0</v>
      </c>
      <c r="BU16" s="261">
        <v>2</v>
      </c>
      <c r="BV16" s="261">
        <v>2</v>
      </c>
      <c r="BW16" s="261">
        <v>3</v>
      </c>
      <c r="BX16" s="261">
        <v>2</v>
      </c>
      <c r="BY16" s="261">
        <v>1</v>
      </c>
      <c r="BZ16" s="258">
        <v>10</v>
      </c>
      <c r="CA16" s="263">
        <v>10</v>
      </c>
      <c r="CB16" s="257">
        <v>0</v>
      </c>
      <c r="CC16" s="261">
        <v>0</v>
      </c>
      <c r="CD16" s="258">
        <v>0</v>
      </c>
      <c r="CE16" s="260">
        <v>0</v>
      </c>
      <c r="CF16" s="261">
        <v>1</v>
      </c>
      <c r="CG16" s="261">
        <v>3</v>
      </c>
      <c r="CH16" s="261">
        <v>3</v>
      </c>
      <c r="CI16" s="261">
        <v>1</v>
      </c>
      <c r="CJ16" s="261">
        <v>0</v>
      </c>
      <c r="CK16" s="258">
        <v>8</v>
      </c>
      <c r="CL16" s="263">
        <v>8</v>
      </c>
      <c r="CM16" s="257">
        <v>0</v>
      </c>
      <c r="CN16" s="261">
        <v>0</v>
      </c>
      <c r="CO16" s="258">
        <v>0</v>
      </c>
      <c r="CP16" s="260">
        <v>0</v>
      </c>
      <c r="CQ16" s="261">
        <v>0</v>
      </c>
      <c r="CR16" s="261">
        <v>0</v>
      </c>
      <c r="CS16" s="261">
        <v>0</v>
      </c>
      <c r="CT16" s="261">
        <v>1</v>
      </c>
      <c r="CU16" s="261">
        <v>0</v>
      </c>
      <c r="CV16" s="258">
        <v>1</v>
      </c>
      <c r="CW16" s="263">
        <v>1</v>
      </c>
      <c r="CX16" s="257">
        <v>0</v>
      </c>
      <c r="CY16" s="261">
        <v>0</v>
      </c>
      <c r="CZ16" s="258">
        <v>0</v>
      </c>
      <c r="DA16" s="260">
        <v>0</v>
      </c>
      <c r="DB16" s="261">
        <v>0</v>
      </c>
      <c r="DC16" s="261">
        <v>0</v>
      </c>
      <c r="DD16" s="261">
        <v>0</v>
      </c>
      <c r="DE16" s="261">
        <v>0</v>
      </c>
      <c r="DF16" s="261">
        <v>0</v>
      </c>
      <c r="DG16" s="258">
        <v>0</v>
      </c>
      <c r="DH16" s="263">
        <v>0</v>
      </c>
      <c r="DI16" s="257">
        <v>0</v>
      </c>
      <c r="DJ16" s="261">
        <v>0</v>
      </c>
      <c r="DK16" s="258">
        <v>0</v>
      </c>
      <c r="DL16" s="260">
        <v>0</v>
      </c>
      <c r="DM16" s="261">
        <v>0</v>
      </c>
      <c r="DN16" s="261">
        <v>0</v>
      </c>
      <c r="DO16" s="261">
        <v>0</v>
      </c>
      <c r="DP16" s="261">
        <v>0</v>
      </c>
      <c r="DQ16" s="261">
        <v>0</v>
      </c>
      <c r="DR16" s="258">
        <v>0</v>
      </c>
      <c r="DS16" s="263">
        <v>0</v>
      </c>
      <c r="DT16" s="257">
        <v>4</v>
      </c>
      <c r="DU16" s="261">
        <v>14</v>
      </c>
      <c r="DV16" s="258">
        <v>18</v>
      </c>
      <c r="DW16" s="260">
        <v>0</v>
      </c>
      <c r="DX16" s="261">
        <v>16</v>
      </c>
      <c r="DY16" s="261">
        <v>36</v>
      </c>
      <c r="DZ16" s="261">
        <v>17</v>
      </c>
      <c r="EA16" s="261">
        <v>13</v>
      </c>
      <c r="EB16" s="261">
        <v>15</v>
      </c>
      <c r="EC16" s="258">
        <v>97</v>
      </c>
      <c r="ED16" s="263">
        <v>115</v>
      </c>
      <c r="EE16" s="257">
        <v>5</v>
      </c>
      <c r="EF16" s="261">
        <v>2</v>
      </c>
      <c r="EG16" s="258">
        <v>7</v>
      </c>
      <c r="EH16" s="260">
        <v>0</v>
      </c>
      <c r="EI16" s="261">
        <v>11</v>
      </c>
      <c r="EJ16" s="261">
        <v>9</v>
      </c>
      <c r="EK16" s="261">
        <v>8</v>
      </c>
      <c r="EL16" s="261">
        <v>10</v>
      </c>
      <c r="EM16" s="261">
        <v>6</v>
      </c>
      <c r="EN16" s="258">
        <v>44</v>
      </c>
      <c r="EO16" s="263">
        <v>51</v>
      </c>
      <c r="EP16" s="257">
        <v>5</v>
      </c>
      <c r="EQ16" s="261">
        <v>16</v>
      </c>
      <c r="ER16" s="258">
        <v>21</v>
      </c>
      <c r="ES16" s="260">
        <v>0</v>
      </c>
      <c r="ET16" s="261">
        <v>51</v>
      </c>
      <c r="EU16" s="261">
        <v>58</v>
      </c>
      <c r="EV16" s="261">
        <v>24</v>
      </c>
      <c r="EW16" s="261">
        <v>15</v>
      </c>
      <c r="EX16" s="261">
        <v>15</v>
      </c>
      <c r="EY16" s="258">
        <v>163</v>
      </c>
      <c r="EZ16" s="263">
        <v>184</v>
      </c>
    </row>
    <row r="17" spans="2:156" ht="21" customHeight="1" x14ac:dyDescent="0.2">
      <c r="B17" s="472" t="s">
        <v>15</v>
      </c>
      <c r="C17" s="257">
        <v>0</v>
      </c>
      <c r="D17" s="261">
        <v>0</v>
      </c>
      <c r="E17" s="358">
        <v>0</v>
      </c>
      <c r="F17" s="260">
        <v>0</v>
      </c>
      <c r="G17" s="261">
        <v>6</v>
      </c>
      <c r="H17" s="261">
        <v>5</v>
      </c>
      <c r="I17" s="261">
        <v>2</v>
      </c>
      <c r="J17" s="261">
        <v>3</v>
      </c>
      <c r="K17" s="261">
        <v>4</v>
      </c>
      <c r="L17" s="262">
        <v>20</v>
      </c>
      <c r="M17" s="263">
        <v>20</v>
      </c>
      <c r="N17" s="257">
        <v>0</v>
      </c>
      <c r="O17" s="261">
        <v>0</v>
      </c>
      <c r="P17" s="258">
        <v>0</v>
      </c>
      <c r="Q17" s="260">
        <v>0</v>
      </c>
      <c r="R17" s="261">
        <v>0</v>
      </c>
      <c r="S17" s="261">
        <v>0</v>
      </c>
      <c r="T17" s="261">
        <v>0</v>
      </c>
      <c r="U17" s="261">
        <v>1</v>
      </c>
      <c r="V17" s="261">
        <v>4</v>
      </c>
      <c r="W17" s="258">
        <v>5</v>
      </c>
      <c r="X17" s="263">
        <v>5</v>
      </c>
      <c r="Y17" s="257">
        <v>0</v>
      </c>
      <c r="Z17" s="261">
        <v>2</v>
      </c>
      <c r="AA17" s="258">
        <v>2</v>
      </c>
      <c r="AB17" s="260">
        <v>0</v>
      </c>
      <c r="AC17" s="261">
        <v>1</v>
      </c>
      <c r="AD17" s="261">
        <v>3</v>
      </c>
      <c r="AE17" s="261">
        <v>1</v>
      </c>
      <c r="AF17" s="261">
        <v>4</v>
      </c>
      <c r="AG17" s="261">
        <v>4</v>
      </c>
      <c r="AH17" s="258">
        <v>13</v>
      </c>
      <c r="AI17" s="263">
        <v>15</v>
      </c>
      <c r="AJ17" s="257">
        <v>0</v>
      </c>
      <c r="AK17" s="261">
        <v>1</v>
      </c>
      <c r="AL17" s="258">
        <v>1</v>
      </c>
      <c r="AM17" s="260">
        <v>0</v>
      </c>
      <c r="AN17" s="261">
        <v>0</v>
      </c>
      <c r="AO17" s="261">
        <v>0</v>
      </c>
      <c r="AP17" s="261">
        <v>0</v>
      </c>
      <c r="AQ17" s="261">
        <v>0</v>
      </c>
      <c r="AR17" s="261">
        <v>2</v>
      </c>
      <c r="AS17" s="258">
        <v>2</v>
      </c>
      <c r="AT17" s="263">
        <v>3</v>
      </c>
      <c r="AU17" s="257">
        <v>1</v>
      </c>
      <c r="AV17" s="261">
        <v>2</v>
      </c>
      <c r="AW17" s="258">
        <v>3</v>
      </c>
      <c r="AX17" s="260">
        <v>0</v>
      </c>
      <c r="AY17" s="261">
        <v>4</v>
      </c>
      <c r="AZ17" s="261">
        <v>6</v>
      </c>
      <c r="BA17" s="261">
        <v>6</v>
      </c>
      <c r="BB17" s="261">
        <v>4</v>
      </c>
      <c r="BC17" s="261">
        <v>4</v>
      </c>
      <c r="BD17" s="262">
        <v>24</v>
      </c>
      <c r="BE17" s="263">
        <v>27</v>
      </c>
      <c r="BF17" s="257">
        <v>0</v>
      </c>
      <c r="BG17" s="261">
        <v>0</v>
      </c>
      <c r="BH17" s="258">
        <v>0</v>
      </c>
      <c r="BI17" s="260">
        <v>0</v>
      </c>
      <c r="BJ17" s="261">
        <v>3</v>
      </c>
      <c r="BK17" s="261">
        <v>4</v>
      </c>
      <c r="BL17" s="261">
        <v>1</v>
      </c>
      <c r="BM17" s="261">
        <v>1</v>
      </c>
      <c r="BN17" s="261">
        <v>0</v>
      </c>
      <c r="BO17" s="258">
        <v>9</v>
      </c>
      <c r="BP17" s="263">
        <v>9</v>
      </c>
      <c r="BQ17" s="257">
        <v>0</v>
      </c>
      <c r="BR17" s="261">
        <v>0</v>
      </c>
      <c r="BS17" s="258">
        <v>0</v>
      </c>
      <c r="BT17" s="260">
        <v>0</v>
      </c>
      <c r="BU17" s="261">
        <v>1</v>
      </c>
      <c r="BV17" s="261">
        <v>2</v>
      </c>
      <c r="BW17" s="261">
        <v>1</v>
      </c>
      <c r="BX17" s="261">
        <v>3</v>
      </c>
      <c r="BY17" s="261">
        <v>2</v>
      </c>
      <c r="BZ17" s="258">
        <v>9</v>
      </c>
      <c r="CA17" s="263">
        <v>9</v>
      </c>
      <c r="CB17" s="257">
        <v>0</v>
      </c>
      <c r="CC17" s="261">
        <v>0</v>
      </c>
      <c r="CD17" s="258">
        <v>0</v>
      </c>
      <c r="CE17" s="260">
        <v>0</v>
      </c>
      <c r="CF17" s="261">
        <v>0</v>
      </c>
      <c r="CG17" s="261">
        <v>1</v>
      </c>
      <c r="CH17" s="261">
        <v>4</v>
      </c>
      <c r="CI17" s="261">
        <v>1</v>
      </c>
      <c r="CJ17" s="261">
        <v>0</v>
      </c>
      <c r="CK17" s="258">
        <v>6</v>
      </c>
      <c r="CL17" s="263">
        <v>6</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c r="DI17" s="257">
        <v>0</v>
      </c>
      <c r="DJ17" s="261">
        <v>0</v>
      </c>
      <c r="DK17" s="258">
        <v>0</v>
      </c>
      <c r="DL17" s="260">
        <v>0</v>
      </c>
      <c r="DM17" s="261">
        <v>0</v>
      </c>
      <c r="DN17" s="261">
        <v>0</v>
      </c>
      <c r="DO17" s="261">
        <v>0</v>
      </c>
      <c r="DP17" s="261">
        <v>0</v>
      </c>
      <c r="DQ17" s="261">
        <v>0</v>
      </c>
      <c r="DR17" s="258">
        <v>0</v>
      </c>
      <c r="DS17" s="263">
        <v>0</v>
      </c>
      <c r="DT17" s="257">
        <v>2</v>
      </c>
      <c r="DU17" s="261">
        <v>3</v>
      </c>
      <c r="DV17" s="258">
        <v>5</v>
      </c>
      <c r="DW17" s="260">
        <v>0</v>
      </c>
      <c r="DX17" s="261">
        <v>6</v>
      </c>
      <c r="DY17" s="261">
        <v>12</v>
      </c>
      <c r="DZ17" s="261">
        <v>5</v>
      </c>
      <c r="EA17" s="261">
        <v>6</v>
      </c>
      <c r="EB17" s="261">
        <v>7</v>
      </c>
      <c r="EC17" s="258">
        <v>36</v>
      </c>
      <c r="ED17" s="263">
        <v>41</v>
      </c>
      <c r="EE17" s="257">
        <v>1</v>
      </c>
      <c r="EF17" s="261">
        <v>1</v>
      </c>
      <c r="EG17" s="258">
        <v>2</v>
      </c>
      <c r="EH17" s="260">
        <v>0</v>
      </c>
      <c r="EI17" s="261">
        <v>6</v>
      </c>
      <c r="EJ17" s="261">
        <v>3</v>
      </c>
      <c r="EK17" s="261">
        <v>2</v>
      </c>
      <c r="EL17" s="261">
        <v>3</v>
      </c>
      <c r="EM17" s="261">
        <v>1</v>
      </c>
      <c r="EN17" s="258">
        <v>15</v>
      </c>
      <c r="EO17" s="263">
        <v>17</v>
      </c>
      <c r="EP17" s="257">
        <v>2</v>
      </c>
      <c r="EQ17" s="261">
        <v>5</v>
      </c>
      <c r="ER17" s="258">
        <v>7</v>
      </c>
      <c r="ES17" s="260">
        <v>0</v>
      </c>
      <c r="ET17" s="261">
        <v>12</v>
      </c>
      <c r="EU17" s="261">
        <v>15</v>
      </c>
      <c r="EV17" s="261">
        <v>7</v>
      </c>
      <c r="EW17" s="261">
        <v>7</v>
      </c>
      <c r="EX17" s="261">
        <v>7</v>
      </c>
      <c r="EY17" s="258">
        <v>48</v>
      </c>
      <c r="EZ17" s="263">
        <v>55</v>
      </c>
    </row>
    <row r="18" spans="2:156" ht="21" customHeight="1" x14ac:dyDescent="0.2">
      <c r="B18" s="472" t="s">
        <v>16</v>
      </c>
      <c r="C18" s="257">
        <v>0</v>
      </c>
      <c r="D18" s="261">
        <v>0</v>
      </c>
      <c r="E18" s="358">
        <v>0</v>
      </c>
      <c r="F18" s="260">
        <v>0</v>
      </c>
      <c r="G18" s="261">
        <v>10</v>
      </c>
      <c r="H18" s="261">
        <v>17</v>
      </c>
      <c r="I18" s="261">
        <v>6</v>
      </c>
      <c r="J18" s="261">
        <v>6</v>
      </c>
      <c r="K18" s="261">
        <v>2</v>
      </c>
      <c r="L18" s="262">
        <v>41</v>
      </c>
      <c r="M18" s="263">
        <v>41</v>
      </c>
      <c r="N18" s="257">
        <v>0</v>
      </c>
      <c r="O18" s="261">
        <v>0</v>
      </c>
      <c r="P18" s="258">
        <v>0</v>
      </c>
      <c r="Q18" s="260">
        <v>0</v>
      </c>
      <c r="R18" s="261">
        <v>0</v>
      </c>
      <c r="S18" s="261">
        <v>1</v>
      </c>
      <c r="T18" s="261">
        <v>0</v>
      </c>
      <c r="U18" s="261">
        <v>2</v>
      </c>
      <c r="V18" s="261">
        <v>3</v>
      </c>
      <c r="W18" s="258">
        <v>6</v>
      </c>
      <c r="X18" s="263">
        <v>6</v>
      </c>
      <c r="Y18" s="257">
        <v>3</v>
      </c>
      <c r="Z18" s="261">
        <v>2</v>
      </c>
      <c r="AA18" s="258">
        <v>5</v>
      </c>
      <c r="AB18" s="260">
        <v>0</v>
      </c>
      <c r="AC18" s="261">
        <v>7</v>
      </c>
      <c r="AD18" s="261">
        <v>16</v>
      </c>
      <c r="AE18" s="261">
        <v>8</v>
      </c>
      <c r="AF18" s="261">
        <v>6</v>
      </c>
      <c r="AG18" s="261">
        <v>3</v>
      </c>
      <c r="AH18" s="258">
        <v>40</v>
      </c>
      <c r="AI18" s="263">
        <v>45</v>
      </c>
      <c r="AJ18" s="257">
        <v>1</v>
      </c>
      <c r="AK18" s="261">
        <v>0</v>
      </c>
      <c r="AL18" s="258">
        <v>1</v>
      </c>
      <c r="AM18" s="260">
        <v>0</v>
      </c>
      <c r="AN18" s="261">
        <v>1</v>
      </c>
      <c r="AO18" s="261">
        <v>1</v>
      </c>
      <c r="AP18" s="261">
        <v>2</v>
      </c>
      <c r="AQ18" s="261">
        <v>0</v>
      </c>
      <c r="AR18" s="261">
        <v>0</v>
      </c>
      <c r="AS18" s="258">
        <v>4</v>
      </c>
      <c r="AT18" s="263">
        <v>5</v>
      </c>
      <c r="AU18" s="257">
        <v>3</v>
      </c>
      <c r="AV18" s="261">
        <v>1</v>
      </c>
      <c r="AW18" s="258">
        <v>4</v>
      </c>
      <c r="AX18" s="260">
        <v>0</v>
      </c>
      <c r="AY18" s="261">
        <v>11</v>
      </c>
      <c r="AZ18" s="261">
        <v>19</v>
      </c>
      <c r="BA18" s="261">
        <v>16</v>
      </c>
      <c r="BB18" s="261">
        <v>16</v>
      </c>
      <c r="BC18" s="261">
        <v>14</v>
      </c>
      <c r="BD18" s="262">
        <v>76</v>
      </c>
      <c r="BE18" s="263">
        <v>80</v>
      </c>
      <c r="BF18" s="257">
        <v>0</v>
      </c>
      <c r="BG18" s="261">
        <v>0</v>
      </c>
      <c r="BH18" s="258">
        <v>0</v>
      </c>
      <c r="BI18" s="260">
        <v>0</v>
      </c>
      <c r="BJ18" s="261">
        <v>27</v>
      </c>
      <c r="BK18" s="261">
        <v>22</v>
      </c>
      <c r="BL18" s="261">
        <v>7</v>
      </c>
      <c r="BM18" s="261">
        <v>3</v>
      </c>
      <c r="BN18" s="261">
        <v>2</v>
      </c>
      <c r="BO18" s="258">
        <v>61</v>
      </c>
      <c r="BP18" s="263">
        <v>61</v>
      </c>
      <c r="BQ18" s="257">
        <v>1</v>
      </c>
      <c r="BR18" s="261">
        <v>5</v>
      </c>
      <c r="BS18" s="258">
        <v>6</v>
      </c>
      <c r="BT18" s="260">
        <v>0</v>
      </c>
      <c r="BU18" s="261">
        <v>10</v>
      </c>
      <c r="BV18" s="261">
        <v>23</v>
      </c>
      <c r="BW18" s="261">
        <v>6</v>
      </c>
      <c r="BX18" s="261">
        <v>4</v>
      </c>
      <c r="BY18" s="261">
        <v>1</v>
      </c>
      <c r="BZ18" s="258">
        <v>44</v>
      </c>
      <c r="CA18" s="263">
        <v>50</v>
      </c>
      <c r="CB18" s="257">
        <v>0</v>
      </c>
      <c r="CC18" s="261">
        <v>0</v>
      </c>
      <c r="CD18" s="258">
        <v>0</v>
      </c>
      <c r="CE18" s="260">
        <v>0</v>
      </c>
      <c r="CF18" s="261">
        <v>6</v>
      </c>
      <c r="CG18" s="261">
        <v>4</v>
      </c>
      <c r="CH18" s="261">
        <v>4</v>
      </c>
      <c r="CI18" s="261">
        <v>1</v>
      </c>
      <c r="CJ18" s="261">
        <v>0</v>
      </c>
      <c r="CK18" s="258">
        <v>15</v>
      </c>
      <c r="CL18" s="263">
        <v>15</v>
      </c>
      <c r="CM18" s="257">
        <v>0</v>
      </c>
      <c r="CN18" s="261">
        <v>0</v>
      </c>
      <c r="CO18" s="258">
        <v>0</v>
      </c>
      <c r="CP18" s="260">
        <v>0</v>
      </c>
      <c r="CQ18" s="261">
        <v>1</v>
      </c>
      <c r="CR18" s="261">
        <v>0</v>
      </c>
      <c r="CS18" s="261">
        <v>1</v>
      </c>
      <c r="CT18" s="261">
        <v>1</v>
      </c>
      <c r="CU18" s="261">
        <v>0</v>
      </c>
      <c r="CV18" s="258">
        <v>3</v>
      </c>
      <c r="CW18" s="263">
        <v>3</v>
      </c>
      <c r="CX18" s="257">
        <v>0</v>
      </c>
      <c r="CY18" s="261">
        <v>0</v>
      </c>
      <c r="CZ18" s="258">
        <v>0</v>
      </c>
      <c r="DA18" s="260">
        <v>0</v>
      </c>
      <c r="DB18" s="261">
        <v>0</v>
      </c>
      <c r="DC18" s="261">
        <v>0</v>
      </c>
      <c r="DD18" s="261">
        <v>0</v>
      </c>
      <c r="DE18" s="261">
        <v>0</v>
      </c>
      <c r="DF18" s="261">
        <v>0</v>
      </c>
      <c r="DG18" s="258">
        <v>0</v>
      </c>
      <c r="DH18" s="263">
        <v>0</v>
      </c>
      <c r="DI18" s="257">
        <v>0</v>
      </c>
      <c r="DJ18" s="261">
        <v>0</v>
      </c>
      <c r="DK18" s="258">
        <v>0</v>
      </c>
      <c r="DL18" s="260">
        <v>0</v>
      </c>
      <c r="DM18" s="261">
        <v>0</v>
      </c>
      <c r="DN18" s="261">
        <v>0</v>
      </c>
      <c r="DO18" s="261">
        <v>0</v>
      </c>
      <c r="DP18" s="261">
        <v>0</v>
      </c>
      <c r="DQ18" s="261">
        <v>0</v>
      </c>
      <c r="DR18" s="258">
        <v>0</v>
      </c>
      <c r="DS18" s="263">
        <v>0</v>
      </c>
      <c r="DT18" s="257">
        <v>10</v>
      </c>
      <c r="DU18" s="261">
        <v>17</v>
      </c>
      <c r="DV18" s="258">
        <v>27</v>
      </c>
      <c r="DW18" s="260">
        <v>0</v>
      </c>
      <c r="DX18" s="261">
        <v>25</v>
      </c>
      <c r="DY18" s="261">
        <v>52</v>
      </c>
      <c r="DZ18" s="261">
        <v>26</v>
      </c>
      <c r="EA18" s="261">
        <v>14</v>
      </c>
      <c r="EB18" s="261">
        <v>11</v>
      </c>
      <c r="EC18" s="258">
        <v>128</v>
      </c>
      <c r="ED18" s="263">
        <v>155</v>
      </c>
      <c r="EE18" s="257">
        <v>3</v>
      </c>
      <c r="EF18" s="261">
        <v>1</v>
      </c>
      <c r="EG18" s="258">
        <v>4</v>
      </c>
      <c r="EH18" s="260">
        <v>0</v>
      </c>
      <c r="EI18" s="261">
        <v>7</v>
      </c>
      <c r="EJ18" s="261">
        <v>9</v>
      </c>
      <c r="EK18" s="261">
        <v>11</v>
      </c>
      <c r="EL18" s="261">
        <v>11</v>
      </c>
      <c r="EM18" s="261">
        <v>6</v>
      </c>
      <c r="EN18" s="258">
        <v>44</v>
      </c>
      <c r="EO18" s="263">
        <v>48</v>
      </c>
      <c r="EP18" s="257">
        <v>14</v>
      </c>
      <c r="EQ18" s="261">
        <v>20</v>
      </c>
      <c r="ER18" s="258">
        <v>34</v>
      </c>
      <c r="ES18" s="260">
        <v>0</v>
      </c>
      <c r="ET18" s="261">
        <v>53</v>
      </c>
      <c r="EU18" s="261">
        <v>72</v>
      </c>
      <c r="EV18" s="261">
        <v>32</v>
      </c>
      <c r="EW18" s="261">
        <v>15</v>
      </c>
      <c r="EX18" s="261">
        <v>10</v>
      </c>
      <c r="EY18" s="258">
        <v>182</v>
      </c>
      <c r="EZ18" s="263">
        <v>216</v>
      </c>
    </row>
    <row r="19" spans="2:156" ht="21" customHeight="1" x14ac:dyDescent="0.2">
      <c r="B19" s="472" t="s">
        <v>17</v>
      </c>
      <c r="C19" s="257">
        <v>0</v>
      </c>
      <c r="D19" s="261">
        <v>0</v>
      </c>
      <c r="E19" s="358">
        <v>0</v>
      </c>
      <c r="F19" s="260">
        <v>0</v>
      </c>
      <c r="G19" s="261">
        <v>14</v>
      </c>
      <c r="H19" s="261">
        <v>17</v>
      </c>
      <c r="I19" s="261">
        <v>17</v>
      </c>
      <c r="J19" s="261">
        <v>8</v>
      </c>
      <c r="K19" s="261">
        <v>5</v>
      </c>
      <c r="L19" s="262">
        <v>61</v>
      </c>
      <c r="M19" s="263">
        <v>61</v>
      </c>
      <c r="N19" s="257">
        <v>0</v>
      </c>
      <c r="O19" s="261">
        <v>0</v>
      </c>
      <c r="P19" s="258">
        <v>0</v>
      </c>
      <c r="Q19" s="260">
        <v>0</v>
      </c>
      <c r="R19" s="261">
        <v>0</v>
      </c>
      <c r="S19" s="261">
        <v>1</v>
      </c>
      <c r="T19" s="261">
        <v>1</v>
      </c>
      <c r="U19" s="261">
        <v>2</v>
      </c>
      <c r="V19" s="261">
        <v>2</v>
      </c>
      <c r="W19" s="258">
        <v>6</v>
      </c>
      <c r="X19" s="263">
        <v>6</v>
      </c>
      <c r="Y19" s="257">
        <v>5</v>
      </c>
      <c r="Z19" s="261">
        <v>6</v>
      </c>
      <c r="AA19" s="258">
        <v>11</v>
      </c>
      <c r="AB19" s="260">
        <v>0</v>
      </c>
      <c r="AC19" s="261">
        <v>15</v>
      </c>
      <c r="AD19" s="261">
        <v>17</v>
      </c>
      <c r="AE19" s="261">
        <v>17</v>
      </c>
      <c r="AF19" s="261">
        <v>13</v>
      </c>
      <c r="AG19" s="261">
        <v>9</v>
      </c>
      <c r="AH19" s="258">
        <v>71</v>
      </c>
      <c r="AI19" s="263">
        <v>82</v>
      </c>
      <c r="AJ19" s="257">
        <v>0</v>
      </c>
      <c r="AK19" s="261">
        <v>0</v>
      </c>
      <c r="AL19" s="258">
        <v>0</v>
      </c>
      <c r="AM19" s="260">
        <v>0</v>
      </c>
      <c r="AN19" s="261">
        <v>1</v>
      </c>
      <c r="AO19" s="261">
        <v>1</v>
      </c>
      <c r="AP19" s="261">
        <v>2</v>
      </c>
      <c r="AQ19" s="261">
        <v>3</v>
      </c>
      <c r="AR19" s="261">
        <v>0</v>
      </c>
      <c r="AS19" s="258">
        <v>7</v>
      </c>
      <c r="AT19" s="263">
        <v>7</v>
      </c>
      <c r="AU19" s="257">
        <v>4</v>
      </c>
      <c r="AV19" s="261">
        <v>6</v>
      </c>
      <c r="AW19" s="258">
        <v>10</v>
      </c>
      <c r="AX19" s="260">
        <v>0</v>
      </c>
      <c r="AY19" s="261">
        <v>14</v>
      </c>
      <c r="AZ19" s="261">
        <v>26</v>
      </c>
      <c r="BA19" s="261">
        <v>23</v>
      </c>
      <c r="BB19" s="261">
        <v>31</v>
      </c>
      <c r="BC19" s="261">
        <v>17</v>
      </c>
      <c r="BD19" s="262">
        <v>111</v>
      </c>
      <c r="BE19" s="263">
        <v>121</v>
      </c>
      <c r="BF19" s="257">
        <v>0</v>
      </c>
      <c r="BG19" s="261">
        <v>0</v>
      </c>
      <c r="BH19" s="258">
        <v>0</v>
      </c>
      <c r="BI19" s="260">
        <v>0</v>
      </c>
      <c r="BJ19" s="261">
        <v>21</v>
      </c>
      <c r="BK19" s="261">
        <v>26</v>
      </c>
      <c r="BL19" s="261">
        <v>17</v>
      </c>
      <c r="BM19" s="261">
        <v>13</v>
      </c>
      <c r="BN19" s="261">
        <v>2</v>
      </c>
      <c r="BO19" s="258">
        <v>79</v>
      </c>
      <c r="BP19" s="263">
        <v>79</v>
      </c>
      <c r="BQ19" s="257">
        <v>7</v>
      </c>
      <c r="BR19" s="261">
        <v>5</v>
      </c>
      <c r="BS19" s="258">
        <v>12</v>
      </c>
      <c r="BT19" s="260">
        <v>0</v>
      </c>
      <c r="BU19" s="261">
        <v>8</v>
      </c>
      <c r="BV19" s="261">
        <v>11</v>
      </c>
      <c r="BW19" s="261">
        <v>12</v>
      </c>
      <c r="BX19" s="261">
        <v>3</v>
      </c>
      <c r="BY19" s="261">
        <v>3</v>
      </c>
      <c r="BZ19" s="258">
        <v>37</v>
      </c>
      <c r="CA19" s="263">
        <v>49</v>
      </c>
      <c r="CB19" s="257">
        <v>0</v>
      </c>
      <c r="CC19" s="261">
        <v>1</v>
      </c>
      <c r="CD19" s="258">
        <v>1</v>
      </c>
      <c r="CE19" s="260">
        <v>0</v>
      </c>
      <c r="CF19" s="261">
        <v>3</v>
      </c>
      <c r="CG19" s="261">
        <v>4</v>
      </c>
      <c r="CH19" s="261">
        <v>6</v>
      </c>
      <c r="CI19" s="261">
        <v>7</v>
      </c>
      <c r="CJ19" s="261">
        <v>3</v>
      </c>
      <c r="CK19" s="258">
        <v>23</v>
      </c>
      <c r="CL19" s="263">
        <v>24</v>
      </c>
      <c r="CM19" s="257">
        <v>0</v>
      </c>
      <c r="CN19" s="261">
        <v>0</v>
      </c>
      <c r="CO19" s="258">
        <v>0</v>
      </c>
      <c r="CP19" s="260">
        <v>0</v>
      </c>
      <c r="CQ19" s="261">
        <v>0</v>
      </c>
      <c r="CR19" s="261">
        <v>2</v>
      </c>
      <c r="CS19" s="261">
        <v>2</v>
      </c>
      <c r="CT19" s="261">
        <v>1</v>
      </c>
      <c r="CU19" s="261">
        <v>0</v>
      </c>
      <c r="CV19" s="258">
        <v>5</v>
      </c>
      <c r="CW19" s="263">
        <v>5</v>
      </c>
      <c r="CX19" s="257">
        <v>0</v>
      </c>
      <c r="CY19" s="261">
        <v>0</v>
      </c>
      <c r="CZ19" s="258">
        <v>0</v>
      </c>
      <c r="DA19" s="260">
        <v>0</v>
      </c>
      <c r="DB19" s="261">
        <v>0</v>
      </c>
      <c r="DC19" s="261">
        <v>0</v>
      </c>
      <c r="DD19" s="261">
        <v>0</v>
      </c>
      <c r="DE19" s="261">
        <v>0</v>
      </c>
      <c r="DF19" s="261">
        <v>0</v>
      </c>
      <c r="DG19" s="258">
        <v>0</v>
      </c>
      <c r="DH19" s="263">
        <v>0</v>
      </c>
      <c r="DI19" s="257">
        <v>0</v>
      </c>
      <c r="DJ19" s="261">
        <v>0</v>
      </c>
      <c r="DK19" s="258">
        <v>0</v>
      </c>
      <c r="DL19" s="260">
        <v>0</v>
      </c>
      <c r="DM19" s="261">
        <v>0</v>
      </c>
      <c r="DN19" s="261">
        <v>0</v>
      </c>
      <c r="DO19" s="261">
        <v>0</v>
      </c>
      <c r="DP19" s="261">
        <v>0</v>
      </c>
      <c r="DQ19" s="261">
        <v>0</v>
      </c>
      <c r="DR19" s="258">
        <v>0</v>
      </c>
      <c r="DS19" s="263">
        <v>0</v>
      </c>
      <c r="DT19" s="257">
        <v>19</v>
      </c>
      <c r="DU19" s="261">
        <v>24</v>
      </c>
      <c r="DV19" s="258">
        <v>43</v>
      </c>
      <c r="DW19" s="260">
        <v>0</v>
      </c>
      <c r="DX19" s="261">
        <v>26</v>
      </c>
      <c r="DY19" s="261">
        <v>64</v>
      </c>
      <c r="DZ19" s="261">
        <v>56</v>
      </c>
      <c r="EA19" s="261">
        <v>25</v>
      </c>
      <c r="EB19" s="261">
        <v>14</v>
      </c>
      <c r="EC19" s="258">
        <v>185</v>
      </c>
      <c r="ED19" s="263">
        <v>228</v>
      </c>
      <c r="EE19" s="257">
        <v>2</v>
      </c>
      <c r="EF19" s="261">
        <v>3</v>
      </c>
      <c r="EG19" s="258">
        <v>5</v>
      </c>
      <c r="EH19" s="260">
        <v>0</v>
      </c>
      <c r="EI19" s="261">
        <v>10</v>
      </c>
      <c r="EJ19" s="261">
        <v>11</v>
      </c>
      <c r="EK19" s="261">
        <v>8</v>
      </c>
      <c r="EL19" s="261">
        <v>16</v>
      </c>
      <c r="EM19" s="261">
        <v>7</v>
      </c>
      <c r="EN19" s="258">
        <v>52</v>
      </c>
      <c r="EO19" s="263">
        <v>57</v>
      </c>
      <c r="EP19" s="257">
        <v>27</v>
      </c>
      <c r="EQ19" s="261">
        <v>29</v>
      </c>
      <c r="ER19" s="258">
        <v>56</v>
      </c>
      <c r="ES19" s="260">
        <v>0</v>
      </c>
      <c r="ET19" s="261">
        <v>66</v>
      </c>
      <c r="EU19" s="261">
        <v>85</v>
      </c>
      <c r="EV19" s="261">
        <v>66</v>
      </c>
      <c r="EW19" s="261">
        <v>31</v>
      </c>
      <c r="EX19" s="261">
        <v>16</v>
      </c>
      <c r="EY19" s="258">
        <v>264</v>
      </c>
      <c r="EZ19" s="263">
        <v>320</v>
      </c>
    </row>
    <row r="20" spans="2:156" ht="21" customHeight="1" x14ac:dyDescent="0.2">
      <c r="B20" s="472" t="s">
        <v>18</v>
      </c>
      <c r="C20" s="257">
        <v>0</v>
      </c>
      <c r="D20" s="261">
        <v>0</v>
      </c>
      <c r="E20" s="358">
        <v>0</v>
      </c>
      <c r="F20" s="260">
        <v>0</v>
      </c>
      <c r="G20" s="261">
        <v>27</v>
      </c>
      <c r="H20" s="261">
        <v>29</v>
      </c>
      <c r="I20" s="261">
        <v>17</v>
      </c>
      <c r="J20" s="261">
        <v>17</v>
      </c>
      <c r="K20" s="261">
        <v>8</v>
      </c>
      <c r="L20" s="262">
        <v>98</v>
      </c>
      <c r="M20" s="263">
        <v>98</v>
      </c>
      <c r="N20" s="257">
        <v>0</v>
      </c>
      <c r="O20" s="261">
        <v>0</v>
      </c>
      <c r="P20" s="258">
        <v>0</v>
      </c>
      <c r="Q20" s="260">
        <v>0</v>
      </c>
      <c r="R20" s="261">
        <v>0</v>
      </c>
      <c r="S20" s="261">
        <v>0</v>
      </c>
      <c r="T20" s="261">
        <v>2</v>
      </c>
      <c r="U20" s="261">
        <v>3</v>
      </c>
      <c r="V20" s="261">
        <v>3</v>
      </c>
      <c r="W20" s="258">
        <v>8</v>
      </c>
      <c r="X20" s="263">
        <v>8</v>
      </c>
      <c r="Y20" s="257">
        <v>6</v>
      </c>
      <c r="Z20" s="261">
        <v>5</v>
      </c>
      <c r="AA20" s="258">
        <v>11</v>
      </c>
      <c r="AB20" s="260">
        <v>0</v>
      </c>
      <c r="AC20" s="261">
        <v>20</v>
      </c>
      <c r="AD20" s="261">
        <v>26</v>
      </c>
      <c r="AE20" s="261">
        <v>16</v>
      </c>
      <c r="AF20" s="261">
        <v>8</v>
      </c>
      <c r="AG20" s="261">
        <v>11</v>
      </c>
      <c r="AH20" s="258">
        <v>81</v>
      </c>
      <c r="AI20" s="263">
        <v>92</v>
      </c>
      <c r="AJ20" s="257">
        <v>1</v>
      </c>
      <c r="AK20" s="261">
        <v>0</v>
      </c>
      <c r="AL20" s="258">
        <v>1</v>
      </c>
      <c r="AM20" s="260">
        <v>0</v>
      </c>
      <c r="AN20" s="261">
        <v>4</v>
      </c>
      <c r="AO20" s="261">
        <v>3</v>
      </c>
      <c r="AP20" s="261">
        <v>3</v>
      </c>
      <c r="AQ20" s="261">
        <v>0</v>
      </c>
      <c r="AR20" s="261">
        <v>1</v>
      </c>
      <c r="AS20" s="258">
        <v>11</v>
      </c>
      <c r="AT20" s="263">
        <v>12</v>
      </c>
      <c r="AU20" s="257">
        <v>5</v>
      </c>
      <c r="AV20" s="261">
        <v>6</v>
      </c>
      <c r="AW20" s="258">
        <v>11</v>
      </c>
      <c r="AX20" s="260">
        <v>0</v>
      </c>
      <c r="AY20" s="261">
        <v>32</v>
      </c>
      <c r="AZ20" s="261">
        <v>30</v>
      </c>
      <c r="BA20" s="261">
        <v>36</v>
      </c>
      <c r="BB20" s="261">
        <v>30</v>
      </c>
      <c r="BC20" s="261">
        <v>23</v>
      </c>
      <c r="BD20" s="262">
        <v>151</v>
      </c>
      <c r="BE20" s="263">
        <v>162</v>
      </c>
      <c r="BF20" s="257">
        <v>0</v>
      </c>
      <c r="BG20" s="261">
        <v>0</v>
      </c>
      <c r="BH20" s="258">
        <v>0</v>
      </c>
      <c r="BI20" s="260">
        <v>0</v>
      </c>
      <c r="BJ20" s="261">
        <v>35</v>
      </c>
      <c r="BK20" s="261">
        <v>42</v>
      </c>
      <c r="BL20" s="261">
        <v>20</v>
      </c>
      <c r="BM20" s="261">
        <v>12</v>
      </c>
      <c r="BN20" s="261">
        <v>5</v>
      </c>
      <c r="BO20" s="258">
        <v>114</v>
      </c>
      <c r="BP20" s="263">
        <v>114</v>
      </c>
      <c r="BQ20" s="257">
        <v>6</v>
      </c>
      <c r="BR20" s="261">
        <v>6</v>
      </c>
      <c r="BS20" s="258">
        <v>12</v>
      </c>
      <c r="BT20" s="260">
        <v>0</v>
      </c>
      <c r="BU20" s="261">
        <v>13</v>
      </c>
      <c r="BV20" s="261">
        <v>17</v>
      </c>
      <c r="BW20" s="261">
        <v>6</v>
      </c>
      <c r="BX20" s="261">
        <v>5</v>
      </c>
      <c r="BY20" s="261">
        <v>3</v>
      </c>
      <c r="BZ20" s="258">
        <v>44</v>
      </c>
      <c r="CA20" s="263">
        <v>56</v>
      </c>
      <c r="CB20" s="257">
        <v>0</v>
      </c>
      <c r="CC20" s="261">
        <v>0</v>
      </c>
      <c r="CD20" s="258">
        <v>0</v>
      </c>
      <c r="CE20" s="260">
        <v>0</v>
      </c>
      <c r="CF20" s="261">
        <v>1</v>
      </c>
      <c r="CG20" s="261">
        <v>8</v>
      </c>
      <c r="CH20" s="261">
        <v>9</v>
      </c>
      <c r="CI20" s="261">
        <v>8</v>
      </c>
      <c r="CJ20" s="261">
        <v>4</v>
      </c>
      <c r="CK20" s="258">
        <v>30</v>
      </c>
      <c r="CL20" s="263">
        <v>3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c r="DI20" s="257">
        <v>0</v>
      </c>
      <c r="DJ20" s="261">
        <v>0</v>
      </c>
      <c r="DK20" s="258">
        <v>0</v>
      </c>
      <c r="DL20" s="260">
        <v>0</v>
      </c>
      <c r="DM20" s="261">
        <v>0</v>
      </c>
      <c r="DN20" s="261">
        <v>0</v>
      </c>
      <c r="DO20" s="261">
        <v>0</v>
      </c>
      <c r="DP20" s="261">
        <v>0</v>
      </c>
      <c r="DQ20" s="261">
        <v>0</v>
      </c>
      <c r="DR20" s="258">
        <v>0</v>
      </c>
      <c r="DS20" s="263">
        <v>0</v>
      </c>
      <c r="DT20" s="257">
        <v>10</v>
      </c>
      <c r="DU20" s="261">
        <v>23</v>
      </c>
      <c r="DV20" s="258">
        <v>33</v>
      </c>
      <c r="DW20" s="260">
        <v>0</v>
      </c>
      <c r="DX20" s="261">
        <v>54</v>
      </c>
      <c r="DY20" s="261">
        <v>67</v>
      </c>
      <c r="DZ20" s="261">
        <v>55</v>
      </c>
      <c r="EA20" s="261">
        <v>32</v>
      </c>
      <c r="EB20" s="261">
        <v>22</v>
      </c>
      <c r="EC20" s="258">
        <v>230</v>
      </c>
      <c r="ED20" s="263">
        <v>263</v>
      </c>
      <c r="EE20" s="257">
        <v>4</v>
      </c>
      <c r="EF20" s="261">
        <v>2</v>
      </c>
      <c r="EG20" s="258">
        <v>6</v>
      </c>
      <c r="EH20" s="260">
        <v>0</v>
      </c>
      <c r="EI20" s="261">
        <v>14</v>
      </c>
      <c r="EJ20" s="261">
        <v>14</v>
      </c>
      <c r="EK20" s="261">
        <v>7</v>
      </c>
      <c r="EL20" s="261">
        <v>10</v>
      </c>
      <c r="EM20" s="261">
        <v>11</v>
      </c>
      <c r="EN20" s="258">
        <v>56</v>
      </c>
      <c r="EO20" s="263">
        <v>62</v>
      </c>
      <c r="EP20" s="257">
        <v>19</v>
      </c>
      <c r="EQ20" s="261">
        <v>29</v>
      </c>
      <c r="ER20" s="258">
        <v>48</v>
      </c>
      <c r="ES20" s="260">
        <v>0</v>
      </c>
      <c r="ET20" s="261">
        <v>104</v>
      </c>
      <c r="EU20" s="261">
        <v>105</v>
      </c>
      <c r="EV20" s="261">
        <v>60</v>
      </c>
      <c r="EW20" s="261">
        <v>38</v>
      </c>
      <c r="EX20" s="261">
        <v>19</v>
      </c>
      <c r="EY20" s="258">
        <v>326</v>
      </c>
      <c r="EZ20" s="263">
        <v>374</v>
      </c>
    </row>
    <row r="21" spans="2:156" ht="21" customHeight="1" x14ac:dyDescent="0.2">
      <c r="B21" s="472" t="s">
        <v>19</v>
      </c>
      <c r="C21" s="257">
        <v>0</v>
      </c>
      <c r="D21" s="261">
        <v>0</v>
      </c>
      <c r="E21" s="358">
        <v>0</v>
      </c>
      <c r="F21" s="260">
        <v>0</v>
      </c>
      <c r="G21" s="261">
        <v>9</v>
      </c>
      <c r="H21" s="261">
        <v>7</v>
      </c>
      <c r="I21" s="261">
        <v>4</v>
      </c>
      <c r="J21" s="261">
        <v>3</v>
      </c>
      <c r="K21" s="261">
        <v>5</v>
      </c>
      <c r="L21" s="262">
        <v>28</v>
      </c>
      <c r="M21" s="263">
        <v>28</v>
      </c>
      <c r="N21" s="257">
        <v>0</v>
      </c>
      <c r="O21" s="261">
        <v>0</v>
      </c>
      <c r="P21" s="258">
        <v>0</v>
      </c>
      <c r="Q21" s="260">
        <v>0</v>
      </c>
      <c r="R21" s="261">
        <v>0</v>
      </c>
      <c r="S21" s="261">
        <v>0</v>
      </c>
      <c r="T21" s="261">
        <v>1</v>
      </c>
      <c r="U21" s="261">
        <v>2</v>
      </c>
      <c r="V21" s="261">
        <v>2</v>
      </c>
      <c r="W21" s="258">
        <v>5</v>
      </c>
      <c r="X21" s="263">
        <v>5</v>
      </c>
      <c r="Y21" s="257">
        <v>2</v>
      </c>
      <c r="Z21" s="261">
        <v>3</v>
      </c>
      <c r="AA21" s="258">
        <v>5</v>
      </c>
      <c r="AB21" s="260">
        <v>0</v>
      </c>
      <c r="AC21" s="261">
        <v>15</v>
      </c>
      <c r="AD21" s="261">
        <v>10</v>
      </c>
      <c r="AE21" s="261">
        <v>2</v>
      </c>
      <c r="AF21" s="261">
        <v>10</v>
      </c>
      <c r="AG21" s="261">
        <v>6</v>
      </c>
      <c r="AH21" s="258">
        <v>43</v>
      </c>
      <c r="AI21" s="263">
        <v>48</v>
      </c>
      <c r="AJ21" s="257">
        <v>0</v>
      </c>
      <c r="AK21" s="261">
        <v>0</v>
      </c>
      <c r="AL21" s="258">
        <v>0</v>
      </c>
      <c r="AM21" s="260">
        <v>0</v>
      </c>
      <c r="AN21" s="261">
        <v>2</v>
      </c>
      <c r="AO21" s="261">
        <v>0</v>
      </c>
      <c r="AP21" s="261">
        <v>1</v>
      </c>
      <c r="AQ21" s="261">
        <v>1</v>
      </c>
      <c r="AR21" s="261">
        <v>0</v>
      </c>
      <c r="AS21" s="258">
        <v>4</v>
      </c>
      <c r="AT21" s="263">
        <v>4</v>
      </c>
      <c r="AU21" s="257">
        <v>1</v>
      </c>
      <c r="AV21" s="261">
        <v>2</v>
      </c>
      <c r="AW21" s="258">
        <v>3</v>
      </c>
      <c r="AX21" s="260">
        <v>0</v>
      </c>
      <c r="AY21" s="261">
        <v>13</v>
      </c>
      <c r="AZ21" s="261">
        <v>22</v>
      </c>
      <c r="BA21" s="261">
        <v>10</v>
      </c>
      <c r="BB21" s="261">
        <v>10</v>
      </c>
      <c r="BC21" s="261">
        <v>11</v>
      </c>
      <c r="BD21" s="262">
        <v>66</v>
      </c>
      <c r="BE21" s="263">
        <v>69</v>
      </c>
      <c r="BF21" s="257">
        <v>0</v>
      </c>
      <c r="BG21" s="261">
        <v>0</v>
      </c>
      <c r="BH21" s="258">
        <v>0</v>
      </c>
      <c r="BI21" s="260">
        <v>0</v>
      </c>
      <c r="BJ21" s="261">
        <v>13</v>
      </c>
      <c r="BK21" s="261">
        <v>11</v>
      </c>
      <c r="BL21" s="261">
        <v>4</v>
      </c>
      <c r="BM21" s="261">
        <v>2</v>
      </c>
      <c r="BN21" s="261">
        <v>4</v>
      </c>
      <c r="BO21" s="258">
        <v>34</v>
      </c>
      <c r="BP21" s="263">
        <v>34</v>
      </c>
      <c r="BQ21" s="257">
        <v>0</v>
      </c>
      <c r="BR21" s="261">
        <v>4</v>
      </c>
      <c r="BS21" s="258">
        <v>4</v>
      </c>
      <c r="BT21" s="260">
        <v>0</v>
      </c>
      <c r="BU21" s="261">
        <v>8</v>
      </c>
      <c r="BV21" s="261">
        <v>6</v>
      </c>
      <c r="BW21" s="261">
        <v>4</v>
      </c>
      <c r="BX21" s="261">
        <v>3</v>
      </c>
      <c r="BY21" s="261">
        <v>1</v>
      </c>
      <c r="BZ21" s="258">
        <v>22</v>
      </c>
      <c r="CA21" s="263">
        <v>26</v>
      </c>
      <c r="CB21" s="257">
        <v>0</v>
      </c>
      <c r="CC21" s="261">
        <v>1</v>
      </c>
      <c r="CD21" s="258">
        <v>1</v>
      </c>
      <c r="CE21" s="260">
        <v>0</v>
      </c>
      <c r="CF21" s="261">
        <v>3</v>
      </c>
      <c r="CG21" s="261">
        <v>0</v>
      </c>
      <c r="CH21" s="261">
        <v>2</v>
      </c>
      <c r="CI21" s="261">
        <v>1</v>
      </c>
      <c r="CJ21" s="261">
        <v>1</v>
      </c>
      <c r="CK21" s="258">
        <v>7</v>
      </c>
      <c r="CL21" s="263">
        <v>8</v>
      </c>
      <c r="CM21" s="257">
        <v>0</v>
      </c>
      <c r="CN21" s="261">
        <v>0</v>
      </c>
      <c r="CO21" s="258">
        <v>0</v>
      </c>
      <c r="CP21" s="260">
        <v>0</v>
      </c>
      <c r="CQ21" s="261">
        <v>0</v>
      </c>
      <c r="CR21" s="261">
        <v>0</v>
      </c>
      <c r="CS21" s="261">
        <v>1</v>
      </c>
      <c r="CT21" s="261">
        <v>1</v>
      </c>
      <c r="CU21" s="261">
        <v>0</v>
      </c>
      <c r="CV21" s="258">
        <v>2</v>
      </c>
      <c r="CW21" s="263">
        <v>2</v>
      </c>
      <c r="CX21" s="257">
        <v>0</v>
      </c>
      <c r="CY21" s="261">
        <v>0</v>
      </c>
      <c r="CZ21" s="258">
        <v>0</v>
      </c>
      <c r="DA21" s="260">
        <v>0</v>
      </c>
      <c r="DB21" s="261">
        <v>0</v>
      </c>
      <c r="DC21" s="261">
        <v>0</v>
      </c>
      <c r="DD21" s="261">
        <v>0</v>
      </c>
      <c r="DE21" s="261">
        <v>0</v>
      </c>
      <c r="DF21" s="261">
        <v>0</v>
      </c>
      <c r="DG21" s="258">
        <v>0</v>
      </c>
      <c r="DH21" s="263">
        <v>0</v>
      </c>
      <c r="DI21" s="257">
        <v>0</v>
      </c>
      <c r="DJ21" s="261">
        <v>0</v>
      </c>
      <c r="DK21" s="258">
        <v>0</v>
      </c>
      <c r="DL21" s="260">
        <v>0</v>
      </c>
      <c r="DM21" s="261">
        <v>0</v>
      </c>
      <c r="DN21" s="261">
        <v>0</v>
      </c>
      <c r="DO21" s="261">
        <v>0</v>
      </c>
      <c r="DP21" s="261">
        <v>0</v>
      </c>
      <c r="DQ21" s="261">
        <v>0</v>
      </c>
      <c r="DR21" s="258">
        <v>0</v>
      </c>
      <c r="DS21" s="263">
        <v>0</v>
      </c>
      <c r="DT21" s="257">
        <v>4</v>
      </c>
      <c r="DU21" s="261">
        <v>7</v>
      </c>
      <c r="DV21" s="258">
        <v>11</v>
      </c>
      <c r="DW21" s="260">
        <v>0</v>
      </c>
      <c r="DX21" s="261">
        <v>21</v>
      </c>
      <c r="DY21" s="261">
        <v>23</v>
      </c>
      <c r="DZ21" s="261">
        <v>11</v>
      </c>
      <c r="EA21" s="261">
        <v>13</v>
      </c>
      <c r="EB21" s="261">
        <v>10</v>
      </c>
      <c r="EC21" s="258">
        <v>78</v>
      </c>
      <c r="ED21" s="263">
        <v>89</v>
      </c>
      <c r="EE21" s="257">
        <v>1</v>
      </c>
      <c r="EF21" s="261">
        <v>2</v>
      </c>
      <c r="EG21" s="258">
        <v>3</v>
      </c>
      <c r="EH21" s="260">
        <v>0</v>
      </c>
      <c r="EI21" s="261">
        <v>5</v>
      </c>
      <c r="EJ21" s="261">
        <v>11</v>
      </c>
      <c r="EK21" s="261">
        <v>6</v>
      </c>
      <c r="EL21" s="261">
        <v>2</v>
      </c>
      <c r="EM21" s="261">
        <v>3</v>
      </c>
      <c r="EN21" s="258">
        <v>27</v>
      </c>
      <c r="EO21" s="263">
        <v>30</v>
      </c>
      <c r="EP21" s="257">
        <v>6</v>
      </c>
      <c r="EQ21" s="261">
        <v>12</v>
      </c>
      <c r="ER21" s="258">
        <v>18</v>
      </c>
      <c r="ES21" s="260">
        <v>0</v>
      </c>
      <c r="ET21" s="261">
        <v>45</v>
      </c>
      <c r="EU21" s="261">
        <v>35</v>
      </c>
      <c r="EV21" s="261">
        <v>14</v>
      </c>
      <c r="EW21" s="261">
        <v>14</v>
      </c>
      <c r="EX21" s="261">
        <v>11</v>
      </c>
      <c r="EY21" s="258">
        <v>119</v>
      </c>
      <c r="EZ21" s="263">
        <v>137</v>
      </c>
    </row>
    <row r="22" spans="2:156" ht="21" customHeight="1" x14ac:dyDescent="0.2">
      <c r="B22" s="472" t="s">
        <v>20</v>
      </c>
      <c r="C22" s="257">
        <v>0</v>
      </c>
      <c r="D22" s="261">
        <v>0</v>
      </c>
      <c r="E22" s="358">
        <v>0</v>
      </c>
      <c r="F22" s="260">
        <v>0</v>
      </c>
      <c r="G22" s="261">
        <v>10</v>
      </c>
      <c r="H22" s="261">
        <v>11</v>
      </c>
      <c r="I22" s="261">
        <v>9</v>
      </c>
      <c r="J22" s="261">
        <v>9</v>
      </c>
      <c r="K22" s="261">
        <v>3</v>
      </c>
      <c r="L22" s="262">
        <v>42</v>
      </c>
      <c r="M22" s="263">
        <v>42</v>
      </c>
      <c r="N22" s="257">
        <v>0</v>
      </c>
      <c r="O22" s="261">
        <v>0</v>
      </c>
      <c r="P22" s="258">
        <v>0</v>
      </c>
      <c r="Q22" s="260">
        <v>0</v>
      </c>
      <c r="R22" s="261">
        <v>1</v>
      </c>
      <c r="S22" s="261">
        <v>1</v>
      </c>
      <c r="T22" s="261">
        <v>0</v>
      </c>
      <c r="U22" s="261">
        <v>2</v>
      </c>
      <c r="V22" s="261">
        <v>3</v>
      </c>
      <c r="W22" s="258">
        <v>7</v>
      </c>
      <c r="X22" s="263">
        <v>7</v>
      </c>
      <c r="Y22" s="257">
        <v>3</v>
      </c>
      <c r="Z22" s="261">
        <v>4</v>
      </c>
      <c r="AA22" s="258">
        <v>7</v>
      </c>
      <c r="AB22" s="260">
        <v>0</v>
      </c>
      <c r="AC22" s="261">
        <v>10</v>
      </c>
      <c r="AD22" s="261">
        <v>11</v>
      </c>
      <c r="AE22" s="261">
        <v>10</v>
      </c>
      <c r="AF22" s="261">
        <v>7</v>
      </c>
      <c r="AG22" s="261">
        <v>5</v>
      </c>
      <c r="AH22" s="258">
        <v>43</v>
      </c>
      <c r="AI22" s="263">
        <v>50</v>
      </c>
      <c r="AJ22" s="257">
        <v>0</v>
      </c>
      <c r="AK22" s="261">
        <v>4</v>
      </c>
      <c r="AL22" s="258">
        <v>4</v>
      </c>
      <c r="AM22" s="260">
        <v>0</v>
      </c>
      <c r="AN22" s="261">
        <v>4</v>
      </c>
      <c r="AO22" s="261">
        <v>7</v>
      </c>
      <c r="AP22" s="261">
        <v>3</v>
      </c>
      <c r="AQ22" s="261">
        <v>3</v>
      </c>
      <c r="AR22" s="261">
        <v>2</v>
      </c>
      <c r="AS22" s="258">
        <v>19</v>
      </c>
      <c r="AT22" s="263">
        <v>23</v>
      </c>
      <c r="AU22" s="257">
        <v>4</v>
      </c>
      <c r="AV22" s="261">
        <v>2</v>
      </c>
      <c r="AW22" s="258">
        <v>6</v>
      </c>
      <c r="AX22" s="260">
        <v>0</v>
      </c>
      <c r="AY22" s="261">
        <v>11</v>
      </c>
      <c r="AZ22" s="261">
        <v>10</v>
      </c>
      <c r="BA22" s="261">
        <v>11</v>
      </c>
      <c r="BB22" s="261">
        <v>11</v>
      </c>
      <c r="BC22" s="261">
        <v>9</v>
      </c>
      <c r="BD22" s="262">
        <v>52</v>
      </c>
      <c r="BE22" s="263">
        <v>58</v>
      </c>
      <c r="BF22" s="257">
        <v>0</v>
      </c>
      <c r="BG22" s="261">
        <v>0</v>
      </c>
      <c r="BH22" s="258">
        <v>0</v>
      </c>
      <c r="BI22" s="260">
        <v>0</v>
      </c>
      <c r="BJ22" s="261">
        <v>14</v>
      </c>
      <c r="BK22" s="261">
        <v>16</v>
      </c>
      <c r="BL22" s="261">
        <v>11</v>
      </c>
      <c r="BM22" s="261">
        <v>4</v>
      </c>
      <c r="BN22" s="261">
        <v>4</v>
      </c>
      <c r="BO22" s="258">
        <v>49</v>
      </c>
      <c r="BP22" s="263">
        <v>49</v>
      </c>
      <c r="BQ22" s="257">
        <v>0</v>
      </c>
      <c r="BR22" s="261">
        <v>4</v>
      </c>
      <c r="BS22" s="258">
        <v>4</v>
      </c>
      <c r="BT22" s="260">
        <v>0</v>
      </c>
      <c r="BU22" s="261">
        <v>6</v>
      </c>
      <c r="BV22" s="261">
        <v>11</v>
      </c>
      <c r="BW22" s="261">
        <v>4</v>
      </c>
      <c r="BX22" s="261">
        <v>5</v>
      </c>
      <c r="BY22" s="261">
        <v>3</v>
      </c>
      <c r="BZ22" s="258">
        <v>29</v>
      </c>
      <c r="CA22" s="263">
        <v>33</v>
      </c>
      <c r="CB22" s="257">
        <v>0</v>
      </c>
      <c r="CC22" s="261">
        <v>0</v>
      </c>
      <c r="CD22" s="258">
        <v>0</v>
      </c>
      <c r="CE22" s="260">
        <v>0</v>
      </c>
      <c r="CF22" s="261">
        <v>6</v>
      </c>
      <c r="CG22" s="261">
        <v>2</v>
      </c>
      <c r="CH22" s="261">
        <v>5</v>
      </c>
      <c r="CI22" s="261">
        <v>5</v>
      </c>
      <c r="CJ22" s="261">
        <v>1</v>
      </c>
      <c r="CK22" s="258">
        <v>19</v>
      </c>
      <c r="CL22" s="263">
        <v>19</v>
      </c>
      <c r="CM22" s="257">
        <v>0</v>
      </c>
      <c r="CN22" s="261">
        <v>0</v>
      </c>
      <c r="CO22" s="258">
        <v>0</v>
      </c>
      <c r="CP22" s="260">
        <v>0</v>
      </c>
      <c r="CQ22" s="261">
        <v>0</v>
      </c>
      <c r="CR22" s="261">
        <v>0</v>
      </c>
      <c r="CS22" s="261">
        <v>0</v>
      </c>
      <c r="CT22" s="261">
        <v>1</v>
      </c>
      <c r="CU22" s="261">
        <v>0</v>
      </c>
      <c r="CV22" s="258">
        <v>1</v>
      </c>
      <c r="CW22" s="263">
        <v>1</v>
      </c>
      <c r="CX22" s="257">
        <v>0</v>
      </c>
      <c r="CY22" s="261">
        <v>0</v>
      </c>
      <c r="CZ22" s="258">
        <v>0</v>
      </c>
      <c r="DA22" s="260">
        <v>0</v>
      </c>
      <c r="DB22" s="261">
        <v>0</v>
      </c>
      <c r="DC22" s="261">
        <v>0</v>
      </c>
      <c r="DD22" s="261">
        <v>0</v>
      </c>
      <c r="DE22" s="261">
        <v>0</v>
      </c>
      <c r="DF22" s="261">
        <v>0</v>
      </c>
      <c r="DG22" s="258">
        <v>0</v>
      </c>
      <c r="DH22" s="263">
        <v>0</v>
      </c>
      <c r="DI22" s="257">
        <v>0</v>
      </c>
      <c r="DJ22" s="261">
        <v>0</v>
      </c>
      <c r="DK22" s="258">
        <v>0</v>
      </c>
      <c r="DL22" s="260">
        <v>0</v>
      </c>
      <c r="DM22" s="261">
        <v>0</v>
      </c>
      <c r="DN22" s="261">
        <v>0</v>
      </c>
      <c r="DO22" s="261">
        <v>0</v>
      </c>
      <c r="DP22" s="261">
        <v>0</v>
      </c>
      <c r="DQ22" s="261">
        <v>0</v>
      </c>
      <c r="DR22" s="258">
        <v>0</v>
      </c>
      <c r="DS22" s="263">
        <v>0</v>
      </c>
      <c r="DT22" s="257">
        <v>9</v>
      </c>
      <c r="DU22" s="261">
        <v>21</v>
      </c>
      <c r="DV22" s="258">
        <v>30</v>
      </c>
      <c r="DW22" s="260">
        <v>0</v>
      </c>
      <c r="DX22" s="261">
        <v>29</v>
      </c>
      <c r="DY22" s="261">
        <v>31</v>
      </c>
      <c r="DZ22" s="261">
        <v>21</v>
      </c>
      <c r="EA22" s="261">
        <v>17</v>
      </c>
      <c r="EB22" s="261">
        <v>8</v>
      </c>
      <c r="EC22" s="258">
        <v>106</v>
      </c>
      <c r="ED22" s="263">
        <v>136</v>
      </c>
      <c r="EE22" s="257">
        <v>3</v>
      </c>
      <c r="EF22" s="261">
        <v>1</v>
      </c>
      <c r="EG22" s="258">
        <v>4</v>
      </c>
      <c r="EH22" s="260">
        <v>0</v>
      </c>
      <c r="EI22" s="261">
        <v>2</v>
      </c>
      <c r="EJ22" s="261">
        <v>5</v>
      </c>
      <c r="EK22" s="261">
        <v>4</v>
      </c>
      <c r="EL22" s="261">
        <v>6</v>
      </c>
      <c r="EM22" s="261">
        <v>3</v>
      </c>
      <c r="EN22" s="258">
        <v>20</v>
      </c>
      <c r="EO22" s="263">
        <v>24</v>
      </c>
      <c r="EP22" s="257">
        <v>11</v>
      </c>
      <c r="EQ22" s="261">
        <v>30</v>
      </c>
      <c r="ER22" s="258">
        <v>41</v>
      </c>
      <c r="ES22" s="260">
        <v>0</v>
      </c>
      <c r="ET22" s="261">
        <v>49</v>
      </c>
      <c r="EU22" s="261">
        <v>48</v>
      </c>
      <c r="EV22" s="261">
        <v>23</v>
      </c>
      <c r="EW22" s="261">
        <v>19</v>
      </c>
      <c r="EX22" s="261">
        <v>8</v>
      </c>
      <c r="EY22" s="258">
        <v>147</v>
      </c>
      <c r="EZ22" s="263">
        <v>188</v>
      </c>
    </row>
    <row r="23" spans="2:156" ht="21" customHeight="1" x14ac:dyDescent="0.2">
      <c r="B23" s="472" t="s">
        <v>21</v>
      </c>
      <c r="C23" s="257">
        <v>0</v>
      </c>
      <c r="D23" s="261">
        <v>0</v>
      </c>
      <c r="E23" s="358">
        <v>0</v>
      </c>
      <c r="F23" s="260">
        <v>0</v>
      </c>
      <c r="G23" s="261">
        <v>13</v>
      </c>
      <c r="H23" s="261">
        <v>14</v>
      </c>
      <c r="I23" s="261">
        <v>5</v>
      </c>
      <c r="J23" s="261">
        <v>4</v>
      </c>
      <c r="K23" s="261">
        <v>6</v>
      </c>
      <c r="L23" s="262">
        <v>42</v>
      </c>
      <c r="M23" s="263">
        <v>42</v>
      </c>
      <c r="N23" s="257">
        <v>0</v>
      </c>
      <c r="O23" s="261">
        <v>0</v>
      </c>
      <c r="P23" s="258">
        <v>0</v>
      </c>
      <c r="Q23" s="260">
        <v>0</v>
      </c>
      <c r="R23" s="261">
        <v>0</v>
      </c>
      <c r="S23" s="261">
        <v>0</v>
      </c>
      <c r="T23" s="261">
        <v>0</v>
      </c>
      <c r="U23" s="261">
        <v>0</v>
      </c>
      <c r="V23" s="261">
        <v>2</v>
      </c>
      <c r="W23" s="258">
        <v>2</v>
      </c>
      <c r="X23" s="263">
        <v>2</v>
      </c>
      <c r="Y23" s="257">
        <v>1</v>
      </c>
      <c r="Z23" s="261">
        <v>1</v>
      </c>
      <c r="AA23" s="258">
        <v>2</v>
      </c>
      <c r="AB23" s="260">
        <v>0</v>
      </c>
      <c r="AC23" s="261">
        <v>14</v>
      </c>
      <c r="AD23" s="261">
        <v>8</v>
      </c>
      <c r="AE23" s="261">
        <v>7</v>
      </c>
      <c r="AF23" s="261">
        <v>4</v>
      </c>
      <c r="AG23" s="261">
        <v>6</v>
      </c>
      <c r="AH23" s="258">
        <v>39</v>
      </c>
      <c r="AI23" s="263">
        <v>41</v>
      </c>
      <c r="AJ23" s="257">
        <v>0</v>
      </c>
      <c r="AK23" s="261">
        <v>0</v>
      </c>
      <c r="AL23" s="258">
        <v>0</v>
      </c>
      <c r="AM23" s="260">
        <v>0</v>
      </c>
      <c r="AN23" s="261">
        <v>2</v>
      </c>
      <c r="AO23" s="261">
        <v>1</v>
      </c>
      <c r="AP23" s="261">
        <v>1</v>
      </c>
      <c r="AQ23" s="261">
        <v>1</v>
      </c>
      <c r="AR23" s="261">
        <v>0</v>
      </c>
      <c r="AS23" s="258">
        <v>5</v>
      </c>
      <c r="AT23" s="263">
        <v>5</v>
      </c>
      <c r="AU23" s="257">
        <v>4</v>
      </c>
      <c r="AV23" s="261">
        <v>4</v>
      </c>
      <c r="AW23" s="258">
        <v>8</v>
      </c>
      <c r="AX23" s="260">
        <v>0</v>
      </c>
      <c r="AY23" s="261">
        <v>17</v>
      </c>
      <c r="AZ23" s="261">
        <v>21</v>
      </c>
      <c r="BA23" s="261">
        <v>11</v>
      </c>
      <c r="BB23" s="261">
        <v>11</v>
      </c>
      <c r="BC23" s="261">
        <v>7</v>
      </c>
      <c r="BD23" s="262">
        <v>67</v>
      </c>
      <c r="BE23" s="263">
        <v>75</v>
      </c>
      <c r="BF23" s="257">
        <v>0</v>
      </c>
      <c r="BG23" s="261">
        <v>0</v>
      </c>
      <c r="BH23" s="258">
        <v>0</v>
      </c>
      <c r="BI23" s="260">
        <v>0</v>
      </c>
      <c r="BJ23" s="261">
        <v>19</v>
      </c>
      <c r="BK23" s="261">
        <v>9</v>
      </c>
      <c r="BL23" s="261">
        <v>8</v>
      </c>
      <c r="BM23" s="261">
        <v>6</v>
      </c>
      <c r="BN23" s="261">
        <v>3</v>
      </c>
      <c r="BO23" s="258">
        <v>45</v>
      </c>
      <c r="BP23" s="263">
        <v>45</v>
      </c>
      <c r="BQ23" s="257">
        <v>0</v>
      </c>
      <c r="BR23" s="261">
        <v>2</v>
      </c>
      <c r="BS23" s="258">
        <v>2</v>
      </c>
      <c r="BT23" s="260">
        <v>0</v>
      </c>
      <c r="BU23" s="261">
        <v>3</v>
      </c>
      <c r="BV23" s="261">
        <v>5</v>
      </c>
      <c r="BW23" s="261">
        <v>0</v>
      </c>
      <c r="BX23" s="261">
        <v>1</v>
      </c>
      <c r="BY23" s="261">
        <v>0</v>
      </c>
      <c r="BZ23" s="258">
        <v>9</v>
      </c>
      <c r="CA23" s="263">
        <v>11</v>
      </c>
      <c r="CB23" s="257">
        <v>1</v>
      </c>
      <c r="CC23" s="261">
        <v>1</v>
      </c>
      <c r="CD23" s="258">
        <v>2</v>
      </c>
      <c r="CE23" s="260">
        <v>0</v>
      </c>
      <c r="CF23" s="261">
        <v>3</v>
      </c>
      <c r="CG23" s="261">
        <v>1</v>
      </c>
      <c r="CH23" s="261">
        <v>4</v>
      </c>
      <c r="CI23" s="261">
        <v>2</v>
      </c>
      <c r="CJ23" s="261">
        <v>2</v>
      </c>
      <c r="CK23" s="258">
        <v>12</v>
      </c>
      <c r="CL23" s="263">
        <v>14</v>
      </c>
      <c r="CM23" s="257">
        <v>0</v>
      </c>
      <c r="CN23" s="261">
        <v>0</v>
      </c>
      <c r="CO23" s="258">
        <v>0</v>
      </c>
      <c r="CP23" s="260">
        <v>0</v>
      </c>
      <c r="CQ23" s="261">
        <v>0</v>
      </c>
      <c r="CR23" s="261">
        <v>1</v>
      </c>
      <c r="CS23" s="261">
        <v>0</v>
      </c>
      <c r="CT23" s="261">
        <v>1</v>
      </c>
      <c r="CU23" s="261">
        <v>0</v>
      </c>
      <c r="CV23" s="258">
        <v>2</v>
      </c>
      <c r="CW23" s="263">
        <v>2</v>
      </c>
      <c r="CX23" s="257">
        <v>0</v>
      </c>
      <c r="CY23" s="261">
        <v>0</v>
      </c>
      <c r="CZ23" s="258">
        <v>0</v>
      </c>
      <c r="DA23" s="260">
        <v>0</v>
      </c>
      <c r="DB23" s="261">
        <v>0</v>
      </c>
      <c r="DC23" s="261">
        <v>0</v>
      </c>
      <c r="DD23" s="261">
        <v>0</v>
      </c>
      <c r="DE23" s="261">
        <v>0</v>
      </c>
      <c r="DF23" s="261">
        <v>0</v>
      </c>
      <c r="DG23" s="258">
        <v>0</v>
      </c>
      <c r="DH23" s="263">
        <v>0</v>
      </c>
      <c r="DI23" s="257">
        <v>0</v>
      </c>
      <c r="DJ23" s="261">
        <v>0</v>
      </c>
      <c r="DK23" s="258">
        <v>0</v>
      </c>
      <c r="DL23" s="260">
        <v>0</v>
      </c>
      <c r="DM23" s="261">
        <v>0</v>
      </c>
      <c r="DN23" s="261">
        <v>0</v>
      </c>
      <c r="DO23" s="261">
        <v>0</v>
      </c>
      <c r="DP23" s="261">
        <v>0</v>
      </c>
      <c r="DQ23" s="261">
        <v>0</v>
      </c>
      <c r="DR23" s="258">
        <v>0</v>
      </c>
      <c r="DS23" s="263">
        <v>0</v>
      </c>
      <c r="DT23" s="257">
        <v>6</v>
      </c>
      <c r="DU23" s="261">
        <v>13</v>
      </c>
      <c r="DV23" s="258">
        <v>19</v>
      </c>
      <c r="DW23" s="260">
        <v>0</v>
      </c>
      <c r="DX23" s="261">
        <v>16</v>
      </c>
      <c r="DY23" s="261">
        <v>30</v>
      </c>
      <c r="DZ23" s="261">
        <v>9</v>
      </c>
      <c r="EA23" s="261">
        <v>12</v>
      </c>
      <c r="EB23" s="261">
        <v>8</v>
      </c>
      <c r="EC23" s="258">
        <v>75</v>
      </c>
      <c r="ED23" s="263">
        <v>94</v>
      </c>
      <c r="EE23" s="257">
        <v>2</v>
      </c>
      <c r="EF23" s="261">
        <v>3</v>
      </c>
      <c r="EG23" s="258">
        <v>5</v>
      </c>
      <c r="EH23" s="260">
        <v>0</v>
      </c>
      <c r="EI23" s="261">
        <v>5</v>
      </c>
      <c r="EJ23" s="261">
        <v>6</v>
      </c>
      <c r="EK23" s="261">
        <v>7</v>
      </c>
      <c r="EL23" s="261">
        <v>6</v>
      </c>
      <c r="EM23" s="261">
        <v>0</v>
      </c>
      <c r="EN23" s="258">
        <v>24</v>
      </c>
      <c r="EO23" s="263">
        <v>29</v>
      </c>
      <c r="EP23" s="257">
        <v>8</v>
      </c>
      <c r="EQ23" s="261">
        <v>16</v>
      </c>
      <c r="ER23" s="258">
        <v>24</v>
      </c>
      <c r="ES23" s="260">
        <v>0</v>
      </c>
      <c r="ET23" s="261">
        <v>48</v>
      </c>
      <c r="EU23" s="261">
        <v>37</v>
      </c>
      <c r="EV23" s="261">
        <v>14</v>
      </c>
      <c r="EW23" s="261">
        <v>13</v>
      </c>
      <c r="EX23" s="261">
        <v>12</v>
      </c>
      <c r="EY23" s="258">
        <v>124</v>
      </c>
      <c r="EZ23" s="263">
        <v>148</v>
      </c>
    </row>
    <row r="24" spans="2:156" ht="21" customHeight="1" x14ac:dyDescent="0.2">
      <c r="B24" s="472" t="s">
        <v>22</v>
      </c>
      <c r="C24" s="257">
        <v>0</v>
      </c>
      <c r="D24" s="261">
        <v>0</v>
      </c>
      <c r="E24" s="358">
        <v>0</v>
      </c>
      <c r="F24" s="260">
        <v>0</v>
      </c>
      <c r="G24" s="261">
        <v>2</v>
      </c>
      <c r="H24" s="261">
        <v>1</v>
      </c>
      <c r="I24" s="261">
        <v>2</v>
      </c>
      <c r="J24" s="261">
        <v>1</v>
      </c>
      <c r="K24" s="261">
        <v>2</v>
      </c>
      <c r="L24" s="262">
        <v>8</v>
      </c>
      <c r="M24" s="263">
        <v>8</v>
      </c>
      <c r="N24" s="257">
        <v>0</v>
      </c>
      <c r="O24" s="261">
        <v>0</v>
      </c>
      <c r="P24" s="258">
        <v>0</v>
      </c>
      <c r="Q24" s="260">
        <v>0</v>
      </c>
      <c r="R24" s="261">
        <v>0</v>
      </c>
      <c r="S24" s="261">
        <v>0</v>
      </c>
      <c r="T24" s="261">
        <v>1</v>
      </c>
      <c r="U24" s="261">
        <v>0</v>
      </c>
      <c r="V24" s="261">
        <v>4</v>
      </c>
      <c r="W24" s="258">
        <v>5</v>
      </c>
      <c r="X24" s="263">
        <v>5</v>
      </c>
      <c r="Y24" s="257">
        <v>0</v>
      </c>
      <c r="Z24" s="261">
        <v>0</v>
      </c>
      <c r="AA24" s="258">
        <v>0</v>
      </c>
      <c r="AB24" s="260">
        <v>0</v>
      </c>
      <c r="AC24" s="261">
        <v>4</v>
      </c>
      <c r="AD24" s="261">
        <v>3</v>
      </c>
      <c r="AE24" s="261">
        <v>4</v>
      </c>
      <c r="AF24" s="261">
        <v>2</v>
      </c>
      <c r="AG24" s="261">
        <v>4</v>
      </c>
      <c r="AH24" s="258">
        <v>17</v>
      </c>
      <c r="AI24" s="263">
        <v>17</v>
      </c>
      <c r="AJ24" s="257">
        <v>0</v>
      </c>
      <c r="AK24" s="261">
        <v>0</v>
      </c>
      <c r="AL24" s="258">
        <v>0</v>
      </c>
      <c r="AM24" s="260">
        <v>0</v>
      </c>
      <c r="AN24" s="261">
        <v>2</v>
      </c>
      <c r="AO24" s="261">
        <v>1</v>
      </c>
      <c r="AP24" s="261">
        <v>0</v>
      </c>
      <c r="AQ24" s="261">
        <v>1</v>
      </c>
      <c r="AR24" s="261">
        <v>0</v>
      </c>
      <c r="AS24" s="258">
        <v>4</v>
      </c>
      <c r="AT24" s="263">
        <v>4</v>
      </c>
      <c r="AU24" s="257">
        <v>0</v>
      </c>
      <c r="AV24" s="261">
        <v>1</v>
      </c>
      <c r="AW24" s="258">
        <v>1</v>
      </c>
      <c r="AX24" s="260">
        <v>0</v>
      </c>
      <c r="AY24" s="261">
        <v>4</v>
      </c>
      <c r="AZ24" s="261">
        <v>4</v>
      </c>
      <c r="BA24" s="261">
        <v>2</v>
      </c>
      <c r="BB24" s="261">
        <v>6</v>
      </c>
      <c r="BC24" s="261">
        <v>1</v>
      </c>
      <c r="BD24" s="262">
        <v>17</v>
      </c>
      <c r="BE24" s="263">
        <v>18</v>
      </c>
      <c r="BF24" s="257">
        <v>0</v>
      </c>
      <c r="BG24" s="261">
        <v>0</v>
      </c>
      <c r="BH24" s="258">
        <v>0</v>
      </c>
      <c r="BI24" s="260">
        <v>0</v>
      </c>
      <c r="BJ24" s="261">
        <v>4</v>
      </c>
      <c r="BK24" s="261">
        <v>3</v>
      </c>
      <c r="BL24" s="261">
        <v>2</v>
      </c>
      <c r="BM24" s="261">
        <v>2</v>
      </c>
      <c r="BN24" s="261">
        <v>2</v>
      </c>
      <c r="BO24" s="258">
        <v>13</v>
      </c>
      <c r="BP24" s="263">
        <v>13</v>
      </c>
      <c r="BQ24" s="257">
        <v>0</v>
      </c>
      <c r="BR24" s="261">
        <v>0</v>
      </c>
      <c r="BS24" s="258">
        <v>0</v>
      </c>
      <c r="BT24" s="260">
        <v>0</v>
      </c>
      <c r="BU24" s="261">
        <v>4</v>
      </c>
      <c r="BV24" s="261">
        <v>0</v>
      </c>
      <c r="BW24" s="261">
        <v>0</v>
      </c>
      <c r="BX24" s="261">
        <v>1</v>
      </c>
      <c r="BY24" s="261">
        <v>1</v>
      </c>
      <c r="BZ24" s="258">
        <v>6</v>
      </c>
      <c r="CA24" s="263">
        <v>6</v>
      </c>
      <c r="CB24" s="257">
        <v>0</v>
      </c>
      <c r="CC24" s="261">
        <v>0</v>
      </c>
      <c r="CD24" s="258">
        <v>0</v>
      </c>
      <c r="CE24" s="260">
        <v>0</v>
      </c>
      <c r="CF24" s="261">
        <v>1</v>
      </c>
      <c r="CG24" s="261">
        <v>1</v>
      </c>
      <c r="CH24" s="261">
        <v>0</v>
      </c>
      <c r="CI24" s="261">
        <v>3</v>
      </c>
      <c r="CJ24" s="261">
        <v>0</v>
      </c>
      <c r="CK24" s="258">
        <v>5</v>
      </c>
      <c r="CL24" s="263">
        <v>5</v>
      </c>
      <c r="CM24" s="257">
        <v>0</v>
      </c>
      <c r="CN24" s="261">
        <v>0</v>
      </c>
      <c r="CO24" s="258">
        <v>0</v>
      </c>
      <c r="CP24" s="260">
        <v>0</v>
      </c>
      <c r="CQ24" s="261">
        <v>0</v>
      </c>
      <c r="CR24" s="261">
        <v>0</v>
      </c>
      <c r="CS24" s="261">
        <v>1</v>
      </c>
      <c r="CT24" s="261">
        <v>0</v>
      </c>
      <c r="CU24" s="261">
        <v>0</v>
      </c>
      <c r="CV24" s="258">
        <v>1</v>
      </c>
      <c r="CW24" s="263">
        <v>1</v>
      </c>
      <c r="CX24" s="257">
        <v>0</v>
      </c>
      <c r="CY24" s="261">
        <v>0</v>
      </c>
      <c r="CZ24" s="258">
        <v>0</v>
      </c>
      <c r="DA24" s="260">
        <v>0</v>
      </c>
      <c r="DB24" s="261">
        <v>0</v>
      </c>
      <c r="DC24" s="261">
        <v>0</v>
      </c>
      <c r="DD24" s="261">
        <v>0</v>
      </c>
      <c r="DE24" s="261">
        <v>0</v>
      </c>
      <c r="DF24" s="261">
        <v>0</v>
      </c>
      <c r="DG24" s="258">
        <v>0</v>
      </c>
      <c r="DH24" s="263">
        <v>0</v>
      </c>
      <c r="DI24" s="257">
        <v>0</v>
      </c>
      <c r="DJ24" s="261">
        <v>0</v>
      </c>
      <c r="DK24" s="258">
        <v>0</v>
      </c>
      <c r="DL24" s="260">
        <v>0</v>
      </c>
      <c r="DM24" s="261">
        <v>0</v>
      </c>
      <c r="DN24" s="261">
        <v>0</v>
      </c>
      <c r="DO24" s="261">
        <v>0</v>
      </c>
      <c r="DP24" s="261">
        <v>0</v>
      </c>
      <c r="DQ24" s="261">
        <v>0</v>
      </c>
      <c r="DR24" s="258">
        <v>0</v>
      </c>
      <c r="DS24" s="263">
        <v>0</v>
      </c>
      <c r="DT24" s="257">
        <v>3</v>
      </c>
      <c r="DU24" s="261">
        <v>5</v>
      </c>
      <c r="DV24" s="258">
        <v>8</v>
      </c>
      <c r="DW24" s="260">
        <v>0</v>
      </c>
      <c r="DX24" s="261">
        <v>12</v>
      </c>
      <c r="DY24" s="261">
        <v>7</v>
      </c>
      <c r="DZ24" s="261">
        <v>5</v>
      </c>
      <c r="EA24" s="261">
        <v>4</v>
      </c>
      <c r="EB24" s="261">
        <v>6</v>
      </c>
      <c r="EC24" s="258">
        <v>34</v>
      </c>
      <c r="ED24" s="263">
        <v>42</v>
      </c>
      <c r="EE24" s="257">
        <v>0</v>
      </c>
      <c r="EF24" s="261">
        <v>0</v>
      </c>
      <c r="EG24" s="258">
        <v>0</v>
      </c>
      <c r="EH24" s="260">
        <v>0</v>
      </c>
      <c r="EI24" s="261">
        <v>4</v>
      </c>
      <c r="EJ24" s="261">
        <v>4</v>
      </c>
      <c r="EK24" s="261">
        <v>1</v>
      </c>
      <c r="EL24" s="261">
        <v>4</v>
      </c>
      <c r="EM24" s="261">
        <v>1</v>
      </c>
      <c r="EN24" s="258">
        <v>14</v>
      </c>
      <c r="EO24" s="263">
        <v>14</v>
      </c>
      <c r="EP24" s="257">
        <v>4</v>
      </c>
      <c r="EQ24" s="261">
        <v>5</v>
      </c>
      <c r="ER24" s="258">
        <v>9</v>
      </c>
      <c r="ES24" s="260">
        <v>0</v>
      </c>
      <c r="ET24" s="261">
        <v>19</v>
      </c>
      <c r="EU24" s="261">
        <v>9</v>
      </c>
      <c r="EV24" s="261">
        <v>7</v>
      </c>
      <c r="EW24" s="261">
        <v>6</v>
      </c>
      <c r="EX24" s="261">
        <v>7</v>
      </c>
      <c r="EY24" s="258">
        <v>48</v>
      </c>
      <c r="EZ24" s="263">
        <v>57</v>
      </c>
    </row>
    <row r="25" spans="2:156" ht="21" customHeight="1" x14ac:dyDescent="0.2">
      <c r="B25" s="472" t="s">
        <v>23</v>
      </c>
      <c r="C25" s="257">
        <v>0</v>
      </c>
      <c r="D25" s="261">
        <v>0</v>
      </c>
      <c r="E25" s="358">
        <v>0</v>
      </c>
      <c r="F25" s="260">
        <v>0</v>
      </c>
      <c r="G25" s="261">
        <v>2</v>
      </c>
      <c r="H25" s="261">
        <v>5</v>
      </c>
      <c r="I25" s="261">
        <v>5</v>
      </c>
      <c r="J25" s="261">
        <v>3</v>
      </c>
      <c r="K25" s="261">
        <v>0</v>
      </c>
      <c r="L25" s="262">
        <v>15</v>
      </c>
      <c r="M25" s="263">
        <v>15</v>
      </c>
      <c r="N25" s="257">
        <v>0</v>
      </c>
      <c r="O25" s="261">
        <v>0</v>
      </c>
      <c r="P25" s="258">
        <v>0</v>
      </c>
      <c r="Q25" s="260">
        <v>0</v>
      </c>
      <c r="R25" s="261">
        <v>1</v>
      </c>
      <c r="S25" s="261">
        <v>0</v>
      </c>
      <c r="T25" s="261">
        <v>1</v>
      </c>
      <c r="U25" s="261">
        <v>0</v>
      </c>
      <c r="V25" s="261">
        <v>2</v>
      </c>
      <c r="W25" s="258">
        <v>4</v>
      </c>
      <c r="X25" s="263">
        <v>4</v>
      </c>
      <c r="Y25" s="257">
        <v>3</v>
      </c>
      <c r="Z25" s="261">
        <v>2</v>
      </c>
      <c r="AA25" s="258">
        <v>5</v>
      </c>
      <c r="AB25" s="260">
        <v>0</v>
      </c>
      <c r="AC25" s="261">
        <v>5</v>
      </c>
      <c r="AD25" s="261">
        <v>6</v>
      </c>
      <c r="AE25" s="261">
        <v>6</v>
      </c>
      <c r="AF25" s="261">
        <v>3</v>
      </c>
      <c r="AG25" s="261">
        <v>1</v>
      </c>
      <c r="AH25" s="258">
        <v>21</v>
      </c>
      <c r="AI25" s="263">
        <v>26</v>
      </c>
      <c r="AJ25" s="257">
        <v>0</v>
      </c>
      <c r="AK25" s="261">
        <v>1</v>
      </c>
      <c r="AL25" s="258">
        <v>1</v>
      </c>
      <c r="AM25" s="260">
        <v>0</v>
      </c>
      <c r="AN25" s="261">
        <v>0</v>
      </c>
      <c r="AO25" s="261">
        <v>1</v>
      </c>
      <c r="AP25" s="261">
        <v>0</v>
      </c>
      <c r="AQ25" s="261">
        <v>1</v>
      </c>
      <c r="AR25" s="261">
        <v>0</v>
      </c>
      <c r="AS25" s="258">
        <v>2</v>
      </c>
      <c r="AT25" s="263">
        <v>3</v>
      </c>
      <c r="AU25" s="257">
        <v>1</v>
      </c>
      <c r="AV25" s="261">
        <v>0</v>
      </c>
      <c r="AW25" s="258">
        <v>1</v>
      </c>
      <c r="AX25" s="260">
        <v>0</v>
      </c>
      <c r="AY25" s="261">
        <v>4</v>
      </c>
      <c r="AZ25" s="261">
        <v>1</v>
      </c>
      <c r="BA25" s="261">
        <v>11</v>
      </c>
      <c r="BB25" s="261">
        <v>13</v>
      </c>
      <c r="BC25" s="261">
        <v>8</v>
      </c>
      <c r="BD25" s="262">
        <v>37</v>
      </c>
      <c r="BE25" s="263">
        <v>38</v>
      </c>
      <c r="BF25" s="257">
        <v>0</v>
      </c>
      <c r="BG25" s="261">
        <v>0</v>
      </c>
      <c r="BH25" s="258">
        <v>0</v>
      </c>
      <c r="BI25" s="260">
        <v>0</v>
      </c>
      <c r="BJ25" s="261">
        <v>10</v>
      </c>
      <c r="BK25" s="261">
        <v>15</v>
      </c>
      <c r="BL25" s="261">
        <v>7</v>
      </c>
      <c r="BM25" s="261">
        <v>5</v>
      </c>
      <c r="BN25" s="261">
        <v>0</v>
      </c>
      <c r="BO25" s="258">
        <v>37</v>
      </c>
      <c r="BP25" s="263">
        <v>37</v>
      </c>
      <c r="BQ25" s="257">
        <v>0</v>
      </c>
      <c r="BR25" s="261">
        <v>0</v>
      </c>
      <c r="BS25" s="258">
        <v>0</v>
      </c>
      <c r="BT25" s="260">
        <v>0</v>
      </c>
      <c r="BU25" s="261">
        <v>2</v>
      </c>
      <c r="BV25" s="261">
        <v>2</v>
      </c>
      <c r="BW25" s="261">
        <v>2</v>
      </c>
      <c r="BX25" s="261">
        <v>2</v>
      </c>
      <c r="BY25" s="261">
        <v>1</v>
      </c>
      <c r="BZ25" s="258">
        <v>9</v>
      </c>
      <c r="CA25" s="263">
        <v>9</v>
      </c>
      <c r="CB25" s="257">
        <v>0</v>
      </c>
      <c r="CC25" s="261">
        <v>0</v>
      </c>
      <c r="CD25" s="258">
        <v>0</v>
      </c>
      <c r="CE25" s="260">
        <v>0</v>
      </c>
      <c r="CF25" s="261">
        <v>3</v>
      </c>
      <c r="CG25" s="261">
        <v>1</v>
      </c>
      <c r="CH25" s="261">
        <v>2</v>
      </c>
      <c r="CI25" s="261">
        <v>1</v>
      </c>
      <c r="CJ25" s="261">
        <v>0</v>
      </c>
      <c r="CK25" s="258">
        <v>7</v>
      </c>
      <c r="CL25" s="263">
        <v>7</v>
      </c>
      <c r="CM25" s="257">
        <v>0</v>
      </c>
      <c r="CN25" s="261">
        <v>0</v>
      </c>
      <c r="CO25" s="258">
        <v>0</v>
      </c>
      <c r="CP25" s="260">
        <v>0</v>
      </c>
      <c r="CQ25" s="261">
        <v>0</v>
      </c>
      <c r="CR25" s="261">
        <v>0</v>
      </c>
      <c r="CS25" s="261">
        <v>1</v>
      </c>
      <c r="CT25" s="261">
        <v>0</v>
      </c>
      <c r="CU25" s="261">
        <v>0</v>
      </c>
      <c r="CV25" s="258">
        <v>1</v>
      </c>
      <c r="CW25" s="263">
        <v>1</v>
      </c>
      <c r="CX25" s="257">
        <v>0</v>
      </c>
      <c r="CY25" s="261">
        <v>0</v>
      </c>
      <c r="CZ25" s="258">
        <v>0</v>
      </c>
      <c r="DA25" s="260">
        <v>0</v>
      </c>
      <c r="DB25" s="261">
        <v>0</v>
      </c>
      <c r="DC25" s="261">
        <v>0</v>
      </c>
      <c r="DD25" s="261">
        <v>0</v>
      </c>
      <c r="DE25" s="261">
        <v>0</v>
      </c>
      <c r="DF25" s="261">
        <v>0</v>
      </c>
      <c r="DG25" s="258">
        <v>0</v>
      </c>
      <c r="DH25" s="263">
        <v>0</v>
      </c>
      <c r="DI25" s="257">
        <v>0</v>
      </c>
      <c r="DJ25" s="261">
        <v>0</v>
      </c>
      <c r="DK25" s="258">
        <v>0</v>
      </c>
      <c r="DL25" s="260">
        <v>0</v>
      </c>
      <c r="DM25" s="261">
        <v>0</v>
      </c>
      <c r="DN25" s="261">
        <v>0</v>
      </c>
      <c r="DO25" s="261">
        <v>0</v>
      </c>
      <c r="DP25" s="261">
        <v>0</v>
      </c>
      <c r="DQ25" s="261">
        <v>0</v>
      </c>
      <c r="DR25" s="258">
        <v>0</v>
      </c>
      <c r="DS25" s="263">
        <v>0</v>
      </c>
      <c r="DT25" s="257">
        <v>4</v>
      </c>
      <c r="DU25" s="261">
        <v>5</v>
      </c>
      <c r="DV25" s="258">
        <v>9</v>
      </c>
      <c r="DW25" s="260">
        <v>0</v>
      </c>
      <c r="DX25" s="261">
        <v>11</v>
      </c>
      <c r="DY25" s="261">
        <v>20</v>
      </c>
      <c r="DZ25" s="261">
        <v>11</v>
      </c>
      <c r="EA25" s="261">
        <v>10</v>
      </c>
      <c r="EB25" s="261">
        <v>4</v>
      </c>
      <c r="EC25" s="258">
        <v>56</v>
      </c>
      <c r="ED25" s="263">
        <v>65</v>
      </c>
      <c r="EE25" s="257">
        <v>0</v>
      </c>
      <c r="EF25" s="261">
        <v>0</v>
      </c>
      <c r="EG25" s="258">
        <v>0</v>
      </c>
      <c r="EH25" s="260">
        <v>0</v>
      </c>
      <c r="EI25" s="261">
        <v>2</v>
      </c>
      <c r="EJ25" s="261">
        <v>0</v>
      </c>
      <c r="EK25" s="261">
        <v>1</v>
      </c>
      <c r="EL25" s="261">
        <v>11</v>
      </c>
      <c r="EM25" s="261">
        <v>5</v>
      </c>
      <c r="EN25" s="258">
        <v>19</v>
      </c>
      <c r="EO25" s="263">
        <v>19</v>
      </c>
      <c r="EP25" s="257">
        <v>7</v>
      </c>
      <c r="EQ25" s="261">
        <v>7</v>
      </c>
      <c r="ER25" s="258">
        <v>14</v>
      </c>
      <c r="ES25" s="260">
        <v>0</v>
      </c>
      <c r="ET25" s="261">
        <v>19</v>
      </c>
      <c r="EU25" s="261">
        <v>29</v>
      </c>
      <c r="EV25" s="261">
        <v>17</v>
      </c>
      <c r="EW25" s="261">
        <v>10</v>
      </c>
      <c r="EX25" s="261">
        <v>4</v>
      </c>
      <c r="EY25" s="258">
        <v>79</v>
      </c>
      <c r="EZ25" s="263">
        <v>93</v>
      </c>
    </row>
    <row r="26" spans="2:156" ht="21" customHeight="1" x14ac:dyDescent="0.2">
      <c r="B26" s="472" t="s">
        <v>24</v>
      </c>
      <c r="C26" s="257">
        <v>0</v>
      </c>
      <c r="D26" s="261">
        <v>0</v>
      </c>
      <c r="E26" s="358">
        <v>0</v>
      </c>
      <c r="F26" s="260">
        <v>0</v>
      </c>
      <c r="G26" s="261">
        <v>9</v>
      </c>
      <c r="H26" s="261">
        <v>7</v>
      </c>
      <c r="I26" s="261">
        <v>5</v>
      </c>
      <c r="J26" s="261">
        <v>2</v>
      </c>
      <c r="K26" s="261">
        <v>4</v>
      </c>
      <c r="L26" s="262">
        <v>27</v>
      </c>
      <c r="M26" s="263">
        <v>27</v>
      </c>
      <c r="N26" s="257">
        <v>0</v>
      </c>
      <c r="O26" s="261">
        <v>0</v>
      </c>
      <c r="P26" s="258">
        <v>0</v>
      </c>
      <c r="Q26" s="260">
        <v>0</v>
      </c>
      <c r="R26" s="261">
        <v>1</v>
      </c>
      <c r="S26" s="261">
        <v>0</v>
      </c>
      <c r="T26" s="261">
        <v>0</v>
      </c>
      <c r="U26" s="261">
        <v>0</v>
      </c>
      <c r="V26" s="261">
        <v>4</v>
      </c>
      <c r="W26" s="258">
        <v>5</v>
      </c>
      <c r="X26" s="263">
        <v>5</v>
      </c>
      <c r="Y26" s="257">
        <v>2</v>
      </c>
      <c r="Z26" s="261">
        <v>3</v>
      </c>
      <c r="AA26" s="258">
        <v>5</v>
      </c>
      <c r="AB26" s="260">
        <v>0</v>
      </c>
      <c r="AC26" s="261">
        <v>10</v>
      </c>
      <c r="AD26" s="261">
        <v>3</v>
      </c>
      <c r="AE26" s="261">
        <v>5</v>
      </c>
      <c r="AF26" s="261">
        <v>5</v>
      </c>
      <c r="AG26" s="261">
        <v>4</v>
      </c>
      <c r="AH26" s="258">
        <v>27</v>
      </c>
      <c r="AI26" s="263">
        <v>32</v>
      </c>
      <c r="AJ26" s="257">
        <v>0</v>
      </c>
      <c r="AK26" s="261">
        <v>0</v>
      </c>
      <c r="AL26" s="258">
        <v>0</v>
      </c>
      <c r="AM26" s="260">
        <v>0</v>
      </c>
      <c r="AN26" s="261">
        <v>0</v>
      </c>
      <c r="AO26" s="261">
        <v>1</v>
      </c>
      <c r="AP26" s="261">
        <v>0</v>
      </c>
      <c r="AQ26" s="261">
        <v>0</v>
      </c>
      <c r="AR26" s="261">
        <v>1</v>
      </c>
      <c r="AS26" s="258">
        <v>2</v>
      </c>
      <c r="AT26" s="263">
        <v>2</v>
      </c>
      <c r="AU26" s="257">
        <v>4</v>
      </c>
      <c r="AV26" s="261">
        <v>2</v>
      </c>
      <c r="AW26" s="258">
        <v>6</v>
      </c>
      <c r="AX26" s="260">
        <v>0</v>
      </c>
      <c r="AY26" s="261">
        <v>8</v>
      </c>
      <c r="AZ26" s="261">
        <v>8</v>
      </c>
      <c r="BA26" s="261">
        <v>9</v>
      </c>
      <c r="BB26" s="261">
        <v>10</v>
      </c>
      <c r="BC26" s="261">
        <v>12</v>
      </c>
      <c r="BD26" s="262">
        <v>47</v>
      </c>
      <c r="BE26" s="263">
        <v>53</v>
      </c>
      <c r="BF26" s="257">
        <v>0</v>
      </c>
      <c r="BG26" s="261">
        <v>0</v>
      </c>
      <c r="BH26" s="258">
        <v>0</v>
      </c>
      <c r="BI26" s="260">
        <v>0</v>
      </c>
      <c r="BJ26" s="261">
        <v>13</v>
      </c>
      <c r="BK26" s="261">
        <v>10</v>
      </c>
      <c r="BL26" s="261">
        <v>3</v>
      </c>
      <c r="BM26" s="261">
        <v>1</v>
      </c>
      <c r="BN26" s="261">
        <v>1</v>
      </c>
      <c r="BO26" s="258">
        <v>28</v>
      </c>
      <c r="BP26" s="263">
        <v>28</v>
      </c>
      <c r="BQ26" s="257">
        <v>1</v>
      </c>
      <c r="BR26" s="261">
        <v>0</v>
      </c>
      <c r="BS26" s="258">
        <v>1</v>
      </c>
      <c r="BT26" s="260">
        <v>0</v>
      </c>
      <c r="BU26" s="261">
        <v>4</v>
      </c>
      <c r="BV26" s="261">
        <v>7</v>
      </c>
      <c r="BW26" s="261">
        <v>1</v>
      </c>
      <c r="BX26" s="261">
        <v>1</v>
      </c>
      <c r="BY26" s="261">
        <v>3</v>
      </c>
      <c r="BZ26" s="258">
        <v>16</v>
      </c>
      <c r="CA26" s="263">
        <v>17</v>
      </c>
      <c r="CB26" s="257">
        <v>0</v>
      </c>
      <c r="CC26" s="261">
        <v>0</v>
      </c>
      <c r="CD26" s="258">
        <v>0</v>
      </c>
      <c r="CE26" s="260">
        <v>0</v>
      </c>
      <c r="CF26" s="261">
        <v>1</v>
      </c>
      <c r="CG26" s="261">
        <v>3</v>
      </c>
      <c r="CH26" s="261">
        <v>1</v>
      </c>
      <c r="CI26" s="261">
        <v>1</v>
      </c>
      <c r="CJ26" s="261">
        <v>1</v>
      </c>
      <c r="CK26" s="258">
        <v>7</v>
      </c>
      <c r="CL26" s="263">
        <v>7</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c r="DI26" s="257">
        <v>0</v>
      </c>
      <c r="DJ26" s="261">
        <v>0</v>
      </c>
      <c r="DK26" s="258">
        <v>0</v>
      </c>
      <c r="DL26" s="260">
        <v>0</v>
      </c>
      <c r="DM26" s="261">
        <v>0</v>
      </c>
      <c r="DN26" s="261">
        <v>0</v>
      </c>
      <c r="DO26" s="261">
        <v>0</v>
      </c>
      <c r="DP26" s="261">
        <v>0</v>
      </c>
      <c r="DQ26" s="261">
        <v>0</v>
      </c>
      <c r="DR26" s="258">
        <v>0</v>
      </c>
      <c r="DS26" s="263">
        <v>0</v>
      </c>
      <c r="DT26" s="257">
        <v>6</v>
      </c>
      <c r="DU26" s="261">
        <v>9</v>
      </c>
      <c r="DV26" s="258">
        <v>15</v>
      </c>
      <c r="DW26" s="260">
        <v>0</v>
      </c>
      <c r="DX26" s="261">
        <v>15</v>
      </c>
      <c r="DY26" s="261">
        <v>16</v>
      </c>
      <c r="DZ26" s="261">
        <v>10</v>
      </c>
      <c r="EA26" s="261">
        <v>7</v>
      </c>
      <c r="EB26" s="261">
        <v>8</v>
      </c>
      <c r="EC26" s="258">
        <v>56</v>
      </c>
      <c r="ED26" s="263">
        <v>71</v>
      </c>
      <c r="EE26" s="257">
        <v>2</v>
      </c>
      <c r="EF26" s="261">
        <v>2</v>
      </c>
      <c r="EG26" s="258">
        <v>4</v>
      </c>
      <c r="EH26" s="260">
        <v>0</v>
      </c>
      <c r="EI26" s="261">
        <v>7</v>
      </c>
      <c r="EJ26" s="261">
        <v>6</v>
      </c>
      <c r="EK26" s="261">
        <v>4</v>
      </c>
      <c r="EL26" s="261">
        <v>6</v>
      </c>
      <c r="EM26" s="261">
        <v>3</v>
      </c>
      <c r="EN26" s="258">
        <v>26</v>
      </c>
      <c r="EO26" s="263">
        <v>30</v>
      </c>
      <c r="EP26" s="257">
        <v>10</v>
      </c>
      <c r="EQ26" s="261">
        <v>11</v>
      </c>
      <c r="ER26" s="258">
        <v>21</v>
      </c>
      <c r="ES26" s="260">
        <v>0</v>
      </c>
      <c r="ET26" s="261">
        <v>25</v>
      </c>
      <c r="EU26" s="261">
        <v>23</v>
      </c>
      <c r="EV26" s="261">
        <v>12</v>
      </c>
      <c r="EW26" s="261">
        <v>7</v>
      </c>
      <c r="EX26" s="261">
        <v>8</v>
      </c>
      <c r="EY26" s="258">
        <v>75</v>
      </c>
      <c r="EZ26" s="263">
        <v>96</v>
      </c>
    </row>
    <row r="27" spans="2:156" ht="21" customHeight="1" x14ac:dyDescent="0.2">
      <c r="B27" s="472" t="s">
        <v>25</v>
      </c>
      <c r="C27" s="257">
        <v>0</v>
      </c>
      <c r="D27" s="261">
        <v>0</v>
      </c>
      <c r="E27" s="358">
        <v>0</v>
      </c>
      <c r="F27" s="260">
        <v>0</v>
      </c>
      <c r="G27" s="261">
        <v>6</v>
      </c>
      <c r="H27" s="261">
        <v>4</v>
      </c>
      <c r="I27" s="261">
        <v>2</v>
      </c>
      <c r="J27" s="261">
        <v>2</v>
      </c>
      <c r="K27" s="261">
        <v>1</v>
      </c>
      <c r="L27" s="262">
        <v>15</v>
      </c>
      <c r="M27" s="263">
        <v>15</v>
      </c>
      <c r="N27" s="257">
        <v>0</v>
      </c>
      <c r="O27" s="261">
        <v>0</v>
      </c>
      <c r="P27" s="258">
        <v>0</v>
      </c>
      <c r="Q27" s="260">
        <v>0</v>
      </c>
      <c r="R27" s="261">
        <v>0</v>
      </c>
      <c r="S27" s="261">
        <v>1</v>
      </c>
      <c r="T27" s="261">
        <v>0</v>
      </c>
      <c r="U27" s="261">
        <v>1</v>
      </c>
      <c r="V27" s="261">
        <v>2</v>
      </c>
      <c r="W27" s="258">
        <v>4</v>
      </c>
      <c r="X27" s="263">
        <v>4</v>
      </c>
      <c r="Y27" s="257">
        <v>1</v>
      </c>
      <c r="Z27" s="261">
        <v>4</v>
      </c>
      <c r="AA27" s="258">
        <v>5</v>
      </c>
      <c r="AB27" s="260">
        <v>0</v>
      </c>
      <c r="AC27" s="261">
        <v>4</v>
      </c>
      <c r="AD27" s="261">
        <v>5</v>
      </c>
      <c r="AE27" s="261">
        <v>1</v>
      </c>
      <c r="AF27" s="261">
        <v>0</v>
      </c>
      <c r="AG27" s="261">
        <v>1</v>
      </c>
      <c r="AH27" s="258">
        <v>11</v>
      </c>
      <c r="AI27" s="263">
        <v>16</v>
      </c>
      <c r="AJ27" s="257">
        <v>0</v>
      </c>
      <c r="AK27" s="261">
        <v>0</v>
      </c>
      <c r="AL27" s="258">
        <v>0</v>
      </c>
      <c r="AM27" s="260">
        <v>0</v>
      </c>
      <c r="AN27" s="261">
        <v>0</v>
      </c>
      <c r="AO27" s="261">
        <v>0</v>
      </c>
      <c r="AP27" s="261">
        <v>0</v>
      </c>
      <c r="AQ27" s="261">
        <v>0</v>
      </c>
      <c r="AR27" s="261">
        <v>0</v>
      </c>
      <c r="AS27" s="258">
        <v>0</v>
      </c>
      <c r="AT27" s="263">
        <v>0</v>
      </c>
      <c r="AU27" s="257">
        <v>2</v>
      </c>
      <c r="AV27" s="261">
        <v>2</v>
      </c>
      <c r="AW27" s="258">
        <v>4</v>
      </c>
      <c r="AX27" s="260">
        <v>0</v>
      </c>
      <c r="AY27" s="261">
        <v>2</v>
      </c>
      <c r="AZ27" s="261">
        <v>1</v>
      </c>
      <c r="BA27" s="261">
        <v>1</v>
      </c>
      <c r="BB27" s="261">
        <v>4</v>
      </c>
      <c r="BC27" s="261">
        <v>4</v>
      </c>
      <c r="BD27" s="262">
        <v>12</v>
      </c>
      <c r="BE27" s="263">
        <v>16</v>
      </c>
      <c r="BF27" s="257">
        <v>0</v>
      </c>
      <c r="BG27" s="261">
        <v>0</v>
      </c>
      <c r="BH27" s="258">
        <v>0</v>
      </c>
      <c r="BI27" s="260">
        <v>0</v>
      </c>
      <c r="BJ27" s="261">
        <v>4</v>
      </c>
      <c r="BK27" s="261">
        <v>3</v>
      </c>
      <c r="BL27" s="261">
        <v>2</v>
      </c>
      <c r="BM27" s="261">
        <v>1</v>
      </c>
      <c r="BN27" s="261">
        <v>0</v>
      </c>
      <c r="BO27" s="258">
        <v>10</v>
      </c>
      <c r="BP27" s="263">
        <v>10</v>
      </c>
      <c r="BQ27" s="257">
        <v>0</v>
      </c>
      <c r="BR27" s="261">
        <v>2</v>
      </c>
      <c r="BS27" s="258">
        <v>2</v>
      </c>
      <c r="BT27" s="260">
        <v>0</v>
      </c>
      <c r="BU27" s="261">
        <v>3</v>
      </c>
      <c r="BV27" s="261">
        <v>4</v>
      </c>
      <c r="BW27" s="261">
        <v>1</v>
      </c>
      <c r="BX27" s="261">
        <v>0</v>
      </c>
      <c r="BY27" s="261">
        <v>0</v>
      </c>
      <c r="BZ27" s="258">
        <v>8</v>
      </c>
      <c r="CA27" s="263">
        <v>10</v>
      </c>
      <c r="CB27" s="257">
        <v>0</v>
      </c>
      <c r="CC27" s="261">
        <v>0</v>
      </c>
      <c r="CD27" s="258">
        <v>0</v>
      </c>
      <c r="CE27" s="260">
        <v>0</v>
      </c>
      <c r="CF27" s="261">
        <v>1</v>
      </c>
      <c r="CG27" s="261">
        <v>1</v>
      </c>
      <c r="CH27" s="261">
        <v>0</v>
      </c>
      <c r="CI27" s="261">
        <v>1</v>
      </c>
      <c r="CJ27" s="261">
        <v>0</v>
      </c>
      <c r="CK27" s="258">
        <v>3</v>
      </c>
      <c r="CL27" s="263">
        <v>3</v>
      </c>
      <c r="CM27" s="257">
        <v>0</v>
      </c>
      <c r="CN27" s="261">
        <v>0</v>
      </c>
      <c r="CO27" s="258">
        <v>0</v>
      </c>
      <c r="CP27" s="260">
        <v>0</v>
      </c>
      <c r="CQ27" s="261">
        <v>0</v>
      </c>
      <c r="CR27" s="261">
        <v>1</v>
      </c>
      <c r="CS27" s="261">
        <v>0</v>
      </c>
      <c r="CT27" s="261">
        <v>0</v>
      </c>
      <c r="CU27" s="261">
        <v>0</v>
      </c>
      <c r="CV27" s="258">
        <v>1</v>
      </c>
      <c r="CW27" s="263">
        <v>1</v>
      </c>
      <c r="CX27" s="257">
        <v>0</v>
      </c>
      <c r="CY27" s="261">
        <v>0</v>
      </c>
      <c r="CZ27" s="258">
        <v>0</v>
      </c>
      <c r="DA27" s="260">
        <v>0</v>
      </c>
      <c r="DB27" s="261">
        <v>0</v>
      </c>
      <c r="DC27" s="261">
        <v>0</v>
      </c>
      <c r="DD27" s="261">
        <v>0</v>
      </c>
      <c r="DE27" s="261">
        <v>0</v>
      </c>
      <c r="DF27" s="261">
        <v>0</v>
      </c>
      <c r="DG27" s="258">
        <v>0</v>
      </c>
      <c r="DH27" s="263">
        <v>0</v>
      </c>
      <c r="DI27" s="257">
        <v>0</v>
      </c>
      <c r="DJ27" s="261">
        <v>0</v>
      </c>
      <c r="DK27" s="258">
        <v>0</v>
      </c>
      <c r="DL27" s="260">
        <v>0</v>
      </c>
      <c r="DM27" s="261">
        <v>0</v>
      </c>
      <c r="DN27" s="261">
        <v>0</v>
      </c>
      <c r="DO27" s="261">
        <v>0</v>
      </c>
      <c r="DP27" s="261">
        <v>0</v>
      </c>
      <c r="DQ27" s="261">
        <v>0</v>
      </c>
      <c r="DR27" s="258">
        <v>0</v>
      </c>
      <c r="DS27" s="263">
        <v>0</v>
      </c>
      <c r="DT27" s="257">
        <v>4</v>
      </c>
      <c r="DU27" s="261">
        <v>9</v>
      </c>
      <c r="DV27" s="258">
        <v>13</v>
      </c>
      <c r="DW27" s="260">
        <v>0</v>
      </c>
      <c r="DX27" s="261">
        <v>11</v>
      </c>
      <c r="DY27" s="261">
        <v>8</v>
      </c>
      <c r="DZ27" s="261">
        <v>4</v>
      </c>
      <c r="EA27" s="261">
        <v>4</v>
      </c>
      <c r="EB27" s="261">
        <v>3</v>
      </c>
      <c r="EC27" s="258">
        <v>30</v>
      </c>
      <c r="ED27" s="263">
        <v>43</v>
      </c>
      <c r="EE27" s="257">
        <v>0</v>
      </c>
      <c r="EF27" s="261">
        <v>0</v>
      </c>
      <c r="EG27" s="258">
        <v>0</v>
      </c>
      <c r="EH27" s="260">
        <v>0</v>
      </c>
      <c r="EI27" s="261">
        <v>1</v>
      </c>
      <c r="EJ27" s="261">
        <v>1</v>
      </c>
      <c r="EK27" s="261">
        <v>1</v>
      </c>
      <c r="EL27" s="261">
        <v>2</v>
      </c>
      <c r="EM27" s="261">
        <v>3</v>
      </c>
      <c r="EN27" s="258">
        <v>8</v>
      </c>
      <c r="EO27" s="263">
        <v>8</v>
      </c>
      <c r="EP27" s="257">
        <v>5</v>
      </c>
      <c r="EQ27" s="261">
        <v>13</v>
      </c>
      <c r="ER27" s="258">
        <v>18</v>
      </c>
      <c r="ES27" s="260">
        <v>0</v>
      </c>
      <c r="ET27" s="261">
        <v>19</v>
      </c>
      <c r="EU27" s="261">
        <v>13</v>
      </c>
      <c r="EV27" s="261">
        <v>4</v>
      </c>
      <c r="EW27" s="261">
        <v>4</v>
      </c>
      <c r="EX27" s="261">
        <v>3</v>
      </c>
      <c r="EY27" s="258">
        <v>43</v>
      </c>
      <c r="EZ27" s="263">
        <v>61</v>
      </c>
    </row>
    <row r="28" spans="2:156" ht="21" customHeight="1" x14ac:dyDescent="0.2">
      <c r="B28" s="472" t="s">
        <v>26</v>
      </c>
      <c r="C28" s="257">
        <v>0</v>
      </c>
      <c r="D28" s="261">
        <v>0</v>
      </c>
      <c r="E28" s="358">
        <v>0</v>
      </c>
      <c r="F28" s="260">
        <v>0</v>
      </c>
      <c r="G28" s="261">
        <v>6</v>
      </c>
      <c r="H28" s="261">
        <v>4</v>
      </c>
      <c r="I28" s="261">
        <v>2</v>
      </c>
      <c r="J28" s="261">
        <v>2</v>
      </c>
      <c r="K28" s="261">
        <v>4</v>
      </c>
      <c r="L28" s="262">
        <v>18</v>
      </c>
      <c r="M28" s="263">
        <v>18</v>
      </c>
      <c r="N28" s="257">
        <v>0</v>
      </c>
      <c r="O28" s="261">
        <v>0</v>
      </c>
      <c r="P28" s="258">
        <v>0</v>
      </c>
      <c r="Q28" s="260">
        <v>0</v>
      </c>
      <c r="R28" s="261">
        <v>0</v>
      </c>
      <c r="S28" s="261">
        <v>1</v>
      </c>
      <c r="T28" s="261">
        <v>0</v>
      </c>
      <c r="U28" s="261">
        <v>1</v>
      </c>
      <c r="V28" s="261">
        <v>2</v>
      </c>
      <c r="W28" s="258">
        <v>4</v>
      </c>
      <c r="X28" s="263">
        <v>4</v>
      </c>
      <c r="Y28" s="257">
        <v>0</v>
      </c>
      <c r="Z28" s="261">
        <v>1</v>
      </c>
      <c r="AA28" s="258">
        <v>1</v>
      </c>
      <c r="AB28" s="260">
        <v>0</v>
      </c>
      <c r="AC28" s="261">
        <v>5</v>
      </c>
      <c r="AD28" s="261">
        <v>5</v>
      </c>
      <c r="AE28" s="261">
        <v>2</v>
      </c>
      <c r="AF28" s="261">
        <v>5</v>
      </c>
      <c r="AG28" s="261">
        <v>4</v>
      </c>
      <c r="AH28" s="258">
        <v>21</v>
      </c>
      <c r="AI28" s="263">
        <v>22</v>
      </c>
      <c r="AJ28" s="257">
        <v>0</v>
      </c>
      <c r="AK28" s="261">
        <v>1</v>
      </c>
      <c r="AL28" s="258">
        <v>1</v>
      </c>
      <c r="AM28" s="260">
        <v>0</v>
      </c>
      <c r="AN28" s="261">
        <v>0</v>
      </c>
      <c r="AO28" s="261">
        <v>0</v>
      </c>
      <c r="AP28" s="261">
        <v>0</v>
      </c>
      <c r="AQ28" s="261">
        <v>0</v>
      </c>
      <c r="AR28" s="261">
        <v>0</v>
      </c>
      <c r="AS28" s="258">
        <v>0</v>
      </c>
      <c r="AT28" s="263">
        <v>1</v>
      </c>
      <c r="AU28" s="257">
        <v>2</v>
      </c>
      <c r="AV28" s="261">
        <v>1</v>
      </c>
      <c r="AW28" s="258">
        <v>3</v>
      </c>
      <c r="AX28" s="260">
        <v>0</v>
      </c>
      <c r="AY28" s="261">
        <v>5</v>
      </c>
      <c r="AZ28" s="261">
        <v>12</v>
      </c>
      <c r="BA28" s="261">
        <v>3</v>
      </c>
      <c r="BB28" s="261">
        <v>4</v>
      </c>
      <c r="BC28" s="261">
        <v>5</v>
      </c>
      <c r="BD28" s="262">
        <v>29</v>
      </c>
      <c r="BE28" s="263">
        <v>32</v>
      </c>
      <c r="BF28" s="257">
        <v>0</v>
      </c>
      <c r="BG28" s="261">
        <v>0</v>
      </c>
      <c r="BH28" s="258">
        <v>0</v>
      </c>
      <c r="BI28" s="260">
        <v>0</v>
      </c>
      <c r="BJ28" s="261">
        <v>7</v>
      </c>
      <c r="BK28" s="261">
        <v>4</v>
      </c>
      <c r="BL28" s="261">
        <v>3</v>
      </c>
      <c r="BM28" s="261">
        <v>1</v>
      </c>
      <c r="BN28" s="261">
        <v>0</v>
      </c>
      <c r="BO28" s="258">
        <v>15</v>
      </c>
      <c r="BP28" s="263">
        <v>15</v>
      </c>
      <c r="BQ28" s="257">
        <v>0</v>
      </c>
      <c r="BR28" s="261">
        <v>1</v>
      </c>
      <c r="BS28" s="258">
        <v>1</v>
      </c>
      <c r="BT28" s="260">
        <v>0</v>
      </c>
      <c r="BU28" s="261">
        <v>2</v>
      </c>
      <c r="BV28" s="261">
        <v>4</v>
      </c>
      <c r="BW28" s="261">
        <v>1</v>
      </c>
      <c r="BX28" s="261">
        <v>0</v>
      </c>
      <c r="BY28" s="261">
        <v>0</v>
      </c>
      <c r="BZ28" s="258">
        <v>7</v>
      </c>
      <c r="CA28" s="263">
        <v>8</v>
      </c>
      <c r="CB28" s="257">
        <v>0</v>
      </c>
      <c r="CC28" s="261">
        <v>0</v>
      </c>
      <c r="CD28" s="258">
        <v>0</v>
      </c>
      <c r="CE28" s="260">
        <v>0</v>
      </c>
      <c r="CF28" s="261">
        <v>0</v>
      </c>
      <c r="CG28" s="261">
        <v>0</v>
      </c>
      <c r="CH28" s="261">
        <v>1</v>
      </c>
      <c r="CI28" s="261">
        <v>1</v>
      </c>
      <c r="CJ28" s="261">
        <v>0</v>
      </c>
      <c r="CK28" s="258">
        <v>2</v>
      </c>
      <c r="CL28" s="263">
        <v>2</v>
      </c>
      <c r="CM28" s="257">
        <v>0</v>
      </c>
      <c r="CN28" s="261">
        <v>0</v>
      </c>
      <c r="CO28" s="258">
        <v>0</v>
      </c>
      <c r="CP28" s="260">
        <v>0</v>
      </c>
      <c r="CQ28" s="261">
        <v>0</v>
      </c>
      <c r="CR28" s="261">
        <v>1</v>
      </c>
      <c r="CS28" s="261">
        <v>0</v>
      </c>
      <c r="CT28" s="261">
        <v>1</v>
      </c>
      <c r="CU28" s="261">
        <v>0</v>
      </c>
      <c r="CV28" s="258">
        <v>2</v>
      </c>
      <c r="CW28" s="263">
        <v>2</v>
      </c>
      <c r="CX28" s="257">
        <v>0</v>
      </c>
      <c r="CY28" s="261">
        <v>0</v>
      </c>
      <c r="CZ28" s="258">
        <v>0</v>
      </c>
      <c r="DA28" s="260">
        <v>0</v>
      </c>
      <c r="DB28" s="261">
        <v>0</v>
      </c>
      <c r="DC28" s="261">
        <v>0</v>
      </c>
      <c r="DD28" s="261">
        <v>0</v>
      </c>
      <c r="DE28" s="261">
        <v>0</v>
      </c>
      <c r="DF28" s="261">
        <v>0</v>
      </c>
      <c r="DG28" s="258">
        <v>0</v>
      </c>
      <c r="DH28" s="263">
        <v>0</v>
      </c>
      <c r="DI28" s="257">
        <v>0</v>
      </c>
      <c r="DJ28" s="261">
        <v>0</v>
      </c>
      <c r="DK28" s="258">
        <v>0</v>
      </c>
      <c r="DL28" s="260">
        <v>0</v>
      </c>
      <c r="DM28" s="261">
        <v>0</v>
      </c>
      <c r="DN28" s="261">
        <v>0</v>
      </c>
      <c r="DO28" s="261">
        <v>0</v>
      </c>
      <c r="DP28" s="261">
        <v>0</v>
      </c>
      <c r="DQ28" s="261">
        <v>0</v>
      </c>
      <c r="DR28" s="258">
        <v>0</v>
      </c>
      <c r="DS28" s="263">
        <v>0</v>
      </c>
      <c r="DT28" s="257">
        <v>1</v>
      </c>
      <c r="DU28" s="261">
        <v>6</v>
      </c>
      <c r="DV28" s="258">
        <v>7</v>
      </c>
      <c r="DW28" s="260">
        <v>0</v>
      </c>
      <c r="DX28" s="261">
        <v>11</v>
      </c>
      <c r="DY28" s="261">
        <v>12</v>
      </c>
      <c r="DZ28" s="261">
        <v>5</v>
      </c>
      <c r="EA28" s="261">
        <v>5</v>
      </c>
      <c r="EB28" s="261">
        <v>6</v>
      </c>
      <c r="EC28" s="258">
        <v>39</v>
      </c>
      <c r="ED28" s="263">
        <v>46</v>
      </c>
      <c r="EE28" s="257">
        <v>2</v>
      </c>
      <c r="EF28" s="261">
        <v>1</v>
      </c>
      <c r="EG28" s="258">
        <v>3</v>
      </c>
      <c r="EH28" s="260">
        <v>0</v>
      </c>
      <c r="EI28" s="261">
        <v>2</v>
      </c>
      <c r="EJ28" s="261">
        <v>5</v>
      </c>
      <c r="EK28" s="261">
        <v>2</v>
      </c>
      <c r="EL28" s="261">
        <v>1</v>
      </c>
      <c r="EM28" s="261">
        <v>1</v>
      </c>
      <c r="EN28" s="258">
        <v>11</v>
      </c>
      <c r="EO28" s="263">
        <v>14</v>
      </c>
      <c r="EP28" s="257">
        <v>1</v>
      </c>
      <c r="EQ28" s="261">
        <v>6</v>
      </c>
      <c r="ER28" s="258">
        <v>7</v>
      </c>
      <c r="ES28" s="260">
        <v>0</v>
      </c>
      <c r="ET28" s="261">
        <v>20</v>
      </c>
      <c r="EU28" s="261">
        <v>16</v>
      </c>
      <c r="EV28" s="261">
        <v>7</v>
      </c>
      <c r="EW28" s="261">
        <v>6</v>
      </c>
      <c r="EX28" s="261">
        <v>6</v>
      </c>
      <c r="EY28" s="258">
        <v>55</v>
      </c>
      <c r="EZ28" s="263">
        <v>62</v>
      </c>
    </row>
    <row r="29" spans="2:156" ht="21" customHeight="1" x14ac:dyDescent="0.2">
      <c r="B29" s="472" t="s">
        <v>27</v>
      </c>
      <c r="C29" s="257">
        <v>0</v>
      </c>
      <c r="D29" s="261">
        <v>0</v>
      </c>
      <c r="E29" s="358">
        <v>0</v>
      </c>
      <c r="F29" s="260">
        <v>0</v>
      </c>
      <c r="G29" s="261">
        <v>1</v>
      </c>
      <c r="H29" s="261">
        <v>2</v>
      </c>
      <c r="I29" s="261">
        <v>2</v>
      </c>
      <c r="J29" s="261">
        <v>0</v>
      </c>
      <c r="K29" s="261">
        <v>0</v>
      </c>
      <c r="L29" s="262">
        <v>5</v>
      </c>
      <c r="M29" s="263">
        <v>5</v>
      </c>
      <c r="N29" s="257">
        <v>0</v>
      </c>
      <c r="O29" s="261">
        <v>0</v>
      </c>
      <c r="P29" s="258">
        <v>0</v>
      </c>
      <c r="Q29" s="260">
        <v>0</v>
      </c>
      <c r="R29" s="261">
        <v>0</v>
      </c>
      <c r="S29" s="261">
        <v>0</v>
      </c>
      <c r="T29" s="261">
        <v>0</v>
      </c>
      <c r="U29" s="261">
        <v>2</v>
      </c>
      <c r="V29" s="261">
        <v>1</v>
      </c>
      <c r="W29" s="258">
        <v>3</v>
      </c>
      <c r="X29" s="263">
        <v>3</v>
      </c>
      <c r="Y29" s="257">
        <v>3</v>
      </c>
      <c r="Z29" s="261">
        <v>3</v>
      </c>
      <c r="AA29" s="258">
        <v>6</v>
      </c>
      <c r="AB29" s="260">
        <v>0</v>
      </c>
      <c r="AC29" s="261">
        <v>0</v>
      </c>
      <c r="AD29" s="261">
        <v>5</v>
      </c>
      <c r="AE29" s="261">
        <v>4</v>
      </c>
      <c r="AF29" s="261">
        <v>2</v>
      </c>
      <c r="AG29" s="261">
        <v>0</v>
      </c>
      <c r="AH29" s="258">
        <v>11</v>
      </c>
      <c r="AI29" s="263">
        <v>17</v>
      </c>
      <c r="AJ29" s="257">
        <v>0</v>
      </c>
      <c r="AK29" s="261">
        <v>0</v>
      </c>
      <c r="AL29" s="258">
        <v>0</v>
      </c>
      <c r="AM29" s="260">
        <v>0</v>
      </c>
      <c r="AN29" s="261">
        <v>0</v>
      </c>
      <c r="AO29" s="261">
        <v>0</v>
      </c>
      <c r="AP29" s="261">
        <v>0</v>
      </c>
      <c r="AQ29" s="261">
        <v>0</v>
      </c>
      <c r="AR29" s="261">
        <v>0</v>
      </c>
      <c r="AS29" s="258">
        <v>0</v>
      </c>
      <c r="AT29" s="263">
        <v>0</v>
      </c>
      <c r="AU29" s="257">
        <v>0</v>
      </c>
      <c r="AV29" s="261">
        <v>0</v>
      </c>
      <c r="AW29" s="258">
        <v>0</v>
      </c>
      <c r="AX29" s="260">
        <v>0</v>
      </c>
      <c r="AY29" s="261">
        <v>5</v>
      </c>
      <c r="AZ29" s="261">
        <v>1</v>
      </c>
      <c r="BA29" s="261">
        <v>9</v>
      </c>
      <c r="BB29" s="261">
        <v>6</v>
      </c>
      <c r="BC29" s="261">
        <v>3</v>
      </c>
      <c r="BD29" s="262">
        <v>24</v>
      </c>
      <c r="BE29" s="263">
        <v>24</v>
      </c>
      <c r="BF29" s="257">
        <v>0</v>
      </c>
      <c r="BG29" s="261">
        <v>0</v>
      </c>
      <c r="BH29" s="258">
        <v>0</v>
      </c>
      <c r="BI29" s="260">
        <v>0</v>
      </c>
      <c r="BJ29" s="261">
        <v>1</v>
      </c>
      <c r="BK29" s="261">
        <v>3</v>
      </c>
      <c r="BL29" s="261">
        <v>1</v>
      </c>
      <c r="BM29" s="261">
        <v>2</v>
      </c>
      <c r="BN29" s="261">
        <v>0</v>
      </c>
      <c r="BO29" s="258">
        <v>7</v>
      </c>
      <c r="BP29" s="263">
        <v>7</v>
      </c>
      <c r="BQ29" s="257">
        <v>1</v>
      </c>
      <c r="BR29" s="261">
        <v>0</v>
      </c>
      <c r="BS29" s="258">
        <v>1</v>
      </c>
      <c r="BT29" s="260">
        <v>0</v>
      </c>
      <c r="BU29" s="261">
        <v>1</v>
      </c>
      <c r="BV29" s="261">
        <v>2</v>
      </c>
      <c r="BW29" s="261">
        <v>1</v>
      </c>
      <c r="BX29" s="261">
        <v>0</v>
      </c>
      <c r="BY29" s="261">
        <v>0</v>
      </c>
      <c r="BZ29" s="258">
        <v>4</v>
      </c>
      <c r="CA29" s="263">
        <v>5</v>
      </c>
      <c r="CB29" s="257">
        <v>0</v>
      </c>
      <c r="CC29" s="261">
        <v>0</v>
      </c>
      <c r="CD29" s="258">
        <v>0</v>
      </c>
      <c r="CE29" s="260">
        <v>0</v>
      </c>
      <c r="CF29" s="261">
        <v>0</v>
      </c>
      <c r="CG29" s="261">
        <v>1</v>
      </c>
      <c r="CH29" s="261">
        <v>1</v>
      </c>
      <c r="CI29" s="261">
        <v>1</v>
      </c>
      <c r="CJ29" s="261">
        <v>0</v>
      </c>
      <c r="CK29" s="258">
        <v>3</v>
      </c>
      <c r="CL29" s="263">
        <v>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c r="DI29" s="257">
        <v>0</v>
      </c>
      <c r="DJ29" s="261">
        <v>0</v>
      </c>
      <c r="DK29" s="258">
        <v>0</v>
      </c>
      <c r="DL29" s="260">
        <v>0</v>
      </c>
      <c r="DM29" s="261">
        <v>0</v>
      </c>
      <c r="DN29" s="261">
        <v>0</v>
      </c>
      <c r="DO29" s="261">
        <v>0</v>
      </c>
      <c r="DP29" s="261">
        <v>0</v>
      </c>
      <c r="DQ29" s="261">
        <v>0</v>
      </c>
      <c r="DR29" s="258">
        <v>0</v>
      </c>
      <c r="DS29" s="263">
        <v>0</v>
      </c>
      <c r="DT29" s="257">
        <v>6</v>
      </c>
      <c r="DU29" s="261">
        <v>7</v>
      </c>
      <c r="DV29" s="258">
        <v>13</v>
      </c>
      <c r="DW29" s="260">
        <v>0</v>
      </c>
      <c r="DX29" s="261">
        <v>1</v>
      </c>
      <c r="DY29" s="261">
        <v>8</v>
      </c>
      <c r="DZ29" s="261">
        <v>4</v>
      </c>
      <c r="EA29" s="261">
        <v>3</v>
      </c>
      <c r="EB29" s="261">
        <v>1</v>
      </c>
      <c r="EC29" s="258">
        <v>17</v>
      </c>
      <c r="ED29" s="263">
        <v>30</v>
      </c>
      <c r="EE29" s="257">
        <v>0</v>
      </c>
      <c r="EF29" s="261">
        <v>0</v>
      </c>
      <c r="EG29" s="258">
        <v>0</v>
      </c>
      <c r="EH29" s="260">
        <v>0</v>
      </c>
      <c r="EI29" s="261">
        <v>4</v>
      </c>
      <c r="EJ29" s="261">
        <v>1</v>
      </c>
      <c r="EK29" s="261">
        <v>6</v>
      </c>
      <c r="EL29" s="261">
        <v>4</v>
      </c>
      <c r="EM29" s="261">
        <v>3</v>
      </c>
      <c r="EN29" s="258">
        <v>18</v>
      </c>
      <c r="EO29" s="263">
        <v>18</v>
      </c>
      <c r="EP29" s="257">
        <v>9</v>
      </c>
      <c r="EQ29" s="261">
        <v>10</v>
      </c>
      <c r="ER29" s="258">
        <v>19</v>
      </c>
      <c r="ES29" s="260">
        <v>0</v>
      </c>
      <c r="ET29" s="261">
        <v>4</v>
      </c>
      <c r="EU29" s="261">
        <v>13</v>
      </c>
      <c r="EV29" s="261">
        <v>6</v>
      </c>
      <c r="EW29" s="261">
        <v>3</v>
      </c>
      <c r="EX29" s="261">
        <v>1</v>
      </c>
      <c r="EY29" s="258">
        <v>27</v>
      </c>
      <c r="EZ29" s="263">
        <v>46</v>
      </c>
    </row>
    <row r="30" spans="2:156" ht="21" customHeight="1" x14ac:dyDescent="0.2">
      <c r="B30" s="472" t="s">
        <v>28</v>
      </c>
      <c r="C30" s="257">
        <v>0</v>
      </c>
      <c r="D30" s="261">
        <v>0</v>
      </c>
      <c r="E30" s="358">
        <v>0</v>
      </c>
      <c r="F30" s="260">
        <v>0</v>
      </c>
      <c r="G30" s="261">
        <v>1</v>
      </c>
      <c r="H30" s="261">
        <v>1</v>
      </c>
      <c r="I30" s="261">
        <v>0</v>
      </c>
      <c r="J30" s="261">
        <v>1</v>
      </c>
      <c r="K30" s="261">
        <v>0</v>
      </c>
      <c r="L30" s="262">
        <v>3</v>
      </c>
      <c r="M30" s="263">
        <v>3</v>
      </c>
      <c r="N30" s="257">
        <v>0</v>
      </c>
      <c r="O30" s="261">
        <v>0</v>
      </c>
      <c r="P30" s="258">
        <v>0</v>
      </c>
      <c r="Q30" s="260">
        <v>0</v>
      </c>
      <c r="R30" s="261">
        <v>0</v>
      </c>
      <c r="S30" s="261">
        <v>0</v>
      </c>
      <c r="T30" s="261">
        <v>0</v>
      </c>
      <c r="U30" s="261">
        <v>0</v>
      </c>
      <c r="V30" s="261">
        <v>0</v>
      </c>
      <c r="W30" s="258">
        <v>0</v>
      </c>
      <c r="X30" s="263">
        <v>0</v>
      </c>
      <c r="Y30" s="257">
        <v>0</v>
      </c>
      <c r="Z30" s="261">
        <v>1</v>
      </c>
      <c r="AA30" s="258">
        <v>1</v>
      </c>
      <c r="AB30" s="260">
        <v>0</v>
      </c>
      <c r="AC30" s="261">
        <v>0</v>
      </c>
      <c r="AD30" s="261">
        <v>1</v>
      </c>
      <c r="AE30" s="261">
        <v>2</v>
      </c>
      <c r="AF30" s="261">
        <v>0</v>
      </c>
      <c r="AG30" s="261">
        <v>0</v>
      </c>
      <c r="AH30" s="258">
        <v>3</v>
      </c>
      <c r="AI30" s="263">
        <v>4</v>
      </c>
      <c r="AJ30" s="257">
        <v>0</v>
      </c>
      <c r="AK30" s="261">
        <v>0</v>
      </c>
      <c r="AL30" s="258">
        <v>0</v>
      </c>
      <c r="AM30" s="260">
        <v>0</v>
      </c>
      <c r="AN30" s="261">
        <v>0</v>
      </c>
      <c r="AO30" s="261">
        <v>0</v>
      </c>
      <c r="AP30" s="261">
        <v>0</v>
      </c>
      <c r="AQ30" s="261">
        <v>0</v>
      </c>
      <c r="AR30" s="261">
        <v>0</v>
      </c>
      <c r="AS30" s="258">
        <v>0</v>
      </c>
      <c r="AT30" s="263">
        <v>0</v>
      </c>
      <c r="AU30" s="257">
        <v>0</v>
      </c>
      <c r="AV30" s="261">
        <v>0</v>
      </c>
      <c r="AW30" s="258">
        <v>0</v>
      </c>
      <c r="AX30" s="260">
        <v>0</v>
      </c>
      <c r="AY30" s="261">
        <v>0</v>
      </c>
      <c r="AZ30" s="261">
        <v>1</v>
      </c>
      <c r="BA30" s="261">
        <v>1</v>
      </c>
      <c r="BB30" s="261">
        <v>2</v>
      </c>
      <c r="BC30" s="261">
        <v>0</v>
      </c>
      <c r="BD30" s="262">
        <v>4</v>
      </c>
      <c r="BE30" s="263">
        <v>4</v>
      </c>
      <c r="BF30" s="257">
        <v>0</v>
      </c>
      <c r="BG30" s="261">
        <v>0</v>
      </c>
      <c r="BH30" s="258">
        <v>0</v>
      </c>
      <c r="BI30" s="260">
        <v>0</v>
      </c>
      <c r="BJ30" s="261">
        <v>0</v>
      </c>
      <c r="BK30" s="261">
        <v>1</v>
      </c>
      <c r="BL30" s="261">
        <v>1</v>
      </c>
      <c r="BM30" s="261">
        <v>1</v>
      </c>
      <c r="BN30" s="261">
        <v>0</v>
      </c>
      <c r="BO30" s="258">
        <v>3</v>
      </c>
      <c r="BP30" s="263">
        <v>3</v>
      </c>
      <c r="BQ30" s="257">
        <v>0</v>
      </c>
      <c r="BR30" s="261">
        <v>0</v>
      </c>
      <c r="BS30" s="258">
        <v>0</v>
      </c>
      <c r="BT30" s="260">
        <v>0</v>
      </c>
      <c r="BU30" s="261">
        <v>0</v>
      </c>
      <c r="BV30" s="261">
        <v>1</v>
      </c>
      <c r="BW30" s="261">
        <v>1</v>
      </c>
      <c r="BX30" s="261">
        <v>0</v>
      </c>
      <c r="BY30" s="261">
        <v>0</v>
      </c>
      <c r="BZ30" s="258">
        <v>2</v>
      </c>
      <c r="CA30" s="263">
        <v>2</v>
      </c>
      <c r="CB30" s="257">
        <v>0</v>
      </c>
      <c r="CC30" s="261">
        <v>0</v>
      </c>
      <c r="CD30" s="258">
        <v>0</v>
      </c>
      <c r="CE30" s="260">
        <v>0</v>
      </c>
      <c r="CF30" s="261">
        <v>0</v>
      </c>
      <c r="CG30" s="261">
        <v>1</v>
      </c>
      <c r="CH30" s="261">
        <v>1</v>
      </c>
      <c r="CI30" s="261">
        <v>0</v>
      </c>
      <c r="CJ30" s="261">
        <v>0</v>
      </c>
      <c r="CK30" s="258">
        <v>2</v>
      </c>
      <c r="CL30" s="263">
        <v>2</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c r="DI30" s="257">
        <v>0</v>
      </c>
      <c r="DJ30" s="261">
        <v>0</v>
      </c>
      <c r="DK30" s="258">
        <v>0</v>
      </c>
      <c r="DL30" s="260">
        <v>0</v>
      </c>
      <c r="DM30" s="261">
        <v>0</v>
      </c>
      <c r="DN30" s="261">
        <v>0</v>
      </c>
      <c r="DO30" s="261">
        <v>0</v>
      </c>
      <c r="DP30" s="261">
        <v>0</v>
      </c>
      <c r="DQ30" s="261">
        <v>0</v>
      </c>
      <c r="DR30" s="258">
        <v>0</v>
      </c>
      <c r="DS30" s="263">
        <v>0</v>
      </c>
      <c r="DT30" s="257">
        <v>0</v>
      </c>
      <c r="DU30" s="261">
        <v>2</v>
      </c>
      <c r="DV30" s="258">
        <v>2</v>
      </c>
      <c r="DW30" s="260">
        <v>0</v>
      </c>
      <c r="DX30" s="261">
        <v>1</v>
      </c>
      <c r="DY30" s="261">
        <v>3</v>
      </c>
      <c r="DZ30" s="261">
        <v>1</v>
      </c>
      <c r="EA30" s="261">
        <v>1</v>
      </c>
      <c r="EB30" s="261">
        <v>0</v>
      </c>
      <c r="EC30" s="258">
        <v>6</v>
      </c>
      <c r="ED30" s="263">
        <v>8</v>
      </c>
      <c r="EE30" s="257">
        <v>0</v>
      </c>
      <c r="EF30" s="261">
        <v>0</v>
      </c>
      <c r="EG30" s="258">
        <v>0</v>
      </c>
      <c r="EH30" s="260">
        <v>0</v>
      </c>
      <c r="EI30" s="261">
        <v>0</v>
      </c>
      <c r="EJ30" s="261">
        <v>0</v>
      </c>
      <c r="EK30" s="261">
        <v>1</v>
      </c>
      <c r="EL30" s="261">
        <v>1</v>
      </c>
      <c r="EM30" s="261">
        <v>0</v>
      </c>
      <c r="EN30" s="258">
        <v>2</v>
      </c>
      <c r="EO30" s="263">
        <v>2</v>
      </c>
      <c r="EP30" s="257">
        <v>0</v>
      </c>
      <c r="EQ30" s="261">
        <v>2</v>
      </c>
      <c r="ER30" s="258">
        <v>2</v>
      </c>
      <c r="ES30" s="260">
        <v>0</v>
      </c>
      <c r="ET30" s="261">
        <v>4</v>
      </c>
      <c r="EU30" s="261">
        <v>4</v>
      </c>
      <c r="EV30" s="261">
        <v>2</v>
      </c>
      <c r="EW30" s="261">
        <v>2</v>
      </c>
      <c r="EX30" s="261">
        <v>0</v>
      </c>
      <c r="EY30" s="258">
        <v>12</v>
      </c>
      <c r="EZ30" s="263">
        <v>14</v>
      </c>
    </row>
    <row r="31" spans="2:156" ht="21" customHeight="1" x14ac:dyDescent="0.2">
      <c r="B31" s="472" t="s">
        <v>29</v>
      </c>
      <c r="C31" s="257">
        <v>0</v>
      </c>
      <c r="D31" s="261">
        <v>0</v>
      </c>
      <c r="E31" s="358">
        <v>0</v>
      </c>
      <c r="F31" s="260">
        <v>0</v>
      </c>
      <c r="G31" s="261">
        <v>2</v>
      </c>
      <c r="H31" s="261">
        <v>2</v>
      </c>
      <c r="I31" s="261">
        <v>0</v>
      </c>
      <c r="J31" s="261">
        <v>3</v>
      </c>
      <c r="K31" s="261">
        <v>0</v>
      </c>
      <c r="L31" s="262">
        <v>7</v>
      </c>
      <c r="M31" s="263">
        <v>7</v>
      </c>
      <c r="N31" s="257">
        <v>0</v>
      </c>
      <c r="O31" s="261">
        <v>0</v>
      </c>
      <c r="P31" s="258">
        <v>0</v>
      </c>
      <c r="Q31" s="260">
        <v>0</v>
      </c>
      <c r="R31" s="261">
        <v>0</v>
      </c>
      <c r="S31" s="261">
        <v>0</v>
      </c>
      <c r="T31" s="261">
        <v>0</v>
      </c>
      <c r="U31" s="261">
        <v>0</v>
      </c>
      <c r="V31" s="261">
        <v>0</v>
      </c>
      <c r="W31" s="258">
        <v>0</v>
      </c>
      <c r="X31" s="263">
        <v>0</v>
      </c>
      <c r="Y31" s="257">
        <v>0</v>
      </c>
      <c r="Z31" s="261">
        <v>2</v>
      </c>
      <c r="AA31" s="258">
        <v>2</v>
      </c>
      <c r="AB31" s="260">
        <v>0</v>
      </c>
      <c r="AC31" s="261">
        <v>2</v>
      </c>
      <c r="AD31" s="261">
        <v>2</v>
      </c>
      <c r="AE31" s="261">
        <v>2</v>
      </c>
      <c r="AF31" s="261">
        <v>1</v>
      </c>
      <c r="AG31" s="261">
        <v>0</v>
      </c>
      <c r="AH31" s="258">
        <v>7</v>
      </c>
      <c r="AI31" s="263">
        <v>9</v>
      </c>
      <c r="AJ31" s="257">
        <v>0</v>
      </c>
      <c r="AK31" s="261">
        <v>0</v>
      </c>
      <c r="AL31" s="258">
        <v>0</v>
      </c>
      <c r="AM31" s="260">
        <v>0</v>
      </c>
      <c r="AN31" s="261">
        <v>1</v>
      </c>
      <c r="AO31" s="261">
        <v>0</v>
      </c>
      <c r="AP31" s="261">
        <v>0</v>
      </c>
      <c r="AQ31" s="261">
        <v>1</v>
      </c>
      <c r="AR31" s="261">
        <v>0</v>
      </c>
      <c r="AS31" s="258">
        <v>2</v>
      </c>
      <c r="AT31" s="263">
        <v>2</v>
      </c>
      <c r="AU31" s="257">
        <v>0</v>
      </c>
      <c r="AV31" s="261">
        <v>0</v>
      </c>
      <c r="AW31" s="258">
        <v>0</v>
      </c>
      <c r="AX31" s="260">
        <v>0</v>
      </c>
      <c r="AY31" s="261">
        <v>2</v>
      </c>
      <c r="AZ31" s="261">
        <v>0</v>
      </c>
      <c r="BA31" s="261">
        <v>1</v>
      </c>
      <c r="BB31" s="261">
        <v>2</v>
      </c>
      <c r="BC31" s="261">
        <v>0</v>
      </c>
      <c r="BD31" s="262">
        <v>5</v>
      </c>
      <c r="BE31" s="263">
        <v>5</v>
      </c>
      <c r="BF31" s="257">
        <v>0</v>
      </c>
      <c r="BG31" s="261">
        <v>0</v>
      </c>
      <c r="BH31" s="258">
        <v>0</v>
      </c>
      <c r="BI31" s="260">
        <v>0</v>
      </c>
      <c r="BJ31" s="261">
        <v>1</v>
      </c>
      <c r="BK31" s="261">
        <v>1</v>
      </c>
      <c r="BL31" s="261">
        <v>1</v>
      </c>
      <c r="BM31" s="261">
        <v>1</v>
      </c>
      <c r="BN31" s="261">
        <v>0</v>
      </c>
      <c r="BO31" s="258">
        <v>4</v>
      </c>
      <c r="BP31" s="263">
        <v>4</v>
      </c>
      <c r="BQ31" s="257">
        <v>0</v>
      </c>
      <c r="BR31" s="261">
        <v>0</v>
      </c>
      <c r="BS31" s="258">
        <v>0</v>
      </c>
      <c r="BT31" s="260">
        <v>0</v>
      </c>
      <c r="BU31" s="261">
        <v>2</v>
      </c>
      <c r="BV31" s="261">
        <v>0</v>
      </c>
      <c r="BW31" s="261">
        <v>1</v>
      </c>
      <c r="BX31" s="261">
        <v>1</v>
      </c>
      <c r="BY31" s="261">
        <v>0</v>
      </c>
      <c r="BZ31" s="258">
        <v>4</v>
      </c>
      <c r="CA31" s="263">
        <v>4</v>
      </c>
      <c r="CB31" s="257">
        <v>0</v>
      </c>
      <c r="CC31" s="261">
        <v>0</v>
      </c>
      <c r="CD31" s="258">
        <v>0</v>
      </c>
      <c r="CE31" s="260">
        <v>0</v>
      </c>
      <c r="CF31" s="261">
        <v>0</v>
      </c>
      <c r="CG31" s="261">
        <v>0</v>
      </c>
      <c r="CH31" s="261">
        <v>0</v>
      </c>
      <c r="CI31" s="261">
        <v>0</v>
      </c>
      <c r="CJ31" s="261">
        <v>0</v>
      </c>
      <c r="CK31" s="258">
        <v>0</v>
      </c>
      <c r="CL31" s="263">
        <v>0</v>
      </c>
      <c r="CM31" s="257">
        <v>0</v>
      </c>
      <c r="CN31" s="261">
        <v>0</v>
      </c>
      <c r="CO31" s="258">
        <v>0</v>
      </c>
      <c r="CP31" s="260">
        <v>0</v>
      </c>
      <c r="CQ31" s="261">
        <v>1</v>
      </c>
      <c r="CR31" s="261">
        <v>0</v>
      </c>
      <c r="CS31" s="261">
        <v>0</v>
      </c>
      <c r="CT31" s="261">
        <v>0</v>
      </c>
      <c r="CU31" s="261">
        <v>0</v>
      </c>
      <c r="CV31" s="258">
        <v>1</v>
      </c>
      <c r="CW31" s="263">
        <v>1</v>
      </c>
      <c r="CX31" s="257">
        <v>0</v>
      </c>
      <c r="CY31" s="261">
        <v>0</v>
      </c>
      <c r="CZ31" s="258">
        <v>0</v>
      </c>
      <c r="DA31" s="260">
        <v>0</v>
      </c>
      <c r="DB31" s="261">
        <v>0</v>
      </c>
      <c r="DC31" s="261">
        <v>0</v>
      </c>
      <c r="DD31" s="261">
        <v>0</v>
      </c>
      <c r="DE31" s="261">
        <v>0</v>
      </c>
      <c r="DF31" s="261">
        <v>0</v>
      </c>
      <c r="DG31" s="258">
        <v>0</v>
      </c>
      <c r="DH31" s="263">
        <v>0</v>
      </c>
      <c r="DI31" s="257">
        <v>0</v>
      </c>
      <c r="DJ31" s="261">
        <v>0</v>
      </c>
      <c r="DK31" s="258">
        <v>0</v>
      </c>
      <c r="DL31" s="260">
        <v>0</v>
      </c>
      <c r="DM31" s="261">
        <v>0</v>
      </c>
      <c r="DN31" s="261">
        <v>0</v>
      </c>
      <c r="DO31" s="261">
        <v>0</v>
      </c>
      <c r="DP31" s="261">
        <v>0</v>
      </c>
      <c r="DQ31" s="261">
        <v>0</v>
      </c>
      <c r="DR31" s="258">
        <v>0</v>
      </c>
      <c r="DS31" s="263">
        <v>0</v>
      </c>
      <c r="DT31" s="257">
        <v>1</v>
      </c>
      <c r="DU31" s="261">
        <v>3</v>
      </c>
      <c r="DV31" s="258">
        <v>4</v>
      </c>
      <c r="DW31" s="260">
        <v>0</v>
      </c>
      <c r="DX31" s="261">
        <v>3</v>
      </c>
      <c r="DY31" s="261">
        <v>1</v>
      </c>
      <c r="DZ31" s="261">
        <v>5</v>
      </c>
      <c r="EA31" s="261">
        <v>3</v>
      </c>
      <c r="EB31" s="261">
        <v>0</v>
      </c>
      <c r="EC31" s="258">
        <v>12</v>
      </c>
      <c r="ED31" s="263">
        <v>16</v>
      </c>
      <c r="EE31" s="257">
        <v>0</v>
      </c>
      <c r="EF31" s="261">
        <v>0</v>
      </c>
      <c r="EG31" s="258">
        <v>0</v>
      </c>
      <c r="EH31" s="260">
        <v>0</v>
      </c>
      <c r="EI31" s="261">
        <v>1</v>
      </c>
      <c r="EJ31" s="261">
        <v>0</v>
      </c>
      <c r="EK31" s="261">
        <v>0</v>
      </c>
      <c r="EL31" s="261">
        <v>2</v>
      </c>
      <c r="EM31" s="261">
        <v>0</v>
      </c>
      <c r="EN31" s="258">
        <v>3</v>
      </c>
      <c r="EO31" s="263">
        <v>3</v>
      </c>
      <c r="EP31" s="257">
        <v>1</v>
      </c>
      <c r="EQ31" s="261">
        <v>4</v>
      </c>
      <c r="ER31" s="258">
        <v>5</v>
      </c>
      <c r="ES31" s="260">
        <v>0</v>
      </c>
      <c r="ET31" s="261">
        <v>6</v>
      </c>
      <c r="EU31" s="261">
        <v>2</v>
      </c>
      <c r="EV31" s="261">
        <v>4</v>
      </c>
      <c r="EW31" s="261">
        <v>3</v>
      </c>
      <c r="EX31" s="261">
        <v>0</v>
      </c>
      <c r="EY31" s="258">
        <v>15</v>
      </c>
      <c r="EZ31" s="263">
        <v>20</v>
      </c>
    </row>
    <row r="32" spans="2:156" ht="21" customHeight="1" x14ac:dyDescent="0.2">
      <c r="B32" s="472" t="s">
        <v>30</v>
      </c>
      <c r="C32" s="257">
        <v>0</v>
      </c>
      <c r="D32" s="261">
        <v>0</v>
      </c>
      <c r="E32" s="358">
        <v>0</v>
      </c>
      <c r="F32" s="260">
        <v>0</v>
      </c>
      <c r="G32" s="261">
        <v>2</v>
      </c>
      <c r="H32" s="261">
        <v>0</v>
      </c>
      <c r="I32" s="261">
        <v>1</v>
      </c>
      <c r="J32" s="261">
        <v>2</v>
      </c>
      <c r="K32" s="261">
        <v>0</v>
      </c>
      <c r="L32" s="262">
        <v>5</v>
      </c>
      <c r="M32" s="263">
        <v>5</v>
      </c>
      <c r="N32" s="257">
        <v>0</v>
      </c>
      <c r="O32" s="261">
        <v>0</v>
      </c>
      <c r="P32" s="258">
        <v>0</v>
      </c>
      <c r="Q32" s="260">
        <v>0</v>
      </c>
      <c r="R32" s="261">
        <v>0</v>
      </c>
      <c r="S32" s="261">
        <v>0</v>
      </c>
      <c r="T32" s="261">
        <v>0</v>
      </c>
      <c r="U32" s="261">
        <v>1</v>
      </c>
      <c r="V32" s="261">
        <v>0</v>
      </c>
      <c r="W32" s="258">
        <v>1</v>
      </c>
      <c r="X32" s="263">
        <v>1</v>
      </c>
      <c r="Y32" s="257">
        <v>0</v>
      </c>
      <c r="Z32" s="261">
        <v>0</v>
      </c>
      <c r="AA32" s="258">
        <v>0</v>
      </c>
      <c r="AB32" s="260">
        <v>0</v>
      </c>
      <c r="AC32" s="261">
        <v>1</v>
      </c>
      <c r="AD32" s="261">
        <v>0</v>
      </c>
      <c r="AE32" s="261">
        <v>0</v>
      </c>
      <c r="AF32" s="261">
        <v>2</v>
      </c>
      <c r="AG32" s="261">
        <v>0</v>
      </c>
      <c r="AH32" s="258">
        <v>3</v>
      </c>
      <c r="AI32" s="263">
        <v>3</v>
      </c>
      <c r="AJ32" s="257">
        <v>0</v>
      </c>
      <c r="AK32" s="261">
        <v>0</v>
      </c>
      <c r="AL32" s="258">
        <v>0</v>
      </c>
      <c r="AM32" s="260">
        <v>0</v>
      </c>
      <c r="AN32" s="261">
        <v>0</v>
      </c>
      <c r="AO32" s="261">
        <v>0</v>
      </c>
      <c r="AP32" s="261">
        <v>0</v>
      </c>
      <c r="AQ32" s="261">
        <v>0</v>
      </c>
      <c r="AR32" s="261">
        <v>0</v>
      </c>
      <c r="AS32" s="258">
        <v>0</v>
      </c>
      <c r="AT32" s="263">
        <v>0</v>
      </c>
      <c r="AU32" s="257">
        <v>0</v>
      </c>
      <c r="AV32" s="261">
        <v>0</v>
      </c>
      <c r="AW32" s="258">
        <v>0</v>
      </c>
      <c r="AX32" s="260">
        <v>0</v>
      </c>
      <c r="AY32" s="261">
        <v>3</v>
      </c>
      <c r="AZ32" s="261">
        <v>0</v>
      </c>
      <c r="BA32" s="261">
        <v>1</v>
      </c>
      <c r="BB32" s="261">
        <v>1</v>
      </c>
      <c r="BC32" s="261">
        <v>0</v>
      </c>
      <c r="BD32" s="262">
        <v>5</v>
      </c>
      <c r="BE32" s="263">
        <v>5</v>
      </c>
      <c r="BF32" s="257">
        <v>0</v>
      </c>
      <c r="BG32" s="261">
        <v>0</v>
      </c>
      <c r="BH32" s="258">
        <v>0</v>
      </c>
      <c r="BI32" s="260">
        <v>0</v>
      </c>
      <c r="BJ32" s="261">
        <v>2</v>
      </c>
      <c r="BK32" s="261">
        <v>2</v>
      </c>
      <c r="BL32" s="261">
        <v>0</v>
      </c>
      <c r="BM32" s="261">
        <v>0</v>
      </c>
      <c r="BN32" s="261">
        <v>0</v>
      </c>
      <c r="BO32" s="258">
        <v>4</v>
      </c>
      <c r="BP32" s="263">
        <v>4</v>
      </c>
      <c r="BQ32" s="257">
        <v>0</v>
      </c>
      <c r="BR32" s="261">
        <v>0</v>
      </c>
      <c r="BS32" s="258">
        <v>0</v>
      </c>
      <c r="BT32" s="260">
        <v>0</v>
      </c>
      <c r="BU32" s="261">
        <v>1</v>
      </c>
      <c r="BV32" s="261">
        <v>0</v>
      </c>
      <c r="BW32" s="261">
        <v>0</v>
      </c>
      <c r="BX32" s="261">
        <v>1</v>
      </c>
      <c r="BY32" s="261">
        <v>0</v>
      </c>
      <c r="BZ32" s="258">
        <v>2</v>
      </c>
      <c r="CA32" s="263">
        <v>2</v>
      </c>
      <c r="CB32" s="257">
        <v>0</v>
      </c>
      <c r="CC32" s="261">
        <v>0</v>
      </c>
      <c r="CD32" s="258">
        <v>0</v>
      </c>
      <c r="CE32" s="260">
        <v>0</v>
      </c>
      <c r="CF32" s="261">
        <v>0</v>
      </c>
      <c r="CG32" s="261">
        <v>1</v>
      </c>
      <c r="CH32" s="261">
        <v>0</v>
      </c>
      <c r="CI32" s="261">
        <v>1</v>
      </c>
      <c r="CJ32" s="261">
        <v>0</v>
      </c>
      <c r="CK32" s="258">
        <v>2</v>
      </c>
      <c r="CL32" s="263">
        <v>2</v>
      </c>
      <c r="CM32" s="257">
        <v>0</v>
      </c>
      <c r="CN32" s="261">
        <v>0</v>
      </c>
      <c r="CO32" s="258">
        <v>0</v>
      </c>
      <c r="CP32" s="260">
        <v>0</v>
      </c>
      <c r="CQ32" s="261">
        <v>1</v>
      </c>
      <c r="CR32" s="261">
        <v>0</v>
      </c>
      <c r="CS32" s="261">
        <v>0</v>
      </c>
      <c r="CT32" s="261">
        <v>0</v>
      </c>
      <c r="CU32" s="261">
        <v>0</v>
      </c>
      <c r="CV32" s="258">
        <v>1</v>
      </c>
      <c r="CW32" s="263">
        <v>1</v>
      </c>
      <c r="CX32" s="257">
        <v>0</v>
      </c>
      <c r="CY32" s="261">
        <v>0</v>
      </c>
      <c r="CZ32" s="258">
        <v>0</v>
      </c>
      <c r="DA32" s="260">
        <v>0</v>
      </c>
      <c r="DB32" s="261">
        <v>0</v>
      </c>
      <c r="DC32" s="261">
        <v>0</v>
      </c>
      <c r="DD32" s="261">
        <v>0</v>
      </c>
      <c r="DE32" s="261">
        <v>0</v>
      </c>
      <c r="DF32" s="261">
        <v>0</v>
      </c>
      <c r="DG32" s="258">
        <v>0</v>
      </c>
      <c r="DH32" s="263">
        <v>0</v>
      </c>
      <c r="DI32" s="257">
        <v>0</v>
      </c>
      <c r="DJ32" s="261">
        <v>0</v>
      </c>
      <c r="DK32" s="258">
        <v>0</v>
      </c>
      <c r="DL32" s="260">
        <v>0</v>
      </c>
      <c r="DM32" s="261">
        <v>0</v>
      </c>
      <c r="DN32" s="261">
        <v>0</v>
      </c>
      <c r="DO32" s="261">
        <v>0</v>
      </c>
      <c r="DP32" s="261">
        <v>0</v>
      </c>
      <c r="DQ32" s="261">
        <v>0</v>
      </c>
      <c r="DR32" s="258">
        <v>0</v>
      </c>
      <c r="DS32" s="263">
        <v>0</v>
      </c>
      <c r="DT32" s="257">
        <v>3</v>
      </c>
      <c r="DU32" s="261">
        <v>0</v>
      </c>
      <c r="DV32" s="258">
        <v>3</v>
      </c>
      <c r="DW32" s="260">
        <v>0</v>
      </c>
      <c r="DX32" s="261">
        <v>1</v>
      </c>
      <c r="DY32" s="261">
        <v>2</v>
      </c>
      <c r="DZ32" s="261">
        <v>1</v>
      </c>
      <c r="EA32" s="261">
        <v>3</v>
      </c>
      <c r="EB32" s="261">
        <v>0</v>
      </c>
      <c r="EC32" s="258">
        <v>7</v>
      </c>
      <c r="ED32" s="263">
        <v>10</v>
      </c>
      <c r="EE32" s="257">
        <v>0</v>
      </c>
      <c r="EF32" s="261">
        <v>0</v>
      </c>
      <c r="EG32" s="258">
        <v>0</v>
      </c>
      <c r="EH32" s="260">
        <v>0</v>
      </c>
      <c r="EI32" s="261">
        <v>2</v>
      </c>
      <c r="EJ32" s="261">
        <v>1</v>
      </c>
      <c r="EK32" s="261">
        <v>1</v>
      </c>
      <c r="EL32" s="261">
        <v>0</v>
      </c>
      <c r="EM32" s="261">
        <v>0</v>
      </c>
      <c r="EN32" s="258">
        <v>4</v>
      </c>
      <c r="EO32" s="263">
        <v>4</v>
      </c>
      <c r="EP32" s="257">
        <v>3</v>
      </c>
      <c r="EQ32" s="261">
        <v>0</v>
      </c>
      <c r="ER32" s="258">
        <v>3</v>
      </c>
      <c r="ES32" s="260">
        <v>0</v>
      </c>
      <c r="ET32" s="261">
        <v>5</v>
      </c>
      <c r="EU32" s="261">
        <v>3</v>
      </c>
      <c r="EV32" s="261">
        <v>1</v>
      </c>
      <c r="EW32" s="261">
        <v>3</v>
      </c>
      <c r="EX32" s="261">
        <v>0</v>
      </c>
      <c r="EY32" s="258">
        <v>12</v>
      </c>
      <c r="EZ32" s="263">
        <v>15</v>
      </c>
    </row>
    <row r="33" spans="2:156" ht="21" customHeight="1" x14ac:dyDescent="0.2">
      <c r="B33" s="472" t="s">
        <v>31</v>
      </c>
      <c r="C33" s="257">
        <v>0</v>
      </c>
      <c r="D33" s="261">
        <v>0</v>
      </c>
      <c r="E33" s="358">
        <v>0</v>
      </c>
      <c r="F33" s="260">
        <v>0</v>
      </c>
      <c r="G33" s="261">
        <v>0</v>
      </c>
      <c r="H33" s="261">
        <v>0</v>
      </c>
      <c r="I33" s="261">
        <v>1</v>
      </c>
      <c r="J33" s="261">
        <v>1</v>
      </c>
      <c r="K33" s="261">
        <v>0</v>
      </c>
      <c r="L33" s="262">
        <v>2</v>
      </c>
      <c r="M33" s="263">
        <v>2</v>
      </c>
      <c r="N33" s="257">
        <v>0</v>
      </c>
      <c r="O33" s="261">
        <v>0</v>
      </c>
      <c r="P33" s="258">
        <v>0</v>
      </c>
      <c r="Q33" s="260">
        <v>0</v>
      </c>
      <c r="R33" s="261">
        <v>0</v>
      </c>
      <c r="S33" s="261">
        <v>0</v>
      </c>
      <c r="T33" s="261">
        <v>0</v>
      </c>
      <c r="U33" s="261">
        <v>1</v>
      </c>
      <c r="V33" s="261">
        <v>1</v>
      </c>
      <c r="W33" s="258">
        <v>2</v>
      </c>
      <c r="X33" s="263">
        <v>2</v>
      </c>
      <c r="Y33" s="257">
        <v>0</v>
      </c>
      <c r="Z33" s="261">
        <v>0</v>
      </c>
      <c r="AA33" s="258">
        <v>0</v>
      </c>
      <c r="AB33" s="260">
        <v>0</v>
      </c>
      <c r="AC33" s="261">
        <v>2</v>
      </c>
      <c r="AD33" s="261">
        <v>2</v>
      </c>
      <c r="AE33" s="261">
        <v>3</v>
      </c>
      <c r="AF33" s="261">
        <v>2</v>
      </c>
      <c r="AG33" s="261">
        <v>1</v>
      </c>
      <c r="AH33" s="258">
        <v>10</v>
      </c>
      <c r="AI33" s="263">
        <v>10</v>
      </c>
      <c r="AJ33" s="257">
        <v>0</v>
      </c>
      <c r="AK33" s="261">
        <v>0</v>
      </c>
      <c r="AL33" s="258">
        <v>0</v>
      </c>
      <c r="AM33" s="260">
        <v>0</v>
      </c>
      <c r="AN33" s="261">
        <v>0</v>
      </c>
      <c r="AO33" s="261">
        <v>0</v>
      </c>
      <c r="AP33" s="261">
        <v>0</v>
      </c>
      <c r="AQ33" s="261">
        <v>0</v>
      </c>
      <c r="AR33" s="261">
        <v>0</v>
      </c>
      <c r="AS33" s="258">
        <v>0</v>
      </c>
      <c r="AT33" s="263">
        <v>0</v>
      </c>
      <c r="AU33" s="257">
        <v>0</v>
      </c>
      <c r="AV33" s="261">
        <v>0</v>
      </c>
      <c r="AW33" s="258">
        <v>0</v>
      </c>
      <c r="AX33" s="260">
        <v>0</v>
      </c>
      <c r="AY33" s="261">
        <v>0</v>
      </c>
      <c r="AZ33" s="261">
        <v>1</v>
      </c>
      <c r="BA33" s="261">
        <v>0</v>
      </c>
      <c r="BB33" s="261">
        <v>0</v>
      </c>
      <c r="BC33" s="261">
        <v>1</v>
      </c>
      <c r="BD33" s="262">
        <v>2</v>
      </c>
      <c r="BE33" s="263">
        <v>2</v>
      </c>
      <c r="BF33" s="257">
        <v>0</v>
      </c>
      <c r="BG33" s="261">
        <v>0</v>
      </c>
      <c r="BH33" s="258">
        <v>0</v>
      </c>
      <c r="BI33" s="260">
        <v>0</v>
      </c>
      <c r="BJ33" s="261">
        <v>1</v>
      </c>
      <c r="BK33" s="261">
        <v>3</v>
      </c>
      <c r="BL33" s="261">
        <v>2</v>
      </c>
      <c r="BM33" s="261">
        <v>1</v>
      </c>
      <c r="BN33" s="261">
        <v>0</v>
      </c>
      <c r="BO33" s="258">
        <v>7</v>
      </c>
      <c r="BP33" s="263">
        <v>7</v>
      </c>
      <c r="BQ33" s="257">
        <v>0</v>
      </c>
      <c r="BR33" s="261">
        <v>0</v>
      </c>
      <c r="BS33" s="258">
        <v>0</v>
      </c>
      <c r="BT33" s="260">
        <v>0</v>
      </c>
      <c r="BU33" s="261">
        <v>0</v>
      </c>
      <c r="BV33" s="261">
        <v>1</v>
      </c>
      <c r="BW33" s="261">
        <v>0</v>
      </c>
      <c r="BX33" s="261">
        <v>0</v>
      </c>
      <c r="BY33" s="261">
        <v>0</v>
      </c>
      <c r="BZ33" s="258">
        <v>1</v>
      </c>
      <c r="CA33" s="263">
        <v>1</v>
      </c>
      <c r="CB33" s="257">
        <v>0</v>
      </c>
      <c r="CC33" s="261">
        <v>0</v>
      </c>
      <c r="CD33" s="258">
        <v>0</v>
      </c>
      <c r="CE33" s="260">
        <v>0</v>
      </c>
      <c r="CF33" s="261">
        <v>0</v>
      </c>
      <c r="CG33" s="261">
        <v>0</v>
      </c>
      <c r="CH33" s="261">
        <v>0</v>
      </c>
      <c r="CI33" s="261">
        <v>0</v>
      </c>
      <c r="CJ33" s="261">
        <v>0</v>
      </c>
      <c r="CK33" s="258">
        <v>0</v>
      </c>
      <c r="CL33" s="263">
        <v>0</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c r="DI33" s="257">
        <v>0</v>
      </c>
      <c r="DJ33" s="261">
        <v>0</v>
      </c>
      <c r="DK33" s="258">
        <v>0</v>
      </c>
      <c r="DL33" s="260">
        <v>0</v>
      </c>
      <c r="DM33" s="261">
        <v>0</v>
      </c>
      <c r="DN33" s="261">
        <v>0</v>
      </c>
      <c r="DO33" s="261">
        <v>0</v>
      </c>
      <c r="DP33" s="261">
        <v>0</v>
      </c>
      <c r="DQ33" s="261">
        <v>0</v>
      </c>
      <c r="DR33" s="258">
        <v>0</v>
      </c>
      <c r="DS33" s="263">
        <v>0</v>
      </c>
      <c r="DT33" s="257">
        <v>3</v>
      </c>
      <c r="DU33" s="261">
        <v>0</v>
      </c>
      <c r="DV33" s="258">
        <v>3</v>
      </c>
      <c r="DW33" s="260">
        <v>0</v>
      </c>
      <c r="DX33" s="261">
        <v>4</v>
      </c>
      <c r="DY33" s="261">
        <v>3</v>
      </c>
      <c r="DZ33" s="261">
        <v>3</v>
      </c>
      <c r="EA33" s="261">
        <v>2</v>
      </c>
      <c r="EB33" s="261">
        <v>1</v>
      </c>
      <c r="EC33" s="258">
        <v>13</v>
      </c>
      <c r="ED33" s="263">
        <v>16</v>
      </c>
      <c r="EE33" s="257">
        <v>0</v>
      </c>
      <c r="EF33" s="261">
        <v>0</v>
      </c>
      <c r="EG33" s="258">
        <v>0</v>
      </c>
      <c r="EH33" s="260">
        <v>0</v>
      </c>
      <c r="EI33" s="261">
        <v>0</v>
      </c>
      <c r="EJ33" s="261">
        <v>0</v>
      </c>
      <c r="EK33" s="261">
        <v>0</v>
      </c>
      <c r="EL33" s="261">
        <v>0</v>
      </c>
      <c r="EM33" s="261">
        <v>0</v>
      </c>
      <c r="EN33" s="258">
        <v>0</v>
      </c>
      <c r="EO33" s="263">
        <v>0</v>
      </c>
      <c r="EP33" s="257">
        <v>3</v>
      </c>
      <c r="EQ33" s="261">
        <v>0</v>
      </c>
      <c r="ER33" s="258">
        <v>3</v>
      </c>
      <c r="ES33" s="260">
        <v>0</v>
      </c>
      <c r="ET33" s="261">
        <v>6</v>
      </c>
      <c r="EU33" s="261">
        <v>4</v>
      </c>
      <c r="EV33" s="261">
        <v>5</v>
      </c>
      <c r="EW33" s="261">
        <v>2</v>
      </c>
      <c r="EX33" s="261">
        <v>1</v>
      </c>
      <c r="EY33" s="258">
        <v>18</v>
      </c>
      <c r="EZ33" s="263">
        <v>21</v>
      </c>
    </row>
    <row r="34" spans="2:156" ht="21" customHeight="1" x14ac:dyDescent="0.2">
      <c r="B34" s="472" t="s">
        <v>32</v>
      </c>
      <c r="C34" s="257">
        <v>0</v>
      </c>
      <c r="D34" s="261">
        <v>0</v>
      </c>
      <c r="E34" s="358">
        <v>0</v>
      </c>
      <c r="F34" s="260">
        <v>0</v>
      </c>
      <c r="G34" s="261">
        <v>1</v>
      </c>
      <c r="H34" s="261">
        <v>0</v>
      </c>
      <c r="I34" s="261">
        <v>0</v>
      </c>
      <c r="J34" s="261">
        <v>0</v>
      </c>
      <c r="K34" s="261">
        <v>1</v>
      </c>
      <c r="L34" s="262">
        <v>2</v>
      </c>
      <c r="M34" s="263">
        <v>2</v>
      </c>
      <c r="N34" s="257">
        <v>0</v>
      </c>
      <c r="O34" s="261">
        <v>0</v>
      </c>
      <c r="P34" s="258">
        <v>0</v>
      </c>
      <c r="Q34" s="260">
        <v>0</v>
      </c>
      <c r="R34" s="261">
        <v>0</v>
      </c>
      <c r="S34" s="261">
        <v>0</v>
      </c>
      <c r="T34" s="261">
        <v>0</v>
      </c>
      <c r="U34" s="261">
        <v>0</v>
      </c>
      <c r="V34" s="261">
        <v>0</v>
      </c>
      <c r="W34" s="258">
        <v>0</v>
      </c>
      <c r="X34" s="263">
        <v>0</v>
      </c>
      <c r="Y34" s="257">
        <v>0</v>
      </c>
      <c r="Z34" s="261">
        <v>0</v>
      </c>
      <c r="AA34" s="258">
        <v>0</v>
      </c>
      <c r="AB34" s="260">
        <v>0</v>
      </c>
      <c r="AC34" s="261">
        <v>0</v>
      </c>
      <c r="AD34" s="261">
        <v>2</v>
      </c>
      <c r="AE34" s="261">
        <v>1</v>
      </c>
      <c r="AF34" s="261">
        <v>0</v>
      </c>
      <c r="AG34" s="261">
        <v>0</v>
      </c>
      <c r="AH34" s="258">
        <v>3</v>
      </c>
      <c r="AI34" s="263">
        <v>3</v>
      </c>
      <c r="AJ34" s="257">
        <v>0</v>
      </c>
      <c r="AK34" s="261">
        <v>0</v>
      </c>
      <c r="AL34" s="258">
        <v>0</v>
      </c>
      <c r="AM34" s="260">
        <v>0</v>
      </c>
      <c r="AN34" s="261">
        <v>0</v>
      </c>
      <c r="AO34" s="261">
        <v>1</v>
      </c>
      <c r="AP34" s="261">
        <v>0</v>
      </c>
      <c r="AQ34" s="261">
        <v>1</v>
      </c>
      <c r="AR34" s="261">
        <v>0</v>
      </c>
      <c r="AS34" s="258">
        <v>2</v>
      </c>
      <c r="AT34" s="263">
        <v>2</v>
      </c>
      <c r="AU34" s="257">
        <v>0</v>
      </c>
      <c r="AV34" s="261">
        <v>0</v>
      </c>
      <c r="AW34" s="258">
        <v>0</v>
      </c>
      <c r="AX34" s="260">
        <v>0</v>
      </c>
      <c r="AY34" s="261">
        <v>0</v>
      </c>
      <c r="AZ34" s="261">
        <v>1</v>
      </c>
      <c r="BA34" s="261">
        <v>2</v>
      </c>
      <c r="BB34" s="261">
        <v>2</v>
      </c>
      <c r="BC34" s="261">
        <v>2</v>
      </c>
      <c r="BD34" s="262">
        <v>7</v>
      </c>
      <c r="BE34" s="263">
        <v>7</v>
      </c>
      <c r="BF34" s="257">
        <v>0</v>
      </c>
      <c r="BG34" s="261">
        <v>0</v>
      </c>
      <c r="BH34" s="258">
        <v>0</v>
      </c>
      <c r="BI34" s="260">
        <v>0</v>
      </c>
      <c r="BJ34" s="261">
        <v>3</v>
      </c>
      <c r="BK34" s="261">
        <v>2</v>
      </c>
      <c r="BL34" s="261">
        <v>1</v>
      </c>
      <c r="BM34" s="261">
        <v>0</v>
      </c>
      <c r="BN34" s="261">
        <v>0</v>
      </c>
      <c r="BO34" s="258">
        <v>6</v>
      </c>
      <c r="BP34" s="263">
        <v>6</v>
      </c>
      <c r="BQ34" s="257">
        <v>0</v>
      </c>
      <c r="BR34" s="261">
        <v>0</v>
      </c>
      <c r="BS34" s="258">
        <v>0</v>
      </c>
      <c r="BT34" s="260">
        <v>0</v>
      </c>
      <c r="BU34" s="261">
        <v>0</v>
      </c>
      <c r="BV34" s="261">
        <v>0</v>
      </c>
      <c r="BW34" s="261">
        <v>1</v>
      </c>
      <c r="BX34" s="261">
        <v>1</v>
      </c>
      <c r="BY34" s="261">
        <v>0</v>
      </c>
      <c r="BZ34" s="258">
        <v>2</v>
      </c>
      <c r="CA34" s="263">
        <v>2</v>
      </c>
      <c r="CB34" s="257">
        <v>0</v>
      </c>
      <c r="CC34" s="261">
        <v>0</v>
      </c>
      <c r="CD34" s="258">
        <v>0</v>
      </c>
      <c r="CE34" s="260">
        <v>0</v>
      </c>
      <c r="CF34" s="261">
        <v>0</v>
      </c>
      <c r="CG34" s="261">
        <v>0</v>
      </c>
      <c r="CH34" s="261">
        <v>0</v>
      </c>
      <c r="CI34" s="261">
        <v>0</v>
      </c>
      <c r="CJ34" s="261">
        <v>0</v>
      </c>
      <c r="CK34" s="258">
        <v>0</v>
      </c>
      <c r="CL34" s="263">
        <v>0</v>
      </c>
      <c r="CM34" s="257">
        <v>0</v>
      </c>
      <c r="CN34" s="261">
        <v>0</v>
      </c>
      <c r="CO34" s="258">
        <v>0</v>
      </c>
      <c r="CP34" s="260">
        <v>0</v>
      </c>
      <c r="CQ34" s="261">
        <v>0</v>
      </c>
      <c r="CR34" s="261">
        <v>0</v>
      </c>
      <c r="CS34" s="261">
        <v>1</v>
      </c>
      <c r="CT34" s="261">
        <v>0</v>
      </c>
      <c r="CU34" s="261">
        <v>0</v>
      </c>
      <c r="CV34" s="258">
        <v>1</v>
      </c>
      <c r="CW34" s="263">
        <v>1</v>
      </c>
      <c r="CX34" s="257">
        <v>0</v>
      </c>
      <c r="CY34" s="261">
        <v>0</v>
      </c>
      <c r="CZ34" s="258">
        <v>0</v>
      </c>
      <c r="DA34" s="260">
        <v>0</v>
      </c>
      <c r="DB34" s="261">
        <v>0</v>
      </c>
      <c r="DC34" s="261">
        <v>0</v>
      </c>
      <c r="DD34" s="261">
        <v>0</v>
      </c>
      <c r="DE34" s="261">
        <v>0</v>
      </c>
      <c r="DF34" s="261">
        <v>0</v>
      </c>
      <c r="DG34" s="258">
        <v>0</v>
      </c>
      <c r="DH34" s="263">
        <v>0</v>
      </c>
      <c r="DI34" s="257">
        <v>0</v>
      </c>
      <c r="DJ34" s="261">
        <v>0</v>
      </c>
      <c r="DK34" s="258">
        <v>0</v>
      </c>
      <c r="DL34" s="260">
        <v>0</v>
      </c>
      <c r="DM34" s="261">
        <v>0</v>
      </c>
      <c r="DN34" s="261">
        <v>0</v>
      </c>
      <c r="DO34" s="261">
        <v>0</v>
      </c>
      <c r="DP34" s="261">
        <v>0</v>
      </c>
      <c r="DQ34" s="261">
        <v>0</v>
      </c>
      <c r="DR34" s="258">
        <v>0</v>
      </c>
      <c r="DS34" s="263">
        <v>0</v>
      </c>
      <c r="DT34" s="257">
        <v>1</v>
      </c>
      <c r="DU34" s="261">
        <v>0</v>
      </c>
      <c r="DV34" s="258">
        <v>1</v>
      </c>
      <c r="DW34" s="260">
        <v>0</v>
      </c>
      <c r="DX34" s="261">
        <v>2</v>
      </c>
      <c r="DY34" s="261">
        <v>4</v>
      </c>
      <c r="DZ34" s="261">
        <v>3</v>
      </c>
      <c r="EA34" s="261">
        <v>1</v>
      </c>
      <c r="EB34" s="261">
        <v>1</v>
      </c>
      <c r="EC34" s="258">
        <v>11</v>
      </c>
      <c r="ED34" s="263">
        <v>12</v>
      </c>
      <c r="EE34" s="257">
        <v>0</v>
      </c>
      <c r="EF34" s="261">
        <v>0</v>
      </c>
      <c r="EG34" s="258">
        <v>0</v>
      </c>
      <c r="EH34" s="260">
        <v>0</v>
      </c>
      <c r="EI34" s="261">
        <v>0</v>
      </c>
      <c r="EJ34" s="261">
        <v>1</v>
      </c>
      <c r="EK34" s="261">
        <v>2</v>
      </c>
      <c r="EL34" s="261">
        <v>1</v>
      </c>
      <c r="EM34" s="261">
        <v>0</v>
      </c>
      <c r="EN34" s="258">
        <v>4</v>
      </c>
      <c r="EO34" s="263">
        <v>4</v>
      </c>
      <c r="EP34" s="257">
        <v>1</v>
      </c>
      <c r="EQ34" s="261">
        <v>0</v>
      </c>
      <c r="ER34" s="258">
        <v>1</v>
      </c>
      <c r="ES34" s="260">
        <v>0</v>
      </c>
      <c r="ET34" s="261">
        <v>8</v>
      </c>
      <c r="EU34" s="261">
        <v>4</v>
      </c>
      <c r="EV34" s="261">
        <v>4</v>
      </c>
      <c r="EW34" s="261">
        <v>1</v>
      </c>
      <c r="EX34" s="261">
        <v>1</v>
      </c>
      <c r="EY34" s="258">
        <v>18</v>
      </c>
      <c r="EZ34" s="263">
        <v>19</v>
      </c>
    </row>
    <row r="35" spans="2:156" ht="21" customHeight="1" x14ac:dyDescent="0.2">
      <c r="B35" s="472" t="s">
        <v>33</v>
      </c>
      <c r="C35" s="257">
        <v>0</v>
      </c>
      <c r="D35" s="261">
        <v>0</v>
      </c>
      <c r="E35" s="358">
        <v>0</v>
      </c>
      <c r="F35" s="260">
        <v>0</v>
      </c>
      <c r="G35" s="261">
        <v>2</v>
      </c>
      <c r="H35" s="261">
        <v>0</v>
      </c>
      <c r="I35" s="261">
        <v>0</v>
      </c>
      <c r="J35" s="261">
        <v>0</v>
      </c>
      <c r="K35" s="261">
        <v>0</v>
      </c>
      <c r="L35" s="262">
        <v>2</v>
      </c>
      <c r="M35" s="263">
        <v>2</v>
      </c>
      <c r="N35" s="257">
        <v>0</v>
      </c>
      <c r="O35" s="261">
        <v>0</v>
      </c>
      <c r="P35" s="258">
        <v>0</v>
      </c>
      <c r="Q35" s="260">
        <v>0</v>
      </c>
      <c r="R35" s="261">
        <v>0</v>
      </c>
      <c r="S35" s="261">
        <v>0</v>
      </c>
      <c r="T35" s="261">
        <v>0</v>
      </c>
      <c r="U35" s="261">
        <v>1</v>
      </c>
      <c r="V35" s="261">
        <v>0</v>
      </c>
      <c r="W35" s="258">
        <v>1</v>
      </c>
      <c r="X35" s="263">
        <v>1</v>
      </c>
      <c r="Y35" s="257">
        <v>0</v>
      </c>
      <c r="Z35" s="261">
        <v>0</v>
      </c>
      <c r="AA35" s="258">
        <v>0</v>
      </c>
      <c r="AB35" s="260">
        <v>0</v>
      </c>
      <c r="AC35" s="261">
        <v>0</v>
      </c>
      <c r="AD35" s="261">
        <v>1</v>
      </c>
      <c r="AE35" s="261">
        <v>0</v>
      </c>
      <c r="AF35" s="261">
        <v>0</v>
      </c>
      <c r="AG35" s="261">
        <v>0</v>
      </c>
      <c r="AH35" s="258">
        <v>1</v>
      </c>
      <c r="AI35" s="263">
        <v>1</v>
      </c>
      <c r="AJ35" s="257">
        <v>0</v>
      </c>
      <c r="AK35" s="261">
        <v>0</v>
      </c>
      <c r="AL35" s="258">
        <v>0</v>
      </c>
      <c r="AM35" s="260">
        <v>0</v>
      </c>
      <c r="AN35" s="261">
        <v>3</v>
      </c>
      <c r="AO35" s="261">
        <v>2</v>
      </c>
      <c r="AP35" s="261">
        <v>2</v>
      </c>
      <c r="AQ35" s="261">
        <v>0</v>
      </c>
      <c r="AR35" s="261">
        <v>1</v>
      </c>
      <c r="AS35" s="258">
        <v>8</v>
      </c>
      <c r="AT35" s="263">
        <v>8</v>
      </c>
      <c r="AU35" s="257">
        <v>1</v>
      </c>
      <c r="AV35" s="261">
        <v>0</v>
      </c>
      <c r="AW35" s="258">
        <v>1</v>
      </c>
      <c r="AX35" s="260">
        <v>0</v>
      </c>
      <c r="AY35" s="261">
        <v>2</v>
      </c>
      <c r="AZ35" s="261">
        <v>1</v>
      </c>
      <c r="BA35" s="261">
        <v>3</v>
      </c>
      <c r="BB35" s="261">
        <v>2</v>
      </c>
      <c r="BC35" s="261">
        <v>1</v>
      </c>
      <c r="BD35" s="262">
        <v>9</v>
      </c>
      <c r="BE35" s="263">
        <v>10</v>
      </c>
      <c r="BF35" s="257">
        <v>0</v>
      </c>
      <c r="BG35" s="261">
        <v>0</v>
      </c>
      <c r="BH35" s="258">
        <v>0</v>
      </c>
      <c r="BI35" s="260">
        <v>0</v>
      </c>
      <c r="BJ35" s="261">
        <v>2</v>
      </c>
      <c r="BK35" s="261">
        <v>0</v>
      </c>
      <c r="BL35" s="261">
        <v>0</v>
      </c>
      <c r="BM35" s="261">
        <v>0</v>
      </c>
      <c r="BN35" s="261">
        <v>0</v>
      </c>
      <c r="BO35" s="258">
        <v>2</v>
      </c>
      <c r="BP35" s="263">
        <v>2</v>
      </c>
      <c r="BQ35" s="257">
        <v>0</v>
      </c>
      <c r="BR35" s="261">
        <v>0</v>
      </c>
      <c r="BS35" s="258">
        <v>0</v>
      </c>
      <c r="BT35" s="260">
        <v>0</v>
      </c>
      <c r="BU35" s="261">
        <v>3</v>
      </c>
      <c r="BV35" s="261">
        <v>0</v>
      </c>
      <c r="BW35" s="261">
        <v>2</v>
      </c>
      <c r="BX35" s="261">
        <v>0</v>
      </c>
      <c r="BY35" s="261">
        <v>0</v>
      </c>
      <c r="BZ35" s="258">
        <v>5</v>
      </c>
      <c r="CA35" s="263">
        <v>5</v>
      </c>
      <c r="CB35" s="257">
        <v>0</v>
      </c>
      <c r="CC35" s="261">
        <v>0</v>
      </c>
      <c r="CD35" s="258">
        <v>0</v>
      </c>
      <c r="CE35" s="260">
        <v>0</v>
      </c>
      <c r="CF35" s="261">
        <v>0</v>
      </c>
      <c r="CG35" s="261">
        <v>0</v>
      </c>
      <c r="CH35" s="261">
        <v>1</v>
      </c>
      <c r="CI35" s="261">
        <v>1</v>
      </c>
      <c r="CJ35" s="261">
        <v>0</v>
      </c>
      <c r="CK35" s="258">
        <v>2</v>
      </c>
      <c r="CL35" s="263">
        <v>2</v>
      </c>
      <c r="CM35" s="257">
        <v>0</v>
      </c>
      <c r="CN35" s="261">
        <v>0</v>
      </c>
      <c r="CO35" s="258">
        <v>0</v>
      </c>
      <c r="CP35" s="260">
        <v>0</v>
      </c>
      <c r="CQ35" s="261">
        <v>1</v>
      </c>
      <c r="CR35" s="261">
        <v>0</v>
      </c>
      <c r="CS35" s="261">
        <v>0</v>
      </c>
      <c r="CT35" s="261">
        <v>0</v>
      </c>
      <c r="CU35" s="261">
        <v>0</v>
      </c>
      <c r="CV35" s="258">
        <v>1</v>
      </c>
      <c r="CW35" s="263">
        <v>1</v>
      </c>
      <c r="CX35" s="257">
        <v>0</v>
      </c>
      <c r="CY35" s="261">
        <v>0</v>
      </c>
      <c r="CZ35" s="258">
        <v>0</v>
      </c>
      <c r="DA35" s="260">
        <v>0</v>
      </c>
      <c r="DB35" s="261">
        <v>0</v>
      </c>
      <c r="DC35" s="261">
        <v>0</v>
      </c>
      <c r="DD35" s="261">
        <v>0</v>
      </c>
      <c r="DE35" s="261">
        <v>0</v>
      </c>
      <c r="DF35" s="261">
        <v>0</v>
      </c>
      <c r="DG35" s="258">
        <v>0</v>
      </c>
      <c r="DH35" s="263">
        <v>0</v>
      </c>
      <c r="DI35" s="257">
        <v>0</v>
      </c>
      <c r="DJ35" s="261">
        <v>0</v>
      </c>
      <c r="DK35" s="258">
        <v>0</v>
      </c>
      <c r="DL35" s="260">
        <v>0</v>
      </c>
      <c r="DM35" s="261">
        <v>0</v>
      </c>
      <c r="DN35" s="261">
        <v>0</v>
      </c>
      <c r="DO35" s="261">
        <v>0</v>
      </c>
      <c r="DP35" s="261">
        <v>0</v>
      </c>
      <c r="DQ35" s="261">
        <v>0</v>
      </c>
      <c r="DR35" s="258">
        <v>0</v>
      </c>
      <c r="DS35" s="263">
        <v>0</v>
      </c>
      <c r="DT35" s="257">
        <v>1</v>
      </c>
      <c r="DU35" s="261">
        <v>1</v>
      </c>
      <c r="DV35" s="258">
        <v>2</v>
      </c>
      <c r="DW35" s="260">
        <v>0</v>
      </c>
      <c r="DX35" s="261">
        <v>3</v>
      </c>
      <c r="DY35" s="261">
        <v>2</v>
      </c>
      <c r="DZ35" s="261">
        <v>2</v>
      </c>
      <c r="EA35" s="261">
        <v>1</v>
      </c>
      <c r="EB35" s="261">
        <v>2</v>
      </c>
      <c r="EC35" s="258">
        <v>10</v>
      </c>
      <c r="ED35" s="263">
        <v>12</v>
      </c>
      <c r="EE35" s="257">
        <v>1</v>
      </c>
      <c r="EF35" s="261">
        <v>1</v>
      </c>
      <c r="EG35" s="258">
        <v>2</v>
      </c>
      <c r="EH35" s="260">
        <v>0</v>
      </c>
      <c r="EI35" s="261">
        <v>1</v>
      </c>
      <c r="EJ35" s="261">
        <v>0</v>
      </c>
      <c r="EK35" s="261">
        <v>2</v>
      </c>
      <c r="EL35" s="261">
        <v>1</v>
      </c>
      <c r="EM35" s="261">
        <v>1</v>
      </c>
      <c r="EN35" s="258">
        <v>5</v>
      </c>
      <c r="EO35" s="263">
        <v>7</v>
      </c>
      <c r="EP35" s="257">
        <v>1</v>
      </c>
      <c r="EQ35" s="261">
        <v>1</v>
      </c>
      <c r="ER35" s="258">
        <v>2</v>
      </c>
      <c r="ES35" s="260">
        <v>0</v>
      </c>
      <c r="ET35" s="261">
        <v>8</v>
      </c>
      <c r="EU35" s="261">
        <v>2</v>
      </c>
      <c r="EV35" s="261">
        <v>3</v>
      </c>
      <c r="EW35" s="261">
        <v>2</v>
      </c>
      <c r="EX35" s="261">
        <v>1</v>
      </c>
      <c r="EY35" s="258">
        <v>16</v>
      </c>
      <c r="EZ35" s="263">
        <v>18</v>
      </c>
    </row>
    <row r="36" spans="2:156" ht="21" customHeight="1" x14ac:dyDescent="0.2">
      <c r="B36" s="472" t="s">
        <v>34</v>
      </c>
      <c r="C36" s="257">
        <v>0</v>
      </c>
      <c r="D36" s="261">
        <v>0</v>
      </c>
      <c r="E36" s="358">
        <v>0</v>
      </c>
      <c r="F36" s="260">
        <v>0</v>
      </c>
      <c r="G36" s="261">
        <v>1</v>
      </c>
      <c r="H36" s="261">
        <v>1</v>
      </c>
      <c r="I36" s="261">
        <v>0</v>
      </c>
      <c r="J36" s="261">
        <v>0</v>
      </c>
      <c r="K36" s="261">
        <v>0</v>
      </c>
      <c r="L36" s="262">
        <v>2</v>
      </c>
      <c r="M36" s="263">
        <v>2</v>
      </c>
      <c r="N36" s="257">
        <v>0</v>
      </c>
      <c r="O36" s="261">
        <v>0</v>
      </c>
      <c r="P36" s="258">
        <v>0</v>
      </c>
      <c r="Q36" s="260">
        <v>0</v>
      </c>
      <c r="R36" s="261">
        <v>0</v>
      </c>
      <c r="S36" s="261">
        <v>0</v>
      </c>
      <c r="T36" s="261">
        <v>0</v>
      </c>
      <c r="U36" s="261">
        <v>0</v>
      </c>
      <c r="V36" s="261">
        <v>0</v>
      </c>
      <c r="W36" s="258">
        <v>0</v>
      </c>
      <c r="X36" s="263">
        <v>0</v>
      </c>
      <c r="Y36" s="257">
        <v>0</v>
      </c>
      <c r="Z36" s="261">
        <v>0</v>
      </c>
      <c r="AA36" s="258">
        <v>0</v>
      </c>
      <c r="AB36" s="260">
        <v>0</v>
      </c>
      <c r="AC36" s="261">
        <v>0</v>
      </c>
      <c r="AD36" s="261">
        <v>1</v>
      </c>
      <c r="AE36" s="261">
        <v>0</v>
      </c>
      <c r="AF36" s="261">
        <v>0</v>
      </c>
      <c r="AG36" s="261">
        <v>0</v>
      </c>
      <c r="AH36" s="258">
        <v>1</v>
      </c>
      <c r="AI36" s="263">
        <v>1</v>
      </c>
      <c r="AJ36" s="257">
        <v>0</v>
      </c>
      <c r="AK36" s="261">
        <v>0</v>
      </c>
      <c r="AL36" s="258">
        <v>0</v>
      </c>
      <c r="AM36" s="260">
        <v>0</v>
      </c>
      <c r="AN36" s="261">
        <v>0</v>
      </c>
      <c r="AO36" s="261">
        <v>0</v>
      </c>
      <c r="AP36" s="261">
        <v>0</v>
      </c>
      <c r="AQ36" s="261">
        <v>0</v>
      </c>
      <c r="AR36" s="261">
        <v>0</v>
      </c>
      <c r="AS36" s="258">
        <v>0</v>
      </c>
      <c r="AT36" s="263">
        <v>0</v>
      </c>
      <c r="AU36" s="257">
        <v>0</v>
      </c>
      <c r="AV36" s="261">
        <v>0</v>
      </c>
      <c r="AW36" s="258">
        <v>0</v>
      </c>
      <c r="AX36" s="260">
        <v>0</v>
      </c>
      <c r="AY36" s="261">
        <v>2</v>
      </c>
      <c r="AZ36" s="261">
        <v>1</v>
      </c>
      <c r="BA36" s="261">
        <v>1</v>
      </c>
      <c r="BB36" s="261">
        <v>0</v>
      </c>
      <c r="BC36" s="261">
        <v>1</v>
      </c>
      <c r="BD36" s="262">
        <v>5</v>
      </c>
      <c r="BE36" s="263">
        <v>5</v>
      </c>
      <c r="BF36" s="257">
        <v>0</v>
      </c>
      <c r="BG36" s="261">
        <v>0</v>
      </c>
      <c r="BH36" s="258">
        <v>0</v>
      </c>
      <c r="BI36" s="260">
        <v>0</v>
      </c>
      <c r="BJ36" s="261">
        <v>0</v>
      </c>
      <c r="BK36" s="261">
        <v>2</v>
      </c>
      <c r="BL36" s="261">
        <v>1</v>
      </c>
      <c r="BM36" s="261">
        <v>0</v>
      </c>
      <c r="BN36" s="261">
        <v>0</v>
      </c>
      <c r="BO36" s="258">
        <v>3</v>
      </c>
      <c r="BP36" s="263">
        <v>3</v>
      </c>
      <c r="BQ36" s="257">
        <v>0</v>
      </c>
      <c r="BR36" s="261">
        <v>0</v>
      </c>
      <c r="BS36" s="258">
        <v>0</v>
      </c>
      <c r="BT36" s="260">
        <v>0</v>
      </c>
      <c r="BU36" s="261">
        <v>0</v>
      </c>
      <c r="BV36" s="261">
        <v>0</v>
      </c>
      <c r="BW36" s="261">
        <v>0</v>
      </c>
      <c r="BX36" s="261">
        <v>0</v>
      </c>
      <c r="BY36" s="261">
        <v>0</v>
      </c>
      <c r="BZ36" s="258">
        <v>0</v>
      </c>
      <c r="CA36" s="263">
        <v>0</v>
      </c>
      <c r="CB36" s="257">
        <v>0</v>
      </c>
      <c r="CC36" s="261">
        <v>0</v>
      </c>
      <c r="CD36" s="258">
        <v>0</v>
      </c>
      <c r="CE36" s="260">
        <v>0</v>
      </c>
      <c r="CF36" s="261">
        <v>0</v>
      </c>
      <c r="CG36" s="261">
        <v>0</v>
      </c>
      <c r="CH36" s="261">
        <v>0</v>
      </c>
      <c r="CI36" s="261">
        <v>0</v>
      </c>
      <c r="CJ36" s="261">
        <v>0</v>
      </c>
      <c r="CK36" s="258">
        <v>0</v>
      </c>
      <c r="CL36" s="263">
        <v>0</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c r="DI36" s="257">
        <v>0</v>
      </c>
      <c r="DJ36" s="261">
        <v>0</v>
      </c>
      <c r="DK36" s="258">
        <v>0</v>
      </c>
      <c r="DL36" s="260">
        <v>0</v>
      </c>
      <c r="DM36" s="261">
        <v>0</v>
      </c>
      <c r="DN36" s="261">
        <v>0</v>
      </c>
      <c r="DO36" s="261">
        <v>0</v>
      </c>
      <c r="DP36" s="261">
        <v>0</v>
      </c>
      <c r="DQ36" s="261">
        <v>0</v>
      </c>
      <c r="DR36" s="258">
        <v>0</v>
      </c>
      <c r="DS36" s="263">
        <v>0</v>
      </c>
      <c r="DT36" s="257">
        <v>0</v>
      </c>
      <c r="DU36" s="261">
        <v>0</v>
      </c>
      <c r="DV36" s="258">
        <v>0</v>
      </c>
      <c r="DW36" s="260">
        <v>0</v>
      </c>
      <c r="DX36" s="261">
        <v>1</v>
      </c>
      <c r="DY36" s="261">
        <v>1</v>
      </c>
      <c r="DZ36" s="261">
        <v>0</v>
      </c>
      <c r="EA36" s="261">
        <v>0</v>
      </c>
      <c r="EB36" s="261">
        <v>1</v>
      </c>
      <c r="EC36" s="258">
        <v>3</v>
      </c>
      <c r="ED36" s="263">
        <v>3</v>
      </c>
      <c r="EE36" s="257">
        <v>0</v>
      </c>
      <c r="EF36" s="261">
        <v>0</v>
      </c>
      <c r="EG36" s="258">
        <v>0</v>
      </c>
      <c r="EH36" s="260">
        <v>0</v>
      </c>
      <c r="EI36" s="261">
        <v>0</v>
      </c>
      <c r="EJ36" s="261">
        <v>0</v>
      </c>
      <c r="EK36" s="261">
        <v>1</v>
      </c>
      <c r="EL36" s="261">
        <v>0</v>
      </c>
      <c r="EM36" s="261">
        <v>0</v>
      </c>
      <c r="EN36" s="258">
        <v>1</v>
      </c>
      <c r="EO36" s="263">
        <v>1</v>
      </c>
      <c r="EP36" s="257">
        <v>0</v>
      </c>
      <c r="EQ36" s="261">
        <v>0</v>
      </c>
      <c r="ER36" s="258">
        <v>0</v>
      </c>
      <c r="ES36" s="260">
        <v>0</v>
      </c>
      <c r="ET36" s="261">
        <v>1</v>
      </c>
      <c r="EU36" s="261">
        <v>3</v>
      </c>
      <c r="EV36" s="261">
        <v>1</v>
      </c>
      <c r="EW36" s="261">
        <v>0</v>
      </c>
      <c r="EX36" s="261">
        <v>0</v>
      </c>
      <c r="EY36" s="258">
        <v>5</v>
      </c>
      <c r="EZ36" s="263">
        <v>5</v>
      </c>
    </row>
    <row r="37" spans="2:156" ht="21" customHeight="1" x14ac:dyDescent="0.2">
      <c r="B37" s="472" t="s">
        <v>35</v>
      </c>
      <c r="C37" s="257">
        <v>0</v>
      </c>
      <c r="D37" s="261">
        <v>0</v>
      </c>
      <c r="E37" s="358">
        <v>0</v>
      </c>
      <c r="F37" s="260">
        <v>0</v>
      </c>
      <c r="G37" s="261">
        <v>3</v>
      </c>
      <c r="H37" s="261">
        <v>2</v>
      </c>
      <c r="I37" s="261">
        <v>2</v>
      </c>
      <c r="J37" s="261">
        <v>2</v>
      </c>
      <c r="K37" s="261">
        <v>1</v>
      </c>
      <c r="L37" s="262">
        <v>10</v>
      </c>
      <c r="M37" s="263">
        <v>10</v>
      </c>
      <c r="N37" s="257">
        <v>0</v>
      </c>
      <c r="O37" s="261">
        <v>0</v>
      </c>
      <c r="P37" s="258">
        <v>0</v>
      </c>
      <c r="Q37" s="260">
        <v>0</v>
      </c>
      <c r="R37" s="261">
        <v>0</v>
      </c>
      <c r="S37" s="261">
        <v>0</v>
      </c>
      <c r="T37" s="261">
        <v>0</v>
      </c>
      <c r="U37" s="261">
        <v>1</v>
      </c>
      <c r="V37" s="261">
        <v>1</v>
      </c>
      <c r="W37" s="258">
        <v>2</v>
      </c>
      <c r="X37" s="263">
        <v>2</v>
      </c>
      <c r="Y37" s="257">
        <v>1</v>
      </c>
      <c r="Z37" s="261">
        <v>2</v>
      </c>
      <c r="AA37" s="258">
        <v>3</v>
      </c>
      <c r="AB37" s="260">
        <v>0</v>
      </c>
      <c r="AC37" s="261">
        <v>3</v>
      </c>
      <c r="AD37" s="261">
        <v>1</v>
      </c>
      <c r="AE37" s="261">
        <v>3</v>
      </c>
      <c r="AF37" s="261">
        <v>3</v>
      </c>
      <c r="AG37" s="261">
        <v>2</v>
      </c>
      <c r="AH37" s="258">
        <v>12</v>
      </c>
      <c r="AI37" s="263">
        <v>15</v>
      </c>
      <c r="AJ37" s="257">
        <v>0</v>
      </c>
      <c r="AK37" s="261">
        <v>1</v>
      </c>
      <c r="AL37" s="258">
        <v>1</v>
      </c>
      <c r="AM37" s="260">
        <v>0</v>
      </c>
      <c r="AN37" s="261">
        <v>3</v>
      </c>
      <c r="AO37" s="261">
        <v>0</v>
      </c>
      <c r="AP37" s="261">
        <v>0</v>
      </c>
      <c r="AQ37" s="261">
        <v>1</v>
      </c>
      <c r="AR37" s="261">
        <v>0</v>
      </c>
      <c r="AS37" s="258">
        <v>4</v>
      </c>
      <c r="AT37" s="263">
        <v>5</v>
      </c>
      <c r="AU37" s="257">
        <v>5</v>
      </c>
      <c r="AV37" s="261">
        <v>2</v>
      </c>
      <c r="AW37" s="258">
        <v>7</v>
      </c>
      <c r="AX37" s="260">
        <v>0</v>
      </c>
      <c r="AY37" s="261">
        <v>4</v>
      </c>
      <c r="AZ37" s="261">
        <v>6</v>
      </c>
      <c r="BA37" s="261">
        <v>6</v>
      </c>
      <c r="BB37" s="261">
        <v>6</v>
      </c>
      <c r="BC37" s="261">
        <v>2</v>
      </c>
      <c r="BD37" s="262">
        <v>24</v>
      </c>
      <c r="BE37" s="263">
        <v>31</v>
      </c>
      <c r="BF37" s="257">
        <v>0</v>
      </c>
      <c r="BG37" s="261">
        <v>0</v>
      </c>
      <c r="BH37" s="258">
        <v>0</v>
      </c>
      <c r="BI37" s="260">
        <v>0</v>
      </c>
      <c r="BJ37" s="261">
        <v>4</v>
      </c>
      <c r="BK37" s="261">
        <v>2</v>
      </c>
      <c r="BL37" s="261">
        <v>2</v>
      </c>
      <c r="BM37" s="261">
        <v>1</v>
      </c>
      <c r="BN37" s="261">
        <v>1</v>
      </c>
      <c r="BO37" s="258">
        <v>10</v>
      </c>
      <c r="BP37" s="263">
        <v>10</v>
      </c>
      <c r="BQ37" s="257">
        <v>0</v>
      </c>
      <c r="BR37" s="261">
        <v>2</v>
      </c>
      <c r="BS37" s="258">
        <v>2</v>
      </c>
      <c r="BT37" s="260">
        <v>0</v>
      </c>
      <c r="BU37" s="261">
        <v>1</v>
      </c>
      <c r="BV37" s="261">
        <v>3</v>
      </c>
      <c r="BW37" s="261">
        <v>0</v>
      </c>
      <c r="BX37" s="261">
        <v>1</v>
      </c>
      <c r="BY37" s="261">
        <v>0</v>
      </c>
      <c r="BZ37" s="258">
        <v>5</v>
      </c>
      <c r="CA37" s="263">
        <v>7</v>
      </c>
      <c r="CB37" s="257">
        <v>0</v>
      </c>
      <c r="CC37" s="261">
        <v>0</v>
      </c>
      <c r="CD37" s="258">
        <v>0</v>
      </c>
      <c r="CE37" s="260">
        <v>0</v>
      </c>
      <c r="CF37" s="261">
        <v>0</v>
      </c>
      <c r="CG37" s="261">
        <v>0</v>
      </c>
      <c r="CH37" s="261">
        <v>0</v>
      </c>
      <c r="CI37" s="261">
        <v>1</v>
      </c>
      <c r="CJ37" s="261">
        <v>1</v>
      </c>
      <c r="CK37" s="258">
        <v>2</v>
      </c>
      <c r="CL37" s="263">
        <v>2</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c r="DI37" s="257">
        <v>0</v>
      </c>
      <c r="DJ37" s="261">
        <v>0</v>
      </c>
      <c r="DK37" s="258">
        <v>0</v>
      </c>
      <c r="DL37" s="260">
        <v>0</v>
      </c>
      <c r="DM37" s="261">
        <v>0</v>
      </c>
      <c r="DN37" s="261">
        <v>0</v>
      </c>
      <c r="DO37" s="261">
        <v>0</v>
      </c>
      <c r="DP37" s="261">
        <v>0</v>
      </c>
      <c r="DQ37" s="261">
        <v>0</v>
      </c>
      <c r="DR37" s="258">
        <v>0</v>
      </c>
      <c r="DS37" s="263">
        <v>0</v>
      </c>
      <c r="DT37" s="257">
        <v>1</v>
      </c>
      <c r="DU37" s="261">
        <v>5</v>
      </c>
      <c r="DV37" s="258">
        <v>6</v>
      </c>
      <c r="DW37" s="260">
        <v>0</v>
      </c>
      <c r="DX37" s="261">
        <v>8</v>
      </c>
      <c r="DY37" s="261">
        <v>6</v>
      </c>
      <c r="DZ37" s="261">
        <v>4</v>
      </c>
      <c r="EA37" s="261">
        <v>4</v>
      </c>
      <c r="EB37" s="261">
        <v>2</v>
      </c>
      <c r="EC37" s="258">
        <v>24</v>
      </c>
      <c r="ED37" s="263">
        <v>30</v>
      </c>
      <c r="EE37" s="257">
        <v>4</v>
      </c>
      <c r="EF37" s="261">
        <v>0</v>
      </c>
      <c r="EG37" s="258">
        <v>4</v>
      </c>
      <c r="EH37" s="260">
        <v>0</v>
      </c>
      <c r="EI37" s="261">
        <v>2</v>
      </c>
      <c r="EJ37" s="261">
        <v>3</v>
      </c>
      <c r="EK37" s="261">
        <v>4</v>
      </c>
      <c r="EL37" s="261">
        <v>3</v>
      </c>
      <c r="EM37" s="261">
        <v>0</v>
      </c>
      <c r="EN37" s="258">
        <v>12</v>
      </c>
      <c r="EO37" s="263">
        <v>16</v>
      </c>
      <c r="EP37" s="257">
        <v>2</v>
      </c>
      <c r="EQ37" s="261">
        <v>6</v>
      </c>
      <c r="ER37" s="258">
        <v>8</v>
      </c>
      <c r="ES37" s="260">
        <v>0</v>
      </c>
      <c r="ET37" s="261">
        <v>14</v>
      </c>
      <c r="EU37" s="261">
        <v>7</v>
      </c>
      <c r="EV37" s="261">
        <v>4</v>
      </c>
      <c r="EW37" s="261">
        <v>4</v>
      </c>
      <c r="EX37" s="261">
        <v>2</v>
      </c>
      <c r="EY37" s="258">
        <v>31</v>
      </c>
      <c r="EZ37" s="263">
        <v>39</v>
      </c>
    </row>
    <row r="38" spans="2:156" ht="21" customHeight="1" x14ac:dyDescent="0.2">
      <c r="B38" s="472" t="s">
        <v>36</v>
      </c>
      <c r="C38" s="257">
        <v>0</v>
      </c>
      <c r="D38" s="261">
        <v>0</v>
      </c>
      <c r="E38" s="358">
        <v>0</v>
      </c>
      <c r="F38" s="260">
        <v>0</v>
      </c>
      <c r="G38" s="261">
        <v>1</v>
      </c>
      <c r="H38" s="261">
        <v>1</v>
      </c>
      <c r="I38" s="261">
        <v>0</v>
      </c>
      <c r="J38" s="261">
        <v>1</v>
      </c>
      <c r="K38" s="261">
        <v>1</v>
      </c>
      <c r="L38" s="262">
        <v>4</v>
      </c>
      <c r="M38" s="263">
        <v>4</v>
      </c>
      <c r="N38" s="257">
        <v>0</v>
      </c>
      <c r="O38" s="261">
        <v>0</v>
      </c>
      <c r="P38" s="258">
        <v>0</v>
      </c>
      <c r="Q38" s="260">
        <v>0</v>
      </c>
      <c r="R38" s="261">
        <v>0</v>
      </c>
      <c r="S38" s="261">
        <v>0</v>
      </c>
      <c r="T38" s="261">
        <v>0</v>
      </c>
      <c r="U38" s="261">
        <v>0</v>
      </c>
      <c r="V38" s="261">
        <v>0</v>
      </c>
      <c r="W38" s="258">
        <v>0</v>
      </c>
      <c r="X38" s="263">
        <v>0</v>
      </c>
      <c r="Y38" s="257">
        <v>0</v>
      </c>
      <c r="Z38" s="261">
        <v>3</v>
      </c>
      <c r="AA38" s="258">
        <v>3</v>
      </c>
      <c r="AB38" s="260">
        <v>0</v>
      </c>
      <c r="AC38" s="261">
        <v>1</v>
      </c>
      <c r="AD38" s="261">
        <v>2</v>
      </c>
      <c r="AE38" s="261">
        <v>0</v>
      </c>
      <c r="AF38" s="261">
        <v>1</v>
      </c>
      <c r="AG38" s="261">
        <v>1</v>
      </c>
      <c r="AH38" s="258">
        <v>5</v>
      </c>
      <c r="AI38" s="263">
        <v>8</v>
      </c>
      <c r="AJ38" s="257">
        <v>0</v>
      </c>
      <c r="AK38" s="261">
        <v>0</v>
      </c>
      <c r="AL38" s="258">
        <v>0</v>
      </c>
      <c r="AM38" s="260">
        <v>0</v>
      </c>
      <c r="AN38" s="261">
        <v>1</v>
      </c>
      <c r="AO38" s="261">
        <v>0</v>
      </c>
      <c r="AP38" s="261">
        <v>0</v>
      </c>
      <c r="AQ38" s="261">
        <v>1</v>
      </c>
      <c r="AR38" s="261">
        <v>0</v>
      </c>
      <c r="AS38" s="258">
        <v>2</v>
      </c>
      <c r="AT38" s="263">
        <v>2</v>
      </c>
      <c r="AU38" s="257">
        <v>0</v>
      </c>
      <c r="AV38" s="261">
        <v>0</v>
      </c>
      <c r="AW38" s="258">
        <v>0</v>
      </c>
      <c r="AX38" s="260">
        <v>0</v>
      </c>
      <c r="AY38" s="261">
        <v>1</v>
      </c>
      <c r="AZ38" s="261">
        <v>2</v>
      </c>
      <c r="BA38" s="261">
        <v>1</v>
      </c>
      <c r="BB38" s="261">
        <v>3</v>
      </c>
      <c r="BC38" s="261">
        <v>2</v>
      </c>
      <c r="BD38" s="262">
        <v>9</v>
      </c>
      <c r="BE38" s="263">
        <v>9</v>
      </c>
      <c r="BF38" s="257">
        <v>0</v>
      </c>
      <c r="BG38" s="261">
        <v>0</v>
      </c>
      <c r="BH38" s="258">
        <v>0</v>
      </c>
      <c r="BI38" s="260">
        <v>0</v>
      </c>
      <c r="BJ38" s="261">
        <v>2</v>
      </c>
      <c r="BK38" s="261">
        <v>3</v>
      </c>
      <c r="BL38" s="261">
        <v>0</v>
      </c>
      <c r="BM38" s="261">
        <v>2</v>
      </c>
      <c r="BN38" s="261">
        <v>1</v>
      </c>
      <c r="BO38" s="258">
        <v>8</v>
      </c>
      <c r="BP38" s="263">
        <v>8</v>
      </c>
      <c r="BQ38" s="257">
        <v>0</v>
      </c>
      <c r="BR38" s="261">
        <v>0</v>
      </c>
      <c r="BS38" s="258">
        <v>0</v>
      </c>
      <c r="BT38" s="260">
        <v>0</v>
      </c>
      <c r="BU38" s="261">
        <v>1</v>
      </c>
      <c r="BV38" s="261">
        <v>0</v>
      </c>
      <c r="BW38" s="261">
        <v>0</v>
      </c>
      <c r="BX38" s="261">
        <v>0</v>
      </c>
      <c r="BY38" s="261">
        <v>0</v>
      </c>
      <c r="BZ38" s="258">
        <v>1</v>
      </c>
      <c r="CA38" s="263">
        <v>1</v>
      </c>
      <c r="CB38" s="257">
        <v>0</v>
      </c>
      <c r="CC38" s="261">
        <v>0</v>
      </c>
      <c r="CD38" s="258">
        <v>0</v>
      </c>
      <c r="CE38" s="260">
        <v>0</v>
      </c>
      <c r="CF38" s="261">
        <v>0</v>
      </c>
      <c r="CG38" s="261">
        <v>1</v>
      </c>
      <c r="CH38" s="261">
        <v>0</v>
      </c>
      <c r="CI38" s="261">
        <v>1</v>
      </c>
      <c r="CJ38" s="261">
        <v>0</v>
      </c>
      <c r="CK38" s="258">
        <v>2</v>
      </c>
      <c r="CL38" s="263">
        <v>2</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c r="DI38" s="257">
        <v>0</v>
      </c>
      <c r="DJ38" s="261">
        <v>0</v>
      </c>
      <c r="DK38" s="258">
        <v>0</v>
      </c>
      <c r="DL38" s="260">
        <v>0</v>
      </c>
      <c r="DM38" s="261">
        <v>0</v>
      </c>
      <c r="DN38" s="261">
        <v>0</v>
      </c>
      <c r="DO38" s="261">
        <v>0</v>
      </c>
      <c r="DP38" s="261">
        <v>0</v>
      </c>
      <c r="DQ38" s="261">
        <v>0</v>
      </c>
      <c r="DR38" s="258">
        <v>0</v>
      </c>
      <c r="DS38" s="263">
        <v>0</v>
      </c>
      <c r="DT38" s="257">
        <v>0</v>
      </c>
      <c r="DU38" s="261">
        <v>1</v>
      </c>
      <c r="DV38" s="258">
        <v>1</v>
      </c>
      <c r="DW38" s="260">
        <v>0</v>
      </c>
      <c r="DX38" s="261">
        <v>5</v>
      </c>
      <c r="DY38" s="261">
        <v>4</v>
      </c>
      <c r="DZ38" s="261">
        <v>0</v>
      </c>
      <c r="EA38" s="261">
        <v>3</v>
      </c>
      <c r="EB38" s="261">
        <v>2</v>
      </c>
      <c r="EC38" s="258">
        <v>14</v>
      </c>
      <c r="ED38" s="263">
        <v>15</v>
      </c>
      <c r="EE38" s="257">
        <v>0</v>
      </c>
      <c r="EF38" s="261">
        <v>0</v>
      </c>
      <c r="EG38" s="258">
        <v>0</v>
      </c>
      <c r="EH38" s="260">
        <v>0</v>
      </c>
      <c r="EI38" s="261">
        <v>0</v>
      </c>
      <c r="EJ38" s="261">
        <v>1</v>
      </c>
      <c r="EK38" s="261">
        <v>1</v>
      </c>
      <c r="EL38" s="261">
        <v>2</v>
      </c>
      <c r="EM38" s="261">
        <v>0</v>
      </c>
      <c r="EN38" s="258">
        <v>4</v>
      </c>
      <c r="EO38" s="263">
        <v>4</v>
      </c>
      <c r="EP38" s="257">
        <v>0</v>
      </c>
      <c r="EQ38" s="261">
        <v>4</v>
      </c>
      <c r="ER38" s="258">
        <v>4</v>
      </c>
      <c r="ES38" s="260">
        <v>0</v>
      </c>
      <c r="ET38" s="261">
        <v>5</v>
      </c>
      <c r="EU38" s="261">
        <v>5</v>
      </c>
      <c r="EV38" s="261">
        <v>0</v>
      </c>
      <c r="EW38" s="261">
        <v>4</v>
      </c>
      <c r="EX38" s="261">
        <v>2</v>
      </c>
      <c r="EY38" s="258">
        <v>16</v>
      </c>
      <c r="EZ38" s="263">
        <v>20</v>
      </c>
    </row>
    <row r="39" spans="2:156" ht="21" customHeight="1" thickBot="1" x14ac:dyDescent="0.25">
      <c r="B39" s="473" t="s">
        <v>37</v>
      </c>
      <c r="C39" s="264">
        <v>0</v>
      </c>
      <c r="D39" s="268">
        <v>0</v>
      </c>
      <c r="E39" s="359">
        <v>0</v>
      </c>
      <c r="F39" s="267">
        <v>0</v>
      </c>
      <c r="G39" s="268">
        <v>0</v>
      </c>
      <c r="H39" s="268">
        <v>0</v>
      </c>
      <c r="I39" s="268">
        <v>0</v>
      </c>
      <c r="J39" s="268">
        <v>0</v>
      </c>
      <c r="K39" s="268">
        <v>1</v>
      </c>
      <c r="L39" s="269">
        <v>1</v>
      </c>
      <c r="M39" s="270">
        <v>1</v>
      </c>
      <c r="N39" s="264">
        <v>0</v>
      </c>
      <c r="O39" s="268">
        <v>0</v>
      </c>
      <c r="P39" s="265">
        <v>0</v>
      </c>
      <c r="Q39" s="267">
        <v>0</v>
      </c>
      <c r="R39" s="268">
        <v>0</v>
      </c>
      <c r="S39" s="268">
        <v>0</v>
      </c>
      <c r="T39" s="268">
        <v>0</v>
      </c>
      <c r="U39" s="268">
        <v>0</v>
      </c>
      <c r="V39" s="268">
        <v>0</v>
      </c>
      <c r="W39" s="265">
        <v>0</v>
      </c>
      <c r="X39" s="270">
        <v>0</v>
      </c>
      <c r="Y39" s="264">
        <v>0</v>
      </c>
      <c r="Z39" s="268">
        <v>0</v>
      </c>
      <c r="AA39" s="265">
        <v>0</v>
      </c>
      <c r="AB39" s="267">
        <v>0</v>
      </c>
      <c r="AC39" s="268">
        <v>0</v>
      </c>
      <c r="AD39" s="268">
        <v>0</v>
      </c>
      <c r="AE39" s="268">
        <v>0</v>
      </c>
      <c r="AF39" s="268">
        <v>0</v>
      </c>
      <c r="AG39" s="268">
        <v>1</v>
      </c>
      <c r="AH39" s="265">
        <v>1</v>
      </c>
      <c r="AI39" s="270">
        <v>1</v>
      </c>
      <c r="AJ39" s="264">
        <v>0</v>
      </c>
      <c r="AK39" s="268">
        <v>0</v>
      </c>
      <c r="AL39" s="265">
        <v>0</v>
      </c>
      <c r="AM39" s="267">
        <v>0</v>
      </c>
      <c r="AN39" s="268">
        <v>0</v>
      </c>
      <c r="AO39" s="268">
        <v>0</v>
      </c>
      <c r="AP39" s="268">
        <v>0</v>
      </c>
      <c r="AQ39" s="268">
        <v>0</v>
      </c>
      <c r="AR39" s="268">
        <v>0</v>
      </c>
      <c r="AS39" s="265">
        <v>0</v>
      </c>
      <c r="AT39" s="270">
        <v>0</v>
      </c>
      <c r="AU39" s="264">
        <v>0</v>
      </c>
      <c r="AV39" s="268">
        <v>0</v>
      </c>
      <c r="AW39" s="265">
        <v>0</v>
      </c>
      <c r="AX39" s="267">
        <v>0</v>
      </c>
      <c r="AY39" s="268">
        <v>0</v>
      </c>
      <c r="AZ39" s="268">
        <v>0</v>
      </c>
      <c r="BA39" s="268">
        <v>0</v>
      </c>
      <c r="BB39" s="268">
        <v>1</v>
      </c>
      <c r="BC39" s="268">
        <v>1</v>
      </c>
      <c r="BD39" s="269">
        <v>2</v>
      </c>
      <c r="BE39" s="270">
        <v>2</v>
      </c>
      <c r="BF39" s="264">
        <v>0</v>
      </c>
      <c r="BG39" s="268">
        <v>0</v>
      </c>
      <c r="BH39" s="265">
        <v>0</v>
      </c>
      <c r="BI39" s="267">
        <v>0</v>
      </c>
      <c r="BJ39" s="268">
        <v>0</v>
      </c>
      <c r="BK39" s="268">
        <v>0</v>
      </c>
      <c r="BL39" s="268">
        <v>0</v>
      </c>
      <c r="BM39" s="268">
        <v>0</v>
      </c>
      <c r="BN39" s="268">
        <v>0</v>
      </c>
      <c r="BO39" s="265">
        <v>0</v>
      </c>
      <c r="BP39" s="270">
        <v>0</v>
      </c>
      <c r="BQ39" s="264">
        <v>1</v>
      </c>
      <c r="BR39" s="268">
        <v>0</v>
      </c>
      <c r="BS39" s="265">
        <v>1</v>
      </c>
      <c r="BT39" s="267">
        <v>0</v>
      </c>
      <c r="BU39" s="268">
        <v>0</v>
      </c>
      <c r="BV39" s="268">
        <v>0</v>
      </c>
      <c r="BW39" s="268">
        <v>0</v>
      </c>
      <c r="BX39" s="268">
        <v>0</v>
      </c>
      <c r="BY39" s="268">
        <v>0</v>
      </c>
      <c r="BZ39" s="265">
        <v>0</v>
      </c>
      <c r="CA39" s="270">
        <v>1</v>
      </c>
      <c r="CB39" s="264">
        <v>0</v>
      </c>
      <c r="CC39" s="268">
        <v>0</v>
      </c>
      <c r="CD39" s="265">
        <v>0</v>
      </c>
      <c r="CE39" s="267">
        <v>0</v>
      </c>
      <c r="CF39" s="268">
        <v>0</v>
      </c>
      <c r="CG39" s="268">
        <v>0</v>
      </c>
      <c r="CH39" s="268">
        <v>0</v>
      </c>
      <c r="CI39" s="268">
        <v>0</v>
      </c>
      <c r="CJ39" s="268">
        <v>0</v>
      </c>
      <c r="CK39" s="265">
        <v>0</v>
      </c>
      <c r="CL39" s="270">
        <v>0</v>
      </c>
      <c r="CM39" s="264">
        <v>0</v>
      </c>
      <c r="CN39" s="268">
        <v>0</v>
      </c>
      <c r="CO39" s="265">
        <v>0</v>
      </c>
      <c r="CP39" s="267">
        <v>0</v>
      </c>
      <c r="CQ39" s="268">
        <v>0</v>
      </c>
      <c r="CR39" s="268">
        <v>0</v>
      </c>
      <c r="CS39" s="268">
        <v>0</v>
      </c>
      <c r="CT39" s="268">
        <v>0</v>
      </c>
      <c r="CU39" s="268">
        <v>1</v>
      </c>
      <c r="CV39" s="265">
        <v>1</v>
      </c>
      <c r="CW39" s="270">
        <v>1</v>
      </c>
      <c r="CX39" s="264">
        <v>0</v>
      </c>
      <c r="CY39" s="268">
        <v>0</v>
      </c>
      <c r="CZ39" s="265">
        <v>0</v>
      </c>
      <c r="DA39" s="267">
        <v>0</v>
      </c>
      <c r="DB39" s="268">
        <v>0</v>
      </c>
      <c r="DC39" s="268">
        <v>0</v>
      </c>
      <c r="DD39" s="268">
        <v>0</v>
      </c>
      <c r="DE39" s="268">
        <v>0</v>
      </c>
      <c r="DF39" s="268">
        <v>0</v>
      </c>
      <c r="DG39" s="265">
        <v>0</v>
      </c>
      <c r="DH39" s="270">
        <v>0</v>
      </c>
      <c r="DI39" s="264">
        <v>0</v>
      </c>
      <c r="DJ39" s="268">
        <v>0</v>
      </c>
      <c r="DK39" s="265">
        <v>0</v>
      </c>
      <c r="DL39" s="267">
        <v>0</v>
      </c>
      <c r="DM39" s="268">
        <v>0</v>
      </c>
      <c r="DN39" s="268">
        <v>0</v>
      </c>
      <c r="DO39" s="268">
        <v>0</v>
      </c>
      <c r="DP39" s="268">
        <v>0</v>
      </c>
      <c r="DQ39" s="268">
        <v>0</v>
      </c>
      <c r="DR39" s="265">
        <v>0</v>
      </c>
      <c r="DS39" s="270">
        <v>0</v>
      </c>
      <c r="DT39" s="264">
        <v>0</v>
      </c>
      <c r="DU39" s="268">
        <v>0</v>
      </c>
      <c r="DV39" s="265">
        <v>0</v>
      </c>
      <c r="DW39" s="267">
        <v>0</v>
      </c>
      <c r="DX39" s="268">
        <v>0</v>
      </c>
      <c r="DY39" s="268">
        <v>0</v>
      </c>
      <c r="DZ39" s="268">
        <v>0</v>
      </c>
      <c r="EA39" s="268">
        <v>0</v>
      </c>
      <c r="EB39" s="268">
        <v>1</v>
      </c>
      <c r="EC39" s="265">
        <v>1</v>
      </c>
      <c r="ED39" s="270">
        <v>1</v>
      </c>
      <c r="EE39" s="264">
        <v>0</v>
      </c>
      <c r="EF39" s="268">
        <v>0</v>
      </c>
      <c r="EG39" s="265">
        <v>0</v>
      </c>
      <c r="EH39" s="267">
        <v>0</v>
      </c>
      <c r="EI39" s="268">
        <v>0</v>
      </c>
      <c r="EJ39" s="268">
        <v>0</v>
      </c>
      <c r="EK39" s="268">
        <v>0</v>
      </c>
      <c r="EL39" s="268">
        <v>1</v>
      </c>
      <c r="EM39" s="268">
        <v>0</v>
      </c>
      <c r="EN39" s="265">
        <v>1</v>
      </c>
      <c r="EO39" s="270">
        <v>1</v>
      </c>
      <c r="EP39" s="264">
        <v>1</v>
      </c>
      <c r="EQ39" s="268">
        <v>0</v>
      </c>
      <c r="ER39" s="265">
        <v>1</v>
      </c>
      <c r="ES39" s="267">
        <v>0</v>
      </c>
      <c r="ET39" s="268">
        <v>0</v>
      </c>
      <c r="EU39" s="268">
        <v>0</v>
      </c>
      <c r="EV39" s="268">
        <v>0</v>
      </c>
      <c r="EW39" s="268">
        <v>0</v>
      </c>
      <c r="EX39" s="268">
        <v>1</v>
      </c>
      <c r="EY39" s="265">
        <v>1</v>
      </c>
      <c r="EZ39" s="270">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59055118110236227" right="0.39370078740157483" top="0.74803149606299213" bottom="0.74803149606299213" header="0.31496062992125984" footer="0.31496062992125984"/>
  <pageSetup paperSize="9" scale="33" orientation="landscape" r:id="rId1"/>
  <headerFooter>
    <oddFooter>&amp;L&amp;20&amp;A&amp;C&amp;P/&amp;N</oddFooter>
  </headerFooter>
  <colBreaks count="3" manualBreakCount="3">
    <brk id="46" max="1048575" man="1"/>
    <brk id="90" max="1048575" man="1"/>
    <brk id="13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3.77734375" style="39" customWidth="1"/>
    <col min="2" max="2" width="9.77734375" style="242" customWidth="1"/>
    <col min="3" max="5" width="9" style="242"/>
    <col min="6" max="6" width="7.77734375" style="242" customWidth="1"/>
    <col min="7" max="7" width="9" style="242"/>
    <col min="8" max="8" width="10.6640625" style="242" customWidth="1"/>
    <col min="9" max="16" width="9" style="242"/>
    <col min="17" max="17" width="7.77734375" style="242" customWidth="1"/>
    <col min="18" max="27" width="9" style="242"/>
    <col min="28" max="28" width="6.88671875" style="242" customWidth="1"/>
    <col min="29" max="38" width="9" style="242"/>
    <col min="39" max="39" width="7.21875" style="242" customWidth="1"/>
    <col min="40" max="49" width="9" style="242"/>
    <col min="50" max="50" width="7.44140625" style="242" customWidth="1"/>
    <col min="51" max="60" width="9" style="242"/>
    <col min="61" max="61" width="7.6640625" style="242" customWidth="1"/>
    <col min="62" max="71" width="9" style="242"/>
    <col min="72" max="72" width="7.88671875" style="242" customWidth="1"/>
    <col min="73" max="82" width="9" style="242"/>
    <col min="83" max="83" width="7" style="242" customWidth="1"/>
    <col min="84" max="93" width="9" style="242"/>
    <col min="94" max="94" width="7.6640625" style="242" customWidth="1"/>
    <col min="95" max="16384" width="9" style="242"/>
  </cols>
  <sheetData>
    <row r="1" spans="2:112" ht="24" customHeight="1" x14ac:dyDescent="0.2">
      <c r="B1" s="271" t="s">
        <v>123</v>
      </c>
      <c r="J1" s="499">
        <f>第１表!F2</f>
        <v>5</v>
      </c>
      <c r="K1" s="499"/>
      <c r="L1" s="235">
        <f>第１表!G2</f>
        <v>9</v>
      </c>
      <c r="M1" s="504">
        <f>IF(L1&lt;3,L1+12-2,L1-2)</f>
        <v>7</v>
      </c>
      <c r="N1" s="504"/>
    </row>
    <row r="2" spans="2:112" ht="24" customHeight="1" thickBot="1" x14ac:dyDescent="0.25">
      <c r="B2" s="271" t="s">
        <v>138</v>
      </c>
    </row>
    <row r="3" spans="2:112" ht="21" customHeight="1" thickBot="1" x14ac:dyDescent="0.25">
      <c r="B3" s="524"/>
      <c r="C3" s="527" t="s">
        <v>112</v>
      </c>
      <c r="D3" s="527"/>
      <c r="E3" s="527"/>
      <c r="F3" s="527"/>
      <c r="G3" s="527"/>
      <c r="H3" s="527"/>
      <c r="I3" s="527"/>
      <c r="J3" s="527"/>
      <c r="K3" s="527"/>
      <c r="L3" s="527"/>
      <c r="M3" s="528"/>
      <c r="N3" s="522" t="s">
        <v>111</v>
      </c>
      <c r="O3" s="522"/>
      <c r="P3" s="522"/>
      <c r="Q3" s="522"/>
      <c r="R3" s="522"/>
      <c r="S3" s="522"/>
      <c r="T3" s="522"/>
      <c r="U3" s="522"/>
      <c r="V3" s="522"/>
      <c r="W3" s="522"/>
      <c r="X3" s="523"/>
      <c r="Y3" s="521" t="s">
        <v>110</v>
      </c>
      <c r="Z3" s="522"/>
      <c r="AA3" s="522"/>
      <c r="AB3" s="522"/>
      <c r="AC3" s="522"/>
      <c r="AD3" s="522"/>
      <c r="AE3" s="522"/>
      <c r="AF3" s="522"/>
      <c r="AG3" s="522"/>
      <c r="AH3" s="522"/>
      <c r="AI3" s="523"/>
      <c r="AJ3" s="521" t="s">
        <v>109</v>
      </c>
      <c r="AK3" s="522"/>
      <c r="AL3" s="522"/>
      <c r="AM3" s="522"/>
      <c r="AN3" s="522"/>
      <c r="AO3" s="522"/>
      <c r="AP3" s="522"/>
      <c r="AQ3" s="522"/>
      <c r="AR3" s="522"/>
      <c r="AS3" s="522"/>
      <c r="AT3" s="523"/>
      <c r="AU3" s="521" t="s">
        <v>108</v>
      </c>
      <c r="AV3" s="522"/>
      <c r="AW3" s="522"/>
      <c r="AX3" s="522"/>
      <c r="AY3" s="522"/>
      <c r="AZ3" s="522"/>
      <c r="BA3" s="522"/>
      <c r="BB3" s="522"/>
      <c r="BC3" s="522"/>
      <c r="BD3" s="522"/>
      <c r="BE3" s="523"/>
      <c r="BF3" s="521" t="s">
        <v>107</v>
      </c>
      <c r="BG3" s="522"/>
      <c r="BH3" s="522"/>
      <c r="BI3" s="522"/>
      <c r="BJ3" s="522"/>
      <c r="BK3" s="522"/>
      <c r="BL3" s="522"/>
      <c r="BM3" s="522"/>
      <c r="BN3" s="522"/>
      <c r="BO3" s="522"/>
      <c r="BP3" s="523"/>
      <c r="BQ3" s="521" t="s">
        <v>106</v>
      </c>
      <c r="BR3" s="522"/>
      <c r="BS3" s="522"/>
      <c r="BT3" s="522"/>
      <c r="BU3" s="522"/>
      <c r="BV3" s="522"/>
      <c r="BW3" s="522"/>
      <c r="BX3" s="522"/>
      <c r="BY3" s="522"/>
      <c r="BZ3" s="522"/>
      <c r="CA3" s="523"/>
      <c r="CB3" s="521" t="s">
        <v>127</v>
      </c>
      <c r="CC3" s="522"/>
      <c r="CD3" s="522"/>
      <c r="CE3" s="522"/>
      <c r="CF3" s="522"/>
      <c r="CG3" s="522"/>
      <c r="CH3" s="522"/>
      <c r="CI3" s="522"/>
      <c r="CJ3" s="522"/>
      <c r="CK3" s="522"/>
      <c r="CL3" s="523"/>
      <c r="CM3" s="521" t="s">
        <v>105</v>
      </c>
      <c r="CN3" s="522"/>
      <c r="CO3" s="522"/>
      <c r="CP3" s="522"/>
      <c r="CQ3" s="522"/>
      <c r="CR3" s="522"/>
      <c r="CS3" s="522"/>
      <c r="CT3" s="522"/>
      <c r="CU3" s="522"/>
      <c r="CV3" s="522"/>
      <c r="CW3" s="523"/>
      <c r="CX3" s="521" t="s">
        <v>159</v>
      </c>
      <c r="CY3" s="522"/>
      <c r="CZ3" s="522"/>
      <c r="DA3" s="522"/>
      <c r="DB3" s="522"/>
      <c r="DC3" s="522"/>
      <c r="DD3" s="522"/>
      <c r="DE3" s="522"/>
      <c r="DF3" s="522"/>
      <c r="DG3" s="522"/>
      <c r="DH3" s="523"/>
    </row>
    <row r="4" spans="2:112" ht="21" customHeight="1" x14ac:dyDescent="0.2">
      <c r="B4" s="525"/>
      <c r="C4" s="529" t="s">
        <v>61</v>
      </c>
      <c r="D4" s="508"/>
      <c r="E4" s="509"/>
      <c r="F4" s="510" t="s">
        <v>62</v>
      </c>
      <c r="G4" s="508"/>
      <c r="H4" s="508"/>
      <c r="I4" s="508"/>
      <c r="J4" s="508"/>
      <c r="K4" s="508"/>
      <c r="L4" s="511"/>
      <c r="M4" s="505" t="s">
        <v>52</v>
      </c>
      <c r="N4" s="529" t="s">
        <v>61</v>
      </c>
      <c r="O4" s="508"/>
      <c r="P4" s="509"/>
      <c r="Q4" s="510" t="s">
        <v>62</v>
      </c>
      <c r="R4" s="508"/>
      <c r="S4" s="508"/>
      <c r="T4" s="508"/>
      <c r="U4" s="508"/>
      <c r="V4" s="508"/>
      <c r="W4" s="509"/>
      <c r="X4" s="505" t="s">
        <v>52</v>
      </c>
      <c r="Y4" s="507" t="s">
        <v>61</v>
      </c>
      <c r="Z4" s="508"/>
      <c r="AA4" s="511"/>
      <c r="AB4" s="510" t="s">
        <v>62</v>
      </c>
      <c r="AC4" s="508"/>
      <c r="AD4" s="508"/>
      <c r="AE4" s="508"/>
      <c r="AF4" s="508"/>
      <c r="AG4" s="508"/>
      <c r="AH4" s="509"/>
      <c r="AI4" s="505" t="s">
        <v>52</v>
      </c>
      <c r="AJ4" s="507" t="s">
        <v>61</v>
      </c>
      <c r="AK4" s="508"/>
      <c r="AL4" s="509"/>
      <c r="AM4" s="510" t="s">
        <v>62</v>
      </c>
      <c r="AN4" s="508"/>
      <c r="AO4" s="508"/>
      <c r="AP4" s="508"/>
      <c r="AQ4" s="508"/>
      <c r="AR4" s="508"/>
      <c r="AS4" s="509"/>
      <c r="AT4" s="505" t="s">
        <v>52</v>
      </c>
      <c r="AU4" s="507" t="s">
        <v>61</v>
      </c>
      <c r="AV4" s="508"/>
      <c r="AW4" s="511"/>
      <c r="AX4" s="510" t="s">
        <v>62</v>
      </c>
      <c r="AY4" s="508"/>
      <c r="AZ4" s="508"/>
      <c r="BA4" s="508"/>
      <c r="BB4" s="508"/>
      <c r="BC4" s="508"/>
      <c r="BD4" s="511"/>
      <c r="BE4" s="505" t="s">
        <v>52</v>
      </c>
      <c r="BF4" s="507" t="s">
        <v>61</v>
      </c>
      <c r="BG4" s="508"/>
      <c r="BH4" s="509"/>
      <c r="BI4" s="510" t="s">
        <v>62</v>
      </c>
      <c r="BJ4" s="508"/>
      <c r="BK4" s="508"/>
      <c r="BL4" s="508"/>
      <c r="BM4" s="508"/>
      <c r="BN4" s="508"/>
      <c r="BO4" s="509"/>
      <c r="BP4" s="505" t="s">
        <v>52</v>
      </c>
      <c r="BQ4" s="507" t="s">
        <v>61</v>
      </c>
      <c r="BR4" s="508"/>
      <c r="BS4" s="509"/>
      <c r="BT4" s="510" t="s">
        <v>62</v>
      </c>
      <c r="BU4" s="508"/>
      <c r="BV4" s="508"/>
      <c r="BW4" s="508"/>
      <c r="BX4" s="508"/>
      <c r="BY4" s="508"/>
      <c r="BZ4" s="509"/>
      <c r="CA4" s="505" t="s">
        <v>52</v>
      </c>
      <c r="CB4" s="507" t="s">
        <v>61</v>
      </c>
      <c r="CC4" s="508"/>
      <c r="CD4" s="509"/>
      <c r="CE4" s="510" t="s">
        <v>62</v>
      </c>
      <c r="CF4" s="508"/>
      <c r="CG4" s="508"/>
      <c r="CH4" s="508"/>
      <c r="CI4" s="508"/>
      <c r="CJ4" s="508"/>
      <c r="CK4" s="509"/>
      <c r="CL4" s="505" t="s">
        <v>52</v>
      </c>
      <c r="CM4" s="507" t="s">
        <v>61</v>
      </c>
      <c r="CN4" s="508"/>
      <c r="CO4" s="509"/>
      <c r="CP4" s="510" t="s">
        <v>62</v>
      </c>
      <c r="CQ4" s="508"/>
      <c r="CR4" s="508"/>
      <c r="CS4" s="508"/>
      <c r="CT4" s="508"/>
      <c r="CU4" s="508"/>
      <c r="CV4" s="509"/>
      <c r="CW4" s="505" t="s">
        <v>52</v>
      </c>
      <c r="CX4" s="507" t="s">
        <v>61</v>
      </c>
      <c r="CY4" s="508"/>
      <c r="CZ4" s="509"/>
      <c r="DA4" s="510" t="s">
        <v>62</v>
      </c>
      <c r="DB4" s="508"/>
      <c r="DC4" s="508"/>
      <c r="DD4" s="508"/>
      <c r="DE4" s="508"/>
      <c r="DF4" s="508"/>
      <c r="DG4" s="509"/>
      <c r="DH4" s="505" t="s">
        <v>52</v>
      </c>
    </row>
    <row r="5" spans="2:112" ht="30" customHeight="1" thickBot="1" x14ac:dyDescent="0.25">
      <c r="B5" s="526"/>
      <c r="C5" s="245" t="s">
        <v>43</v>
      </c>
      <c r="D5" s="243" t="s">
        <v>44</v>
      </c>
      <c r="E5" s="356" t="s">
        <v>45</v>
      </c>
      <c r="F5" s="248" t="s">
        <v>83</v>
      </c>
      <c r="G5" s="243" t="s">
        <v>47</v>
      </c>
      <c r="H5" s="243" t="s">
        <v>48</v>
      </c>
      <c r="I5" s="243" t="s">
        <v>49</v>
      </c>
      <c r="J5" s="243" t="s">
        <v>50</v>
      </c>
      <c r="K5" s="243" t="s">
        <v>51</v>
      </c>
      <c r="L5" s="249" t="s">
        <v>45</v>
      </c>
      <c r="M5" s="506"/>
      <c r="N5" s="245" t="s">
        <v>43</v>
      </c>
      <c r="O5" s="243" t="s">
        <v>44</v>
      </c>
      <c r="P5" s="246" t="s">
        <v>45</v>
      </c>
      <c r="Q5" s="248" t="s">
        <v>83</v>
      </c>
      <c r="R5" s="243" t="s">
        <v>47</v>
      </c>
      <c r="S5" s="243" t="s">
        <v>48</v>
      </c>
      <c r="T5" s="243" t="s">
        <v>49</v>
      </c>
      <c r="U5" s="243" t="s">
        <v>50</v>
      </c>
      <c r="V5" s="243" t="s">
        <v>51</v>
      </c>
      <c r="W5" s="246" t="s">
        <v>45</v>
      </c>
      <c r="X5" s="506"/>
      <c r="Y5" s="290" t="s">
        <v>43</v>
      </c>
      <c r="Z5" s="243" t="s">
        <v>44</v>
      </c>
      <c r="AA5" s="249" t="s">
        <v>45</v>
      </c>
      <c r="AB5" s="248" t="s">
        <v>83</v>
      </c>
      <c r="AC5" s="243" t="s">
        <v>47</v>
      </c>
      <c r="AD5" s="243" t="s">
        <v>48</v>
      </c>
      <c r="AE5" s="243" t="s">
        <v>49</v>
      </c>
      <c r="AF5" s="243" t="s">
        <v>50</v>
      </c>
      <c r="AG5" s="243" t="s">
        <v>51</v>
      </c>
      <c r="AH5" s="246" t="s">
        <v>45</v>
      </c>
      <c r="AI5" s="506"/>
      <c r="AJ5" s="244" t="s">
        <v>43</v>
      </c>
      <c r="AK5" s="243" t="s">
        <v>44</v>
      </c>
      <c r="AL5" s="246" t="s">
        <v>45</v>
      </c>
      <c r="AM5" s="248" t="s">
        <v>83</v>
      </c>
      <c r="AN5" s="243" t="s">
        <v>47</v>
      </c>
      <c r="AO5" s="243" t="s">
        <v>48</v>
      </c>
      <c r="AP5" s="243" t="s">
        <v>49</v>
      </c>
      <c r="AQ5" s="243" t="s">
        <v>50</v>
      </c>
      <c r="AR5" s="243" t="s">
        <v>51</v>
      </c>
      <c r="AS5" s="246" t="s">
        <v>45</v>
      </c>
      <c r="AT5" s="506"/>
      <c r="AU5" s="290" t="s">
        <v>43</v>
      </c>
      <c r="AV5" s="243" t="s">
        <v>44</v>
      </c>
      <c r="AW5" s="249" t="s">
        <v>45</v>
      </c>
      <c r="AX5" s="248" t="s">
        <v>83</v>
      </c>
      <c r="AY5" s="243" t="s">
        <v>47</v>
      </c>
      <c r="AZ5" s="243" t="s">
        <v>48</v>
      </c>
      <c r="BA5" s="243" t="s">
        <v>49</v>
      </c>
      <c r="BB5" s="243" t="s">
        <v>50</v>
      </c>
      <c r="BC5" s="243" t="s">
        <v>51</v>
      </c>
      <c r="BD5" s="249" t="s">
        <v>45</v>
      </c>
      <c r="BE5" s="506"/>
      <c r="BF5" s="290" t="s">
        <v>43</v>
      </c>
      <c r="BG5" s="243" t="s">
        <v>44</v>
      </c>
      <c r="BH5" s="246" t="s">
        <v>45</v>
      </c>
      <c r="BI5" s="248" t="s">
        <v>83</v>
      </c>
      <c r="BJ5" s="243" t="s">
        <v>47</v>
      </c>
      <c r="BK5" s="243" t="s">
        <v>48</v>
      </c>
      <c r="BL5" s="243" t="s">
        <v>49</v>
      </c>
      <c r="BM5" s="243" t="s">
        <v>50</v>
      </c>
      <c r="BN5" s="243" t="s">
        <v>51</v>
      </c>
      <c r="BO5" s="246" t="s">
        <v>45</v>
      </c>
      <c r="BP5" s="506"/>
      <c r="BQ5" s="290" t="s">
        <v>43</v>
      </c>
      <c r="BR5" s="243" t="s">
        <v>44</v>
      </c>
      <c r="BS5" s="246" t="s">
        <v>45</v>
      </c>
      <c r="BT5" s="248" t="s">
        <v>83</v>
      </c>
      <c r="BU5" s="243" t="s">
        <v>47</v>
      </c>
      <c r="BV5" s="243" t="s">
        <v>48</v>
      </c>
      <c r="BW5" s="243" t="s">
        <v>49</v>
      </c>
      <c r="BX5" s="243" t="s">
        <v>50</v>
      </c>
      <c r="BY5" s="243" t="s">
        <v>51</v>
      </c>
      <c r="BZ5" s="246" t="s">
        <v>45</v>
      </c>
      <c r="CA5" s="506"/>
      <c r="CB5" s="290" t="s">
        <v>43</v>
      </c>
      <c r="CC5" s="243" t="s">
        <v>44</v>
      </c>
      <c r="CD5" s="246" t="s">
        <v>45</v>
      </c>
      <c r="CE5" s="248" t="s">
        <v>83</v>
      </c>
      <c r="CF5" s="243" t="s">
        <v>47</v>
      </c>
      <c r="CG5" s="243" t="s">
        <v>48</v>
      </c>
      <c r="CH5" s="243" t="s">
        <v>49</v>
      </c>
      <c r="CI5" s="243" t="s">
        <v>50</v>
      </c>
      <c r="CJ5" s="243" t="s">
        <v>51</v>
      </c>
      <c r="CK5" s="246" t="s">
        <v>45</v>
      </c>
      <c r="CL5" s="506"/>
      <c r="CM5" s="290" t="s">
        <v>43</v>
      </c>
      <c r="CN5" s="243" t="s">
        <v>44</v>
      </c>
      <c r="CO5" s="246" t="s">
        <v>45</v>
      </c>
      <c r="CP5" s="248" t="s">
        <v>83</v>
      </c>
      <c r="CQ5" s="243" t="s">
        <v>47</v>
      </c>
      <c r="CR5" s="243" t="s">
        <v>48</v>
      </c>
      <c r="CS5" s="243" t="s">
        <v>49</v>
      </c>
      <c r="CT5" s="243" t="s">
        <v>50</v>
      </c>
      <c r="CU5" s="243" t="s">
        <v>51</v>
      </c>
      <c r="CV5" s="246" t="s">
        <v>45</v>
      </c>
      <c r="CW5" s="506"/>
      <c r="CX5" s="339" t="s">
        <v>43</v>
      </c>
      <c r="CY5" s="243" t="s">
        <v>44</v>
      </c>
      <c r="CZ5" s="246" t="s">
        <v>45</v>
      </c>
      <c r="DA5" s="248" t="s">
        <v>83</v>
      </c>
      <c r="DB5" s="243" t="s">
        <v>47</v>
      </c>
      <c r="DC5" s="243" t="s">
        <v>48</v>
      </c>
      <c r="DD5" s="243" t="s">
        <v>49</v>
      </c>
      <c r="DE5" s="243" t="s">
        <v>50</v>
      </c>
      <c r="DF5" s="243" t="s">
        <v>51</v>
      </c>
      <c r="DG5" s="246" t="s">
        <v>45</v>
      </c>
      <c r="DH5" s="506"/>
    </row>
    <row r="6" spans="2:112" ht="21" customHeight="1" x14ac:dyDescent="0.2">
      <c r="B6" s="470" t="s">
        <v>4</v>
      </c>
      <c r="C6" s="250">
        <v>0</v>
      </c>
      <c r="D6" s="254">
        <v>0</v>
      </c>
      <c r="E6" s="357">
        <v>0</v>
      </c>
      <c r="F6" s="253">
        <v>0</v>
      </c>
      <c r="G6" s="254">
        <v>213170</v>
      </c>
      <c r="H6" s="254">
        <v>347780</v>
      </c>
      <c r="I6" s="254">
        <v>371631</v>
      </c>
      <c r="J6" s="254">
        <v>450921</v>
      </c>
      <c r="K6" s="254">
        <v>427215</v>
      </c>
      <c r="L6" s="255">
        <v>1810717</v>
      </c>
      <c r="M6" s="256">
        <v>1810717</v>
      </c>
      <c r="N6" s="250">
        <v>2</v>
      </c>
      <c r="O6" s="254">
        <v>47</v>
      </c>
      <c r="P6" s="251">
        <v>49</v>
      </c>
      <c r="Q6" s="253">
        <v>0</v>
      </c>
      <c r="R6" s="254">
        <v>444</v>
      </c>
      <c r="S6" s="254">
        <v>1955</v>
      </c>
      <c r="T6" s="254">
        <v>3678</v>
      </c>
      <c r="U6" s="254">
        <v>9608</v>
      </c>
      <c r="V6" s="254">
        <v>18698</v>
      </c>
      <c r="W6" s="251">
        <v>34383</v>
      </c>
      <c r="X6" s="256">
        <v>34432</v>
      </c>
      <c r="Y6" s="250">
        <v>12885</v>
      </c>
      <c r="Z6" s="254">
        <v>41869</v>
      </c>
      <c r="AA6" s="251">
        <v>54754</v>
      </c>
      <c r="AB6" s="253">
        <v>0</v>
      </c>
      <c r="AC6" s="254">
        <v>105049</v>
      </c>
      <c r="AD6" s="254">
        <v>171112</v>
      </c>
      <c r="AE6" s="254">
        <v>108278</v>
      </c>
      <c r="AF6" s="254">
        <v>94172</v>
      </c>
      <c r="AG6" s="254">
        <v>77992</v>
      </c>
      <c r="AH6" s="251">
        <v>556603</v>
      </c>
      <c r="AI6" s="256">
        <v>611357</v>
      </c>
      <c r="AJ6" s="250">
        <v>2250</v>
      </c>
      <c r="AK6" s="254">
        <v>9089</v>
      </c>
      <c r="AL6" s="251">
        <v>11339</v>
      </c>
      <c r="AM6" s="253">
        <v>0</v>
      </c>
      <c r="AN6" s="254">
        <v>12750</v>
      </c>
      <c r="AO6" s="254">
        <v>21352</v>
      </c>
      <c r="AP6" s="254">
        <v>13795</v>
      </c>
      <c r="AQ6" s="254">
        <v>12568</v>
      </c>
      <c r="AR6" s="254">
        <v>7300</v>
      </c>
      <c r="AS6" s="251">
        <v>67765</v>
      </c>
      <c r="AT6" s="256">
        <v>79104</v>
      </c>
      <c r="AU6" s="250">
        <v>0</v>
      </c>
      <c r="AV6" s="254">
        <v>0</v>
      </c>
      <c r="AW6" s="251">
        <v>0</v>
      </c>
      <c r="AX6" s="253">
        <v>0</v>
      </c>
      <c r="AY6" s="254">
        <v>188956</v>
      </c>
      <c r="AZ6" s="254">
        <v>198482</v>
      </c>
      <c r="BA6" s="254">
        <v>120220</v>
      </c>
      <c r="BB6" s="254">
        <v>70608</v>
      </c>
      <c r="BC6" s="254">
        <v>33550</v>
      </c>
      <c r="BD6" s="255">
        <v>611816</v>
      </c>
      <c r="BE6" s="256">
        <v>611816</v>
      </c>
      <c r="BF6" s="250">
        <v>0</v>
      </c>
      <c r="BG6" s="254">
        <v>0</v>
      </c>
      <c r="BH6" s="251">
        <v>0</v>
      </c>
      <c r="BI6" s="253">
        <v>0</v>
      </c>
      <c r="BJ6" s="254">
        <v>30203</v>
      </c>
      <c r="BK6" s="254">
        <v>47950</v>
      </c>
      <c r="BL6" s="254">
        <v>29164</v>
      </c>
      <c r="BM6" s="254">
        <v>18122</v>
      </c>
      <c r="BN6" s="254">
        <v>6597</v>
      </c>
      <c r="BO6" s="251">
        <v>132036</v>
      </c>
      <c r="BP6" s="256">
        <v>132036</v>
      </c>
      <c r="BQ6" s="250">
        <v>349</v>
      </c>
      <c r="BR6" s="254">
        <v>1252</v>
      </c>
      <c r="BS6" s="251">
        <v>1601</v>
      </c>
      <c r="BT6" s="253">
        <v>0</v>
      </c>
      <c r="BU6" s="254">
        <v>16525</v>
      </c>
      <c r="BV6" s="254">
        <v>31647</v>
      </c>
      <c r="BW6" s="254">
        <v>53963</v>
      </c>
      <c r="BX6" s="254">
        <v>43141</v>
      </c>
      <c r="BY6" s="254">
        <v>20793</v>
      </c>
      <c r="BZ6" s="251">
        <v>166069</v>
      </c>
      <c r="CA6" s="256">
        <v>167670</v>
      </c>
      <c r="CB6" s="250">
        <v>25</v>
      </c>
      <c r="CC6" s="254">
        <v>158</v>
      </c>
      <c r="CD6" s="251">
        <v>183</v>
      </c>
      <c r="CE6" s="253">
        <v>0</v>
      </c>
      <c r="CF6" s="254">
        <v>1396</v>
      </c>
      <c r="CG6" s="254">
        <v>3650</v>
      </c>
      <c r="CH6" s="254">
        <v>4540</v>
      </c>
      <c r="CI6" s="254">
        <v>4688</v>
      </c>
      <c r="CJ6" s="254">
        <v>2941</v>
      </c>
      <c r="CK6" s="251">
        <v>17215</v>
      </c>
      <c r="CL6" s="256">
        <v>17398</v>
      </c>
      <c r="CM6" s="250">
        <v>0</v>
      </c>
      <c r="CN6" s="254">
        <v>0</v>
      </c>
      <c r="CO6" s="251">
        <v>0</v>
      </c>
      <c r="CP6" s="253">
        <v>0</v>
      </c>
      <c r="CQ6" s="254">
        <v>0</v>
      </c>
      <c r="CR6" s="254">
        <v>0</v>
      </c>
      <c r="CS6" s="254">
        <v>0</v>
      </c>
      <c r="CT6" s="254">
        <v>0</v>
      </c>
      <c r="CU6" s="254">
        <v>0</v>
      </c>
      <c r="CV6" s="251">
        <v>0</v>
      </c>
      <c r="CW6" s="256">
        <v>0</v>
      </c>
      <c r="CX6" s="250">
        <v>0</v>
      </c>
      <c r="CY6" s="254">
        <v>0</v>
      </c>
      <c r="CZ6" s="251">
        <v>0</v>
      </c>
      <c r="DA6" s="253">
        <v>0</v>
      </c>
      <c r="DB6" s="254">
        <v>0</v>
      </c>
      <c r="DC6" s="254">
        <v>0</v>
      </c>
      <c r="DD6" s="254">
        <v>0</v>
      </c>
      <c r="DE6" s="254">
        <v>0</v>
      </c>
      <c r="DF6" s="254">
        <v>0</v>
      </c>
      <c r="DG6" s="251">
        <v>0</v>
      </c>
      <c r="DH6" s="256">
        <v>0</v>
      </c>
    </row>
    <row r="7" spans="2:112" ht="21" customHeight="1" x14ac:dyDescent="0.2">
      <c r="B7" s="471" t="s">
        <v>5</v>
      </c>
      <c r="C7" s="257">
        <v>0</v>
      </c>
      <c r="D7" s="261">
        <v>0</v>
      </c>
      <c r="E7" s="358">
        <v>0</v>
      </c>
      <c r="F7" s="260">
        <v>0</v>
      </c>
      <c r="G7" s="261">
        <v>70852</v>
      </c>
      <c r="H7" s="261">
        <v>148261</v>
      </c>
      <c r="I7" s="261">
        <v>133707</v>
      </c>
      <c r="J7" s="261">
        <v>160266</v>
      </c>
      <c r="K7" s="261">
        <v>157222</v>
      </c>
      <c r="L7" s="262">
        <v>670308</v>
      </c>
      <c r="M7" s="263">
        <v>670308</v>
      </c>
      <c r="N7" s="257">
        <v>0</v>
      </c>
      <c r="O7" s="261">
        <v>17</v>
      </c>
      <c r="P7" s="258">
        <v>17</v>
      </c>
      <c r="Q7" s="260">
        <v>0</v>
      </c>
      <c r="R7" s="261">
        <v>90</v>
      </c>
      <c r="S7" s="261">
        <v>648</v>
      </c>
      <c r="T7" s="261">
        <v>1370</v>
      </c>
      <c r="U7" s="261">
        <v>3862</v>
      </c>
      <c r="V7" s="261">
        <v>8460</v>
      </c>
      <c r="W7" s="258">
        <v>14430</v>
      </c>
      <c r="X7" s="263">
        <v>14447</v>
      </c>
      <c r="Y7" s="257">
        <v>5578</v>
      </c>
      <c r="Z7" s="261">
        <v>22142</v>
      </c>
      <c r="AA7" s="258">
        <v>27720</v>
      </c>
      <c r="AB7" s="260">
        <v>0</v>
      </c>
      <c r="AC7" s="261">
        <v>37895</v>
      </c>
      <c r="AD7" s="261">
        <v>89719</v>
      </c>
      <c r="AE7" s="261">
        <v>55048</v>
      </c>
      <c r="AF7" s="261">
        <v>44052</v>
      </c>
      <c r="AG7" s="261">
        <v>35775</v>
      </c>
      <c r="AH7" s="258">
        <v>262489</v>
      </c>
      <c r="AI7" s="263">
        <v>290209</v>
      </c>
      <c r="AJ7" s="257">
        <v>854</v>
      </c>
      <c r="AK7" s="261">
        <v>4921</v>
      </c>
      <c r="AL7" s="258">
        <v>5775</v>
      </c>
      <c r="AM7" s="260">
        <v>0</v>
      </c>
      <c r="AN7" s="261">
        <v>3033</v>
      </c>
      <c r="AO7" s="261">
        <v>8480</v>
      </c>
      <c r="AP7" s="261">
        <v>5866</v>
      </c>
      <c r="AQ7" s="261">
        <v>5236</v>
      </c>
      <c r="AR7" s="261">
        <v>2943</v>
      </c>
      <c r="AS7" s="258">
        <v>25558</v>
      </c>
      <c r="AT7" s="263">
        <v>31333</v>
      </c>
      <c r="AU7" s="257">
        <v>0</v>
      </c>
      <c r="AV7" s="261">
        <v>0</v>
      </c>
      <c r="AW7" s="258">
        <v>0</v>
      </c>
      <c r="AX7" s="260">
        <v>0</v>
      </c>
      <c r="AY7" s="261">
        <v>58517</v>
      </c>
      <c r="AZ7" s="261">
        <v>79015</v>
      </c>
      <c r="BA7" s="261">
        <v>42346</v>
      </c>
      <c r="BB7" s="261">
        <v>23356</v>
      </c>
      <c r="BC7" s="261">
        <v>11606</v>
      </c>
      <c r="BD7" s="262">
        <v>214840</v>
      </c>
      <c r="BE7" s="263">
        <v>214840</v>
      </c>
      <c r="BF7" s="257">
        <v>0</v>
      </c>
      <c r="BG7" s="261">
        <v>0</v>
      </c>
      <c r="BH7" s="258">
        <v>0</v>
      </c>
      <c r="BI7" s="260">
        <v>0</v>
      </c>
      <c r="BJ7" s="261">
        <v>8800</v>
      </c>
      <c r="BK7" s="261">
        <v>21301</v>
      </c>
      <c r="BL7" s="261">
        <v>12699</v>
      </c>
      <c r="BM7" s="261">
        <v>7914</v>
      </c>
      <c r="BN7" s="261">
        <v>2687</v>
      </c>
      <c r="BO7" s="258">
        <v>53401</v>
      </c>
      <c r="BP7" s="263">
        <v>53401</v>
      </c>
      <c r="BQ7" s="257">
        <v>125</v>
      </c>
      <c r="BR7" s="261">
        <v>448</v>
      </c>
      <c r="BS7" s="258">
        <v>573</v>
      </c>
      <c r="BT7" s="260">
        <v>0</v>
      </c>
      <c r="BU7" s="261">
        <v>4807</v>
      </c>
      <c r="BV7" s="261">
        <v>11816</v>
      </c>
      <c r="BW7" s="261">
        <v>20561</v>
      </c>
      <c r="BX7" s="261">
        <v>15006</v>
      </c>
      <c r="BY7" s="261">
        <v>7496</v>
      </c>
      <c r="BZ7" s="258">
        <v>59686</v>
      </c>
      <c r="CA7" s="263">
        <v>60259</v>
      </c>
      <c r="CB7" s="257">
        <v>10</v>
      </c>
      <c r="CC7" s="261">
        <v>131</v>
      </c>
      <c r="CD7" s="258">
        <v>141</v>
      </c>
      <c r="CE7" s="260">
        <v>0</v>
      </c>
      <c r="CF7" s="261">
        <v>752</v>
      </c>
      <c r="CG7" s="261">
        <v>2094</v>
      </c>
      <c r="CH7" s="261">
        <v>2576</v>
      </c>
      <c r="CI7" s="261">
        <v>2677</v>
      </c>
      <c r="CJ7" s="261">
        <v>1790</v>
      </c>
      <c r="CK7" s="258">
        <v>9889</v>
      </c>
      <c r="CL7" s="263">
        <v>10030</v>
      </c>
      <c r="CM7" s="257">
        <v>0</v>
      </c>
      <c r="CN7" s="261">
        <v>0</v>
      </c>
      <c r="CO7" s="258">
        <v>0</v>
      </c>
      <c r="CP7" s="260">
        <v>0</v>
      </c>
      <c r="CQ7" s="261">
        <v>0</v>
      </c>
      <c r="CR7" s="261">
        <v>0</v>
      </c>
      <c r="CS7" s="261">
        <v>0</v>
      </c>
      <c r="CT7" s="261">
        <v>0</v>
      </c>
      <c r="CU7" s="261">
        <v>0</v>
      </c>
      <c r="CV7" s="258">
        <v>0</v>
      </c>
      <c r="CW7" s="263">
        <v>0</v>
      </c>
      <c r="CX7" s="257">
        <v>0</v>
      </c>
      <c r="CY7" s="261">
        <v>0</v>
      </c>
      <c r="CZ7" s="258">
        <v>0</v>
      </c>
      <c r="DA7" s="260">
        <v>0</v>
      </c>
      <c r="DB7" s="261">
        <v>0</v>
      </c>
      <c r="DC7" s="261">
        <v>0</v>
      </c>
      <c r="DD7" s="261">
        <v>0</v>
      </c>
      <c r="DE7" s="261">
        <v>0</v>
      </c>
      <c r="DF7" s="261">
        <v>0</v>
      </c>
      <c r="DG7" s="258">
        <v>0</v>
      </c>
      <c r="DH7" s="263">
        <v>0</v>
      </c>
    </row>
    <row r="8" spans="2:112" ht="21" customHeight="1" x14ac:dyDescent="0.2">
      <c r="B8" s="472" t="s">
        <v>6</v>
      </c>
      <c r="C8" s="257">
        <v>0</v>
      </c>
      <c r="D8" s="261">
        <v>0</v>
      </c>
      <c r="E8" s="358">
        <v>0</v>
      </c>
      <c r="F8" s="260">
        <v>0</v>
      </c>
      <c r="G8" s="261">
        <v>37309</v>
      </c>
      <c r="H8" s="261">
        <v>49063</v>
      </c>
      <c r="I8" s="261">
        <v>53203</v>
      </c>
      <c r="J8" s="261">
        <v>71456</v>
      </c>
      <c r="K8" s="261">
        <v>72992</v>
      </c>
      <c r="L8" s="262">
        <v>284023</v>
      </c>
      <c r="M8" s="263">
        <v>284023</v>
      </c>
      <c r="N8" s="257">
        <v>2</v>
      </c>
      <c r="O8" s="261">
        <v>5</v>
      </c>
      <c r="P8" s="258">
        <v>7</v>
      </c>
      <c r="Q8" s="260">
        <v>0</v>
      </c>
      <c r="R8" s="261">
        <v>86</v>
      </c>
      <c r="S8" s="261">
        <v>281</v>
      </c>
      <c r="T8" s="261">
        <v>463</v>
      </c>
      <c r="U8" s="261">
        <v>1203</v>
      </c>
      <c r="V8" s="261">
        <v>2669</v>
      </c>
      <c r="W8" s="258">
        <v>4702</v>
      </c>
      <c r="X8" s="263">
        <v>4709</v>
      </c>
      <c r="Y8" s="257">
        <v>2167</v>
      </c>
      <c r="Z8" s="261">
        <v>6344</v>
      </c>
      <c r="AA8" s="258">
        <v>8511</v>
      </c>
      <c r="AB8" s="260">
        <v>0</v>
      </c>
      <c r="AC8" s="261">
        <v>22680</v>
      </c>
      <c r="AD8" s="261">
        <v>25643</v>
      </c>
      <c r="AE8" s="261">
        <v>16774</v>
      </c>
      <c r="AF8" s="261">
        <v>15043</v>
      </c>
      <c r="AG8" s="261">
        <v>13395</v>
      </c>
      <c r="AH8" s="258">
        <v>93535</v>
      </c>
      <c r="AI8" s="263">
        <v>102046</v>
      </c>
      <c r="AJ8" s="257">
        <v>180</v>
      </c>
      <c r="AK8" s="261">
        <v>673</v>
      </c>
      <c r="AL8" s="258">
        <v>853</v>
      </c>
      <c r="AM8" s="260">
        <v>0</v>
      </c>
      <c r="AN8" s="261">
        <v>2070</v>
      </c>
      <c r="AO8" s="261">
        <v>2553</v>
      </c>
      <c r="AP8" s="261">
        <v>1430</v>
      </c>
      <c r="AQ8" s="261">
        <v>1782</v>
      </c>
      <c r="AR8" s="261">
        <v>998</v>
      </c>
      <c r="AS8" s="258">
        <v>8833</v>
      </c>
      <c r="AT8" s="263">
        <v>9686</v>
      </c>
      <c r="AU8" s="257">
        <v>0</v>
      </c>
      <c r="AV8" s="261">
        <v>0</v>
      </c>
      <c r="AW8" s="258">
        <v>0</v>
      </c>
      <c r="AX8" s="260">
        <v>0</v>
      </c>
      <c r="AY8" s="261">
        <v>30975</v>
      </c>
      <c r="AZ8" s="261">
        <v>26749</v>
      </c>
      <c r="BA8" s="261">
        <v>16605</v>
      </c>
      <c r="BB8" s="261">
        <v>10828</v>
      </c>
      <c r="BC8" s="261">
        <v>5213</v>
      </c>
      <c r="BD8" s="262">
        <v>90370</v>
      </c>
      <c r="BE8" s="263">
        <v>90370</v>
      </c>
      <c r="BF8" s="257">
        <v>0</v>
      </c>
      <c r="BG8" s="261">
        <v>0</v>
      </c>
      <c r="BH8" s="258">
        <v>0</v>
      </c>
      <c r="BI8" s="260">
        <v>0</v>
      </c>
      <c r="BJ8" s="261">
        <v>4208</v>
      </c>
      <c r="BK8" s="261">
        <v>5376</v>
      </c>
      <c r="BL8" s="261">
        <v>3732</v>
      </c>
      <c r="BM8" s="261">
        <v>2561</v>
      </c>
      <c r="BN8" s="261">
        <v>1036</v>
      </c>
      <c r="BO8" s="258">
        <v>16913</v>
      </c>
      <c r="BP8" s="263">
        <v>16913</v>
      </c>
      <c r="BQ8" s="257">
        <v>4</v>
      </c>
      <c r="BR8" s="261">
        <v>133</v>
      </c>
      <c r="BS8" s="258">
        <v>137</v>
      </c>
      <c r="BT8" s="260">
        <v>0</v>
      </c>
      <c r="BU8" s="261">
        <v>1953</v>
      </c>
      <c r="BV8" s="261">
        <v>3629</v>
      </c>
      <c r="BW8" s="261">
        <v>5859</v>
      </c>
      <c r="BX8" s="261">
        <v>4892</v>
      </c>
      <c r="BY8" s="261">
        <v>2733</v>
      </c>
      <c r="BZ8" s="258">
        <v>19066</v>
      </c>
      <c r="CA8" s="263">
        <v>19203</v>
      </c>
      <c r="CB8" s="257">
        <v>0</v>
      </c>
      <c r="CC8" s="261">
        <v>9</v>
      </c>
      <c r="CD8" s="258">
        <v>9</v>
      </c>
      <c r="CE8" s="260">
        <v>0</v>
      </c>
      <c r="CF8" s="261">
        <v>130</v>
      </c>
      <c r="CG8" s="261">
        <v>320</v>
      </c>
      <c r="CH8" s="261">
        <v>575</v>
      </c>
      <c r="CI8" s="261">
        <v>684</v>
      </c>
      <c r="CJ8" s="261">
        <v>400</v>
      </c>
      <c r="CK8" s="258">
        <v>2109</v>
      </c>
      <c r="CL8" s="263">
        <v>2118</v>
      </c>
      <c r="CM8" s="257">
        <v>0</v>
      </c>
      <c r="CN8" s="261">
        <v>0</v>
      </c>
      <c r="CO8" s="258">
        <v>0</v>
      </c>
      <c r="CP8" s="260">
        <v>0</v>
      </c>
      <c r="CQ8" s="261">
        <v>0</v>
      </c>
      <c r="CR8" s="261">
        <v>0</v>
      </c>
      <c r="CS8" s="261">
        <v>0</v>
      </c>
      <c r="CT8" s="261">
        <v>0</v>
      </c>
      <c r="CU8" s="261">
        <v>0</v>
      </c>
      <c r="CV8" s="258">
        <v>0</v>
      </c>
      <c r="CW8" s="263">
        <v>0</v>
      </c>
      <c r="CX8" s="257">
        <v>0</v>
      </c>
      <c r="CY8" s="261">
        <v>0</v>
      </c>
      <c r="CZ8" s="258">
        <v>0</v>
      </c>
      <c r="DA8" s="260">
        <v>0</v>
      </c>
      <c r="DB8" s="261">
        <v>0</v>
      </c>
      <c r="DC8" s="261">
        <v>0</v>
      </c>
      <c r="DD8" s="261">
        <v>0</v>
      </c>
      <c r="DE8" s="261">
        <v>0</v>
      </c>
      <c r="DF8" s="261">
        <v>0</v>
      </c>
      <c r="DG8" s="258">
        <v>0</v>
      </c>
      <c r="DH8" s="263">
        <v>0</v>
      </c>
    </row>
    <row r="9" spans="2:112" ht="21" customHeight="1" x14ac:dyDescent="0.2">
      <c r="B9" s="472" t="s">
        <v>14</v>
      </c>
      <c r="C9" s="257">
        <v>0</v>
      </c>
      <c r="D9" s="261">
        <v>0</v>
      </c>
      <c r="E9" s="358">
        <v>0</v>
      </c>
      <c r="F9" s="260">
        <v>0</v>
      </c>
      <c r="G9" s="261">
        <v>14063</v>
      </c>
      <c r="H9" s="261">
        <v>26333</v>
      </c>
      <c r="I9" s="261">
        <v>32649</v>
      </c>
      <c r="J9" s="261">
        <v>32304</v>
      </c>
      <c r="K9" s="261">
        <v>27169</v>
      </c>
      <c r="L9" s="262">
        <v>132518</v>
      </c>
      <c r="M9" s="263">
        <v>132518</v>
      </c>
      <c r="N9" s="257">
        <v>0</v>
      </c>
      <c r="O9" s="261">
        <v>4</v>
      </c>
      <c r="P9" s="258">
        <v>4</v>
      </c>
      <c r="Q9" s="260">
        <v>0</v>
      </c>
      <c r="R9" s="261">
        <v>10</v>
      </c>
      <c r="S9" s="261">
        <v>90</v>
      </c>
      <c r="T9" s="261">
        <v>246</v>
      </c>
      <c r="U9" s="261">
        <v>680</v>
      </c>
      <c r="V9" s="261">
        <v>1135</v>
      </c>
      <c r="W9" s="258">
        <v>2161</v>
      </c>
      <c r="X9" s="263">
        <v>2165</v>
      </c>
      <c r="Y9" s="257">
        <v>646</v>
      </c>
      <c r="Z9" s="261">
        <v>2924</v>
      </c>
      <c r="AA9" s="258">
        <v>3570</v>
      </c>
      <c r="AB9" s="260">
        <v>0</v>
      </c>
      <c r="AC9" s="261">
        <v>5505</v>
      </c>
      <c r="AD9" s="261">
        <v>12310</v>
      </c>
      <c r="AE9" s="261">
        <v>8136</v>
      </c>
      <c r="AF9" s="261">
        <v>7480</v>
      </c>
      <c r="AG9" s="261">
        <v>5644</v>
      </c>
      <c r="AH9" s="258">
        <v>39075</v>
      </c>
      <c r="AI9" s="263">
        <v>42645</v>
      </c>
      <c r="AJ9" s="257">
        <v>64</v>
      </c>
      <c r="AK9" s="261">
        <v>522</v>
      </c>
      <c r="AL9" s="258">
        <v>586</v>
      </c>
      <c r="AM9" s="260">
        <v>0</v>
      </c>
      <c r="AN9" s="261">
        <v>297</v>
      </c>
      <c r="AO9" s="261">
        <v>1052</v>
      </c>
      <c r="AP9" s="261">
        <v>600</v>
      </c>
      <c r="AQ9" s="261">
        <v>581</v>
      </c>
      <c r="AR9" s="261">
        <v>242</v>
      </c>
      <c r="AS9" s="258">
        <v>2772</v>
      </c>
      <c r="AT9" s="263">
        <v>3358</v>
      </c>
      <c r="AU9" s="257">
        <v>0</v>
      </c>
      <c r="AV9" s="261">
        <v>0</v>
      </c>
      <c r="AW9" s="258">
        <v>0</v>
      </c>
      <c r="AX9" s="260">
        <v>0</v>
      </c>
      <c r="AY9" s="261">
        <v>14057</v>
      </c>
      <c r="AZ9" s="261">
        <v>17476</v>
      </c>
      <c r="BA9" s="261">
        <v>13312</v>
      </c>
      <c r="BB9" s="261">
        <v>6690</v>
      </c>
      <c r="BC9" s="261">
        <v>3418</v>
      </c>
      <c r="BD9" s="262">
        <v>54953</v>
      </c>
      <c r="BE9" s="263">
        <v>54953</v>
      </c>
      <c r="BF9" s="257">
        <v>0</v>
      </c>
      <c r="BG9" s="261">
        <v>0</v>
      </c>
      <c r="BH9" s="258">
        <v>0</v>
      </c>
      <c r="BI9" s="260">
        <v>0</v>
      </c>
      <c r="BJ9" s="261">
        <v>954</v>
      </c>
      <c r="BK9" s="261">
        <v>2956</v>
      </c>
      <c r="BL9" s="261">
        <v>1979</v>
      </c>
      <c r="BM9" s="261">
        <v>1122</v>
      </c>
      <c r="BN9" s="261">
        <v>343</v>
      </c>
      <c r="BO9" s="258">
        <v>7354</v>
      </c>
      <c r="BP9" s="263">
        <v>7354</v>
      </c>
      <c r="BQ9" s="257">
        <v>0</v>
      </c>
      <c r="BR9" s="261">
        <v>74</v>
      </c>
      <c r="BS9" s="258">
        <v>74</v>
      </c>
      <c r="BT9" s="260">
        <v>0</v>
      </c>
      <c r="BU9" s="261">
        <v>1036</v>
      </c>
      <c r="BV9" s="261">
        <v>2203</v>
      </c>
      <c r="BW9" s="261">
        <v>5008</v>
      </c>
      <c r="BX9" s="261">
        <v>4595</v>
      </c>
      <c r="BY9" s="261">
        <v>2168</v>
      </c>
      <c r="BZ9" s="258">
        <v>15010</v>
      </c>
      <c r="CA9" s="263">
        <v>15084</v>
      </c>
      <c r="CB9" s="257">
        <v>0</v>
      </c>
      <c r="CC9" s="261">
        <v>0</v>
      </c>
      <c r="CD9" s="258">
        <v>0</v>
      </c>
      <c r="CE9" s="260">
        <v>0</v>
      </c>
      <c r="CF9" s="261">
        <v>30</v>
      </c>
      <c r="CG9" s="261">
        <v>58</v>
      </c>
      <c r="CH9" s="261">
        <v>48</v>
      </c>
      <c r="CI9" s="261">
        <v>25</v>
      </c>
      <c r="CJ9" s="261">
        <v>70</v>
      </c>
      <c r="CK9" s="258">
        <v>231</v>
      </c>
      <c r="CL9" s="263">
        <v>231</v>
      </c>
      <c r="CM9" s="257">
        <v>0</v>
      </c>
      <c r="CN9" s="261">
        <v>0</v>
      </c>
      <c r="CO9" s="258">
        <v>0</v>
      </c>
      <c r="CP9" s="260">
        <v>0</v>
      </c>
      <c r="CQ9" s="261">
        <v>0</v>
      </c>
      <c r="CR9" s="261">
        <v>0</v>
      </c>
      <c r="CS9" s="261">
        <v>0</v>
      </c>
      <c r="CT9" s="261">
        <v>0</v>
      </c>
      <c r="CU9" s="261">
        <v>0</v>
      </c>
      <c r="CV9" s="258">
        <v>0</v>
      </c>
      <c r="CW9" s="263">
        <v>0</v>
      </c>
      <c r="CX9" s="257">
        <v>0</v>
      </c>
      <c r="CY9" s="261">
        <v>0</v>
      </c>
      <c r="CZ9" s="258">
        <v>0</v>
      </c>
      <c r="DA9" s="260">
        <v>0</v>
      </c>
      <c r="DB9" s="261">
        <v>0</v>
      </c>
      <c r="DC9" s="261">
        <v>0</v>
      </c>
      <c r="DD9" s="261">
        <v>0</v>
      </c>
      <c r="DE9" s="261">
        <v>0</v>
      </c>
      <c r="DF9" s="261">
        <v>0</v>
      </c>
      <c r="DG9" s="258">
        <v>0</v>
      </c>
      <c r="DH9" s="263">
        <v>0</v>
      </c>
    </row>
    <row r="10" spans="2:112" ht="21" customHeight="1" x14ac:dyDescent="0.2">
      <c r="B10" s="472" t="s">
        <v>7</v>
      </c>
      <c r="C10" s="257">
        <v>0</v>
      </c>
      <c r="D10" s="261">
        <v>0</v>
      </c>
      <c r="E10" s="358">
        <v>0</v>
      </c>
      <c r="F10" s="260">
        <v>0</v>
      </c>
      <c r="G10" s="261">
        <v>17561</v>
      </c>
      <c r="H10" s="261">
        <v>18232</v>
      </c>
      <c r="I10" s="261">
        <v>20965</v>
      </c>
      <c r="J10" s="261">
        <v>30395</v>
      </c>
      <c r="K10" s="261">
        <v>22948</v>
      </c>
      <c r="L10" s="262">
        <v>110101</v>
      </c>
      <c r="M10" s="263">
        <v>110101</v>
      </c>
      <c r="N10" s="257">
        <v>0</v>
      </c>
      <c r="O10" s="261">
        <v>0</v>
      </c>
      <c r="P10" s="258">
        <v>0</v>
      </c>
      <c r="Q10" s="260">
        <v>0</v>
      </c>
      <c r="R10" s="261">
        <v>37</v>
      </c>
      <c r="S10" s="261">
        <v>231</v>
      </c>
      <c r="T10" s="261">
        <v>257</v>
      </c>
      <c r="U10" s="261">
        <v>645</v>
      </c>
      <c r="V10" s="261">
        <v>936</v>
      </c>
      <c r="W10" s="258">
        <v>2106</v>
      </c>
      <c r="X10" s="263">
        <v>2106</v>
      </c>
      <c r="Y10" s="257">
        <v>118</v>
      </c>
      <c r="Z10" s="261">
        <v>187</v>
      </c>
      <c r="AA10" s="258">
        <v>305</v>
      </c>
      <c r="AB10" s="260">
        <v>0</v>
      </c>
      <c r="AC10" s="261">
        <v>4312</v>
      </c>
      <c r="AD10" s="261">
        <v>4581</v>
      </c>
      <c r="AE10" s="261">
        <v>2939</v>
      </c>
      <c r="AF10" s="261">
        <v>3303</v>
      </c>
      <c r="AG10" s="261">
        <v>2616</v>
      </c>
      <c r="AH10" s="258">
        <v>17751</v>
      </c>
      <c r="AI10" s="263">
        <v>18056</v>
      </c>
      <c r="AJ10" s="257">
        <v>32</v>
      </c>
      <c r="AK10" s="261">
        <v>88</v>
      </c>
      <c r="AL10" s="258">
        <v>120</v>
      </c>
      <c r="AM10" s="260">
        <v>0</v>
      </c>
      <c r="AN10" s="261">
        <v>868</v>
      </c>
      <c r="AO10" s="261">
        <v>975</v>
      </c>
      <c r="AP10" s="261">
        <v>678</v>
      </c>
      <c r="AQ10" s="261">
        <v>833</v>
      </c>
      <c r="AR10" s="261">
        <v>346</v>
      </c>
      <c r="AS10" s="258">
        <v>3700</v>
      </c>
      <c r="AT10" s="263">
        <v>3820</v>
      </c>
      <c r="AU10" s="257">
        <v>0</v>
      </c>
      <c r="AV10" s="261">
        <v>0</v>
      </c>
      <c r="AW10" s="258">
        <v>0</v>
      </c>
      <c r="AX10" s="260">
        <v>0</v>
      </c>
      <c r="AY10" s="261">
        <v>14188</v>
      </c>
      <c r="AZ10" s="261">
        <v>9862</v>
      </c>
      <c r="BA10" s="261">
        <v>5346</v>
      </c>
      <c r="BB10" s="261">
        <v>3036</v>
      </c>
      <c r="BC10" s="261">
        <v>1416</v>
      </c>
      <c r="BD10" s="262">
        <v>33848</v>
      </c>
      <c r="BE10" s="263">
        <v>33848</v>
      </c>
      <c r="BF10" s="257">
        <v>0</v>
      </c>
      <c r="BG10" s="261">
        <v>0</v>
      </c>
      <c r="BH10" s="258">
        <v>0</v>
      </c>
      <c r="BI10" s="260">
        <v>0</v>
      </c>
      <c r="BJ10" s="261">
        <v>1941</v>
      </c>
      <c r="BK10" s="261">
        <v>1700</v>
      </c>
      <c r="BL10" s="261">
        <v>1195</v>
      </c>
      <c r="BM10" s="261">
        <v>601</v>
      </c>
      <c r="BN10" s="261">
        <v>219</v>
      </c>
      <c r="BO10" s="258">
        <v>5656</v>
      </c>
      <c r="BP10" s="263">
        <v>5656</v>
      </c>
      <c r="BQ10" s="257">
        <v>8</v>
      </c>
      <c r="BR10" s="261">
        <v>12</v>
      </c>
      <c r="BS10" s="258">
        <v>20</v>
      </c>
      <c r="BT10" s="260">
        <v>0</v>
      </c>
      <c r="BU10" s="261">
        <v>1651</v>
      </c>
      <c r="BV10" s="261">
        <v>2622</v>
      </c>
      <c r="BW10" s="261">
        <v>3024</v>
      </c>
      <c r="BX10" s="261">
        <v>1972</v>
      </c>
      <c r="BY10" s="261">
        <v>994</v>
      </c>
      <c r="BZ10" s="258">
        <v>10263</v>
      </c>
      <c r="CA10" s="263">
        <v>10283</v>
      </c>
      <c r="CB10" s="257">
        <v>0</v>
      </c>
      <c r="CC10" s="261">
        <v>0</v>
      </c>
      <c r="CD10" s="258">
        <v>0</v>
      </c>
      <c r="CE10" s="260">
        <v>0</v>
      </c>
      <c r="CF10" s="261">
        <v>80</v>
      </c>
      <c r="CG10" s="261">
        <v>142</v>
      </c>
      <c r="CH10" s="261">
        <v>160</v>
      </c>
      <c r="CI10" s="261">
        <v>150</v>
      </c>
      <c r="CJ10" s="261">
        <v>36</v>
      </c>
      <c r="CK10" s="258">
        <v>568</v>
      </c>
      <c r="CL10" s="263">
        <v>568</v>
      </c>
      <c r="CM10" s="257">
        <v>0</v>
      </c>
      <c r="CN10" s="261">
        <v>0</v>
      </c>
      <c r="CO10" s="258">
        <v>0</v>
      </c>
      <c r="CP10" s="260">
        <v>0</v>
      </c>
      <c r="CQ10" s="261">
        <v>0</v>
      </c>
      <c r="CR10" s="261">
        <v>0</v>
      </c>
      <c r="CS10" s="261">
        <v>0</v>
      </c>
      <c r="CT10" s="261">
        <v>0</v>
      </c>
      <c r="CU10" s="261">
        <v>0</v>
      </c>
      <c r="CV10" s="258">
        <v>0</v>
      </c>
      <c r="CW10" s="263">
        <v>0</v>
      </c>
      <c r="CX10" s="257">
        <v>0</v>
      </c>
      <c r="CY10" s="261">
        <v>0</v>
      </c>
      <c r="CZ10" s="258">
        <v>0</v>
      </c>
      <c r="DA10" s="260">
        <v>0</v>
      </c>
      <c r="DB10" s="261">
        <v>0</v>
      </c>
      <c r="DC10" s="261">
        <v>0</v>
      </c>
      <c r="DD10" s="261">
        <v>0</v>
      </c>
      <c r="DE10" s="261">
        <v>0</v>
      </c>
      <c r="DF10" s="261">
        <v>0</v>
      </c>
      <c r="DG10" s="258">
        <v>0</v>
      </c>
      <c r="DH10" s="263">
        <v>0</v>
      </c>
    </row>
    <row r="11" spans="2:112" ht="21" customHeight="1" x14ac:dyDescent="0.2">
      <c r="B11" s="472" t="s">
        <v>8</v>
      </c>
      <c r="C11" s="257">
        <v>0</v>
      </c>
      <c r="D11" s="261">
        <v>0</v>
      </c>
      <c r="E11" s="358">
        <v>0</v>
      </c>
      <c r="F11" s="260">
        <v>0</v>
      </c>
      <c r="G11" s="261">
        <v>6321</v>
      </c>
      <c r="H11" s="261">
        <v>11764</v>
      </c>
      <c r="I11" s="261">
        <v>15394</v>
      </c>
      <c r="J11" s="261">
        <v>16924</v>
      </c>
      <c r="K11" s="261">
        <v>16185</v>
      </c>
      <c r="L11" s="262">
        <v>66588</v>
      </c>
      <c r="M11" s="263">
        <v>66588</v>
      </c>
      <c r="N11" s="257">
        <v>0</v>
      </c>
      <c r="O11" s="261">
        <v>0</v>
      </c>
      <c r="P11" s="258">
        <v>0</v>
      </c>
      <c r="Q11" s="260">
        <v>0</v>
      </c>
      <c r="R11" s="261">
        <v>32</v>
      </c>
      <c r="S11" s="261">
        <v>69</v>
      </c>
      <c r="T11" s="261">
        <v>111</v>
      </c>
      <c r="U11" s="261">
        <v>300</v>
      </c>
      <c r="V11" s="261">
        <v>526</v>
      </c>
      <c r="W11" s="258">
        <v>1038</v>
      </c>
      <c r="X11" s="263">
        <v>1038</v>
      </c>
      <c r="Y11" s="257">
        <v>221</v>
      </c>
      <c r="Z11" s="261">
        <v>374</v>
      </c>
      <c r="AA11" s="258">
        <v>595</v>
      </c>
      <c r="AB11" s="260">
        <v>0</v>
      </c>
      <c r="AC11" s="261">
        <v>1902</v>
      </c>
      <c r="AD11" s="261">
        <v>2555</v>
      </c>
      <c r="AE11" s="261">
        <v>1759</v>
      </c>
      <c r="AF11" s="261">
        <v>1664</v>
      </c>
      <c r="AG11" s="261">
        <v>1391</v>
      </c>
      <c r="AH11" s="258">
        <v>9271</v>
      </c>
      <c r="AI11" s="263">
        <v>9866</v>
      </c>
      <c r="AJ11" s="257">
        <v>85</v>
      </c>
      <c r="AK11" s="261">
        <v>110</v>
      </c>
      <c r="AL11" s="258">
        <v>195</v>
      </c>
      <c r="AM11" s="260">
        <v>0</v>
      </c>
      <c r="AN11" s="261">
        <v>817</v>
      </c>
      <c r="AO11" s="261">
        <v>1104</v>
      </c>
      <c r="AP11" s="261">
        <v>629</v>
      </c>
      <c r="AQ11" s="261">
        <v>476</v>
      </c>
      <c r="AR11" s="261">
        <v>231</v>
      </c>
      <c r="AS11" s="258">
        <v>3257</v>
      </c>
      <c r="AT11" s="263">
        <v>3452</v>
      </c>
      <c r="AU11" s="257">
        <v>0</v>
      </c>
      <c r="AV11" s="261">
        <v>0</v>
      </c>
      <c r="AW11" s="258">
        <v>0</v>
      </c>
      <c r="AX11" s="260">
        <v>0</v>
      </c>
      <c r="AY11" s="261">
        <v>5313</v>
      </c>
      <c r="AZ11" s="261">
        <v>6230</v>
      </c>
      <c r="BA11" s="261">
        <v>4161</v>
      </c>
      <c r="BB11" s="261">
        <v>2536</v>
      </c>
      <c r="BC11" s="261">
        <v>1370</v>
      </c>
      <c r="BD11" s="262">
        <v>19610</v>
      </c>
      <c r="BE11" s="263">
        <v>19610</v>
      </c>
      <c r="BF11" s="257">
        <v>0</v>
      </c>
      <c r="BG11" s="261">
        <v>0</v>
      </c>
      <c r="BH11" s="258">
        <v>0</v>
      </c>
      <c r="BI11" s="260">
        <v>0</v>
      </c>
      <c r="BJ11" s="261">
        <v>873</v>
      </c>
      <c r="BK11" s="261">
        <v>1273</v>
      </c>
      <c r="BL11" s="261">
        <v>780</v>
      </c>
      <c r="BM11" s="261">
        <v>443</v>
      </c>
      <c r="BN11" s="261">
        <v>161</v>
      </c>
      <c r="BO11" s="258">
        <v>3530</v>
      </c>
      <c r="BP11" s="263">
        <v>3530</v>
      </c>
      <c r="BQ11" s="257">
        <v>8</v>
      </c>
      <c r="BR11" s="261">
        <v>43</v>
      </c>
      <c r="BS11" s="258">
        <v>51</v>
      </c>
      <c r="BT11" s="260">
        <v>0</v>
      </c>
      <c r="BU11" s="261">
        <v>521</v>
      </c>
      <c r="BV11" s="261">
        <v>1328</v>
      </c>
      <c r="BW11" s="261">
        <v>2873</v>
      </c>
      <c r="BX11" s="261">
        <v>1840</v>
      </c>
      <c r="BY11" s="261">
        <v>663</v>
      </c>
      <c r="BZ11" s="258">
        <v>7225</v>
      </c>
      <c r="CA11" s="263">
        <v>7276</v>
      </c>
      <c r="CB11" s="257">
        <v>0</v>
      </c>
      <c r="CC11" s="261">
        <v>0</v>
      </c>
      <c r="CD11" s="258">
        <v>0</v>
      </c>
      <c r="CE11" s="260">
        <v>0</v>
      </c>
      <c r="CF11" s="261">
        <v>17</v>
      </c>
      <c r="CG11" s="261">
        <v>66</v>
      </c>
      <c r="CH11" s="261">
        <v>43</v>
      </c>
      <c r="CI11" s="261">
        <v>9</v>
      </c>
      <c r="CJ11" s="261">
        <v>15</v>
      </c>
      <c r="CK11" s="258">
        <v>150</v>
      </c>
      <c r="CL11" s="263">
        <v>150</v>
      </c>
      <c r="CM11" s="257">
        <v>0</v>
      </c>
      <c r="CN11" s="261">
        <v>0</v>
      </c>
      <c r="CO11" s="258">
        <v>0</v>
      </c>
      <c r="CP11" s="260">
        <v>0</v>
      </c>
      <c r="CQ11" s="261">
        <v>0</v>
      </c>
      <c r="CR11" s="261">
        <v>0</v>
      </c>
      <c r="CS11" s="261">
        <v>0</v>
      </c>
      <c r="CT11" s="261">
        <v>0</v>
      </c>
      <c r="CU11" s="261">
        <v>0</v>
      </c>
      <c r="CV11" s="258">
        <v>0</v>
      </c>
      <c r="CW11" s="263">
        <v>0</v>
      </c>
      <c r="CX11" s="257">
        <v>0</v>
      </c>
      <c r="CY11" s="261">
        <v>0</v>
      </c>
      <c r="CZ11" s="258">
        <v>0</v>
      </c>
      <c r="DA11" s="260">
        <v>0</v>
      </c>
      <c r="DB11" s="261">
        <v>0</v>
      </c>
      <c r="DC11" s="261">
        <v>0</v>
      </c>
      <c r="DD11" s="261">
        <v>0</v>
      </c>
      <c r="DE11" s="261">
        <v>0</v>
      </c>
      <c r="DF11" s="261">
        <v>0</v>
      </c>
      <c r="DG11" s="258">
        <v>0</v>
      </c>
      <c r="DH11" s="263">
        <v>0</v>
      </c>
    </row>
    <row r="12" spans="2:112" ht="21" customHeight="1" x14ac:dyDescent="0.2">
      <c r="B12" s="472" t="s">
        <v>9</v>
      </c>
      <c r="C12" s="257">
        <v>0</v>
      </c>
      <c r="D12" s="261">
        <v>0</v>
      </c>
      <c r="E12" s="358">
        <v>0</v>
      </c>
      <c r="F12" s="260">
        <v>0</v>
      </c>
      <c r="G12" s="261">
        <v>6999</v>
      </c>
      <c r="H12" s="261">
        <v>8232</v>
      </c>
      <c r="I12" s="261">
        <v>10720</v>
      </c>
      <c r="J12" s="261">
        <v>15641</v>
      </c>
      <c r="K12" s="261">
        <v>15614</v>
      </c>
      <c r="L12" s="262">
        <v>57206</v>
      </c>
      <c r="M12" s="263">
        <v>57206</v>
      </c>
      <c r="N12" s="257">
        <v>0</v>
      </c>
      <c r="O12" s="261">
        <v>0</v>
      </c>
      <c r="P12" s="258">
        <v>0</v>
      </c>
      <c r="Q12" s="260">
        <v>0</v>
      </c>
      <c r="R12" s="261">
        <v>6</v>
      </c>
      <c r="S12" s="261">
        <v>15</v>
      </c>
      <c r="T12" s="261">
        <v>77</v>
      </c>
      <c r="U12" s="261">
        <v>280</v>
      </c>
      <c r="V12" s="261">
        <v>460</v>
      </c>
      <c r="W12" s="258">
        <v>838</v>
      </c>
      <c r="X12" s="263">
        <v>838</v>
      </c>
      <c r="Y12" s="257">
        <v>291</v>
      </c>
      <c r="Z12" s="261">
        <v>682</v>
      </c>
      <c r="AA12" s="258">
        <v>973</v>
      </c>
      <c r="AB12" s="260">
        <v>0</v>
      </c>
      <c r="AC12" s="261">
        <v>3191</v>
      </c>
      <c r="AD12" s="261">
        <v>3163</v>
      </c>
      <c r="AE12" s="261">
        <v>2424</v>
      </c>
      <c r="AF12" s="261">
        <v>2664</v>
      </c>
      <c r="AG12" s="261">
        <v>2207</v>
      </c>
      <c r="AH12" s="258">
        <v>13649</v>
      </c>
      <c r="AI12" s="263">
        <v>14622</v>
      </c>
      <c r="AJ12" s="257">
        <v>32</v>
      </c>
      <c r="AK12" s="261">
        <v>122</v>
      </c>
      <c r="AL12" s="258">
        <v>154</v>
      </c>
      <c r="AM12" s="260">
        <v>0</v>
      </c>
      <c r="AN12" s="261">
        <v>450</v>
      </c>
      <c r="AO12" s="261">
        <v>549</v>
      </c>
      <c r="AP12" s="261">
        <v>467</v>
      </c>
      <c r="AQ12" s="261">
        <v>405</v>
      </c>
      <c r="AR12" s="261">
        <v>330</v>
      </c>
      <c r="AS12" s="258">
        <v>2201</v>
      </c>
      <c r="AT12" s="263">
        <v>2355</v>
      </c>
      <c r="AU12" s="257">
        <v>0</v>
      </c>
      <c r="AV12" s="261">
        <v>0</v>
      </c>
      <c r="AW12" s="258">
        <v>0</v>
      </c>
      <c r="AX12" s="260">
        <v>0</v>
      </c>
      <c r="AY12" s="261">
        <v>4710</v>
      </c>
      <c r="AZ12" s="261">
        <v>3551</v>
      </c>
      <c r="BA12" s="261">
        <v>2468</v>
      </c>
      <c r="BB12" s="261">
        <v>1394</v>
      </c>
      <c r="BC12" s="261">
        <v>433</v>
      </c>
      <c r="BD12" s="262">
        <v>12556</v>
      </c>
      <c r="BE12" s="263">
        <v>12556</v>
      </c>
      <c r="BF12" s="257">
        <v>0</v>
      </c>
      <c r="BG12" s="261">
        <v>0</v>
      </c>
      <c r="BH12" s="258">
        <v>0</v>
      </c>
      <c r="BI12" s="260">
        <v>0</v>
      </c>
      <c r="BJ12" s="261">
        <v>890</v>
      </c>
      <c r="BK12" s="261">
        <v>957</v>
      </c>
      <c r="BL12" s="261">
        <v>601</v>
      </c>
      <c r="BM12" s="261">
        <v>506</v>
      </c>
      <c r="BN12" s="261">
        <v>148</v>
      </c>
      <c r="BO12" s="258">
        <v>3102</v>
      </c>
      <c r="BP12" s="263">
        <v>3102</v>
      </c>
      <c r="BQ12" s="257">
        <v>24</v>
      </c>
      <c r="BR12" s="261">
        <v>33</v>
      </c>
      <c r="BS12" s="258">
        <v>57</v>
      </c>
      <c r="BT12" s="260">
        <v>0</v>
      </c>
      <c r="BU12" s="261">
        <v>467</v>
      </c>
      <c r="BV12" s="261">
        <v>884</v>
      </c>
      <c r="BW12" s="261">
        <v>1645</v>
      </c>
      <c r="BX12" s="261">
        <v>1288</v>
      </c>
      <c r="BY12" s="261">
        <v>602</v>
      </c>
      <c r="BZ12" s="258">
        <v>4886</v>
      </c>
      <c r="CA12" s="263">
        <v>4943</v>
      </c>
      <c r="CB12" s="257">
        <v>0</v>
      </c>
      <c r="CC12" s="261">
        <v>4</v>
      </c>
      <c r="CD12" s="258">
        <v>4</v>
      </c>
      <c r="CE12" s="260">
        <v>0</v>
      </c>
      <c r="CF12" s="261">
        <v>64</v>
      </c>
      <c r="CG12" s="261">
        <v>79</v>
      </c>
      <c r="CH12" s="261">
        <v>160</v>
      </c>
      <c r="CI12" s="261">
        <v>206</v>
      </c>
      <c r="CJ12" s="261">
        <v>146</v>
      </c>
      <c r="CK12" s="258">
        <v>655</v>
      </c>
      <c r="CL12" s="263">
        <v>659</v>
      </c>
      <c r="CM12" s="257">
        <v>0</v>
      </c>
      <c r="CN12" s="261">
        <v>0</v>
      </c>
      <c r="CO12" s="258">
        <v>0</v>
      </c>
      <c r="CP12" s="260">
        <v>0</v>
      </c>
      <c r="CQ12" s="261">
        <v>0</v>
      </c>
      <c r="CR12" s="261">
        <v>0</v>
      </c>
      <c r="CS12" s="261">
        <v>0</v>
      </c>
      <c r="CT12" s="261">
        <v>0</v>
      </c>
      <c r="CU12" s="261">
        <v>0</v>
      </c>
      <c r="CV12" s="258">
        <v>0</v>
      </c>
      <c r="CW12" s="263">
        <v>0</v>
      </c>
      <c r="CX12" s="257">
        <v>0</v>
      </c>
      <c r="CY12" s="261">
        <v>0</v>
      </c>
      <c r="CZ12" s="258">
        <v>0</v>
      </c>
      <c r="DA12" s="260">
        <v>0</v>
      </c>
      <c r="DB12" s="261">
        <v>0</v>
      </c>
      <c r="DC12" s="261">
        <v>0</v>
      </c>
      <c r="DD12" s="261">
        <v>0</v>
      </c>
      <c r="DE12" s="261">
        <v>0</v>
      </c>
      <c r="DF12" s="261">
        <v>0</v>
      </c>
      <c r="DG12" s="258">
        <v>0</v>
      </c>
      <c r="DH12" s="263">
        <v>0</v>
      </c>
    </row>
    <row r="13" spans="2:112" ht="21" customHeight="1" x14ac:dyDescent="0.2">
      <c r="B13" s="472" t="s">
        <v>10</v>
      </c>
      <c r="C13" s="257">
        <v>0</v>
      </c>
      <c r="D13" s="261">
        <v>0</v>
      </c>
      <c r="E13" s="358">
        <v>0</v>
      </c>
      <c r="F13" s="260">
        <v>0</v>
      </c>
      <c r="G13" s="261">
        <v>17261</v>
      </c>
      <c r="H13" s="261">
        <v>17478</v>
      </c>
      <c r="I13" s="261">
        <v>22911</v>
      </c>
      <c r="J13" s="261">
        <v>27766</v>
      </c>
      <c r="K13" s="261">
        <v>23189</v>
      </c>
      <c r="L13" s="262">
        <v>108605</v>
      </c>
      <c r="M13" s="263">
        <v>108605</v>
      </c>
      <c r="N13" s="257">
        <v>0</v>
      </c>
      <c r="O13" s="261">
        <v>0</v>
      </c>
      <c r="P13" s="258">
        <v>0</v>
      </c>
      <c r="Q13" s="260">
        <v>0</v>
      </c>
      <c r="R13" s="261">
        <v>27</v>
      </c>
      <c r="S13" s="261">
        <v>141</v>
      </c>
      <c r="T13" s="261">
        <v>170</v>
      </c>
      <c r="U13" s="261">
        <v>392</v>
      </c>
      <c r="V13" s="261">
        <v>844</v>
      </c>
      <c r="W13" s="258">
        <v>1574</v>
      </c>
      <c r="X13" s="263">
        <v>1574</v>
      </c>
      <c r="Y13" s="257">
        <v>942</v>
      </c>
      <c r="Z13" s="261">
        <v>2011</v>
      </c>
      <c r="AA13" s="258">
        <v>2953</v>
      </c>
      <c r="AB13" s="260">
        <v>0</v>
      </c>
      <c r="AC13" s="261">
        <v>7737</v>
      </c>
      <c r="AD13" s="261">
        <v>6016</v>
      </c>
      <c r="AE13" s="261">
        <v>3143</v>
      </c>
      <c r="AF13" s="261">
        <v>3254</v>
      </c>
      <c r="AG13" s="261">
        <v>3305</v>
      </c>
      <c r="AH13" s="258">
        <v>23455</v>
      </c>
      <c r="AI13" s="263">
        <v>26408</v>
      </c>
      <c r="AJ13" s="257">
        <v>167</v>
      </c>
      <c r="AK13" s="261">
        <v>541</v>
      </c>
      <c r="AL13" s="258">
        <v>708</v>
      </c>
      <c r="AM13" s="260">
        <v>0</v>
      </c>
      <c r="AN13" s="261">
        <v>1151</v>
      </c>
      <c r="AO13" s="261">
        <v>1084</v>
      </c>
      <c r="AP13" s="261">
        <v>793</v>
      </c>
      <c r="AQ13" s="261">
        <v>434</v>
      </c>
      <c r="AR13" s="261">
        <v>580</v>
      </c>
      <c r="AS13" s="258">
        <v>4042</v>
      </c>
      <c r="AT13" s="263">
        <v>4750</v>
      </c>
      <c r="AU13" s="257">
        <v>0</v>
      </c>
      <c r="AV13" s="261">
        <v>0</v>
      </c>
      <c r="AW13" s="258">
        <v>0</v>
      </c>
      <c r="AX13" s="260">
        <v>0</v>
      </c>
      <c r="AY13" s="261">
        <v>13759</v>
      </c>
      <c r="AZ13" s="261">
        <v>8731</v>
      </c>
      <c r="BA13" s="261">
        <v>5280</v>
      </c>
      <c r="BB13" s="261">
        <v>3798</v>
      </c>
      <c r="BC13" s="261">
        <v>1361</v>
      </c>
      <c r="BD13" s="262">
        <v>32929</v>
      </c>
      <c r="BE13" s="263">
        <v>32929</v>
      </c>
      <c r="BF13" s="257">
        <v>0</v>
      </c>
      <c r="BG13" s="261">
        <v>0</v>
      </c>
      <c r="BH13" s="258">
        <v>0</v>
      </c>
      <c r="BI13" s="260">
        <v>0</v>
      </c>
      <c r="BJ13" s="261">
        <v>1810</v>
      </c>
      <c r="BK13" s="261">
        <v>1535</v>
      </c>
      <c r="BL13" s="261">
        <v>692</v>
      </c>
      <c r="BM13" s="261">
        <v>483</v>
      </c>
      <c r="BN13" s="261">
        <v>165</v>
      </c>
      <c r="BO13" s="258">
        <v>4685</v>
      </c>
      <c r="BP13" s="263">
        <v>4685</v>
      </c>
      <c r="BQ13" s="257">
        <v>57</v>
      </c>
      <c r="BR13" s="261">
        <v>91</v>
      </c>
      <c r="BS13" s="258">
        <v>148</v>
      </c>
      <c r="BT13" s="260">
        <v>0</v>
      </c>
      <c r="BU13" s="261">
        <v>1230</v>
      </c>
      <c r="BV13" s="261">
        <v>1560</v>
      </c>
      <c r="BW13" s="261">
        <v>2067</v>
      </c>
      <c r="BX13" s="261">
        <v>2054</v>
      </c>
      <c r="BY13" s="261">
        <v>1033</v>
      </c>
      <c r="BZ13" s="258">
        <v>7944</v>
      </c>
      <c r="CA13" s="263">
        <v>8092</v>
      </c>
      <c r="CB13" s="257">
        <v>12</v>
      </c>
      <c r="CC13" s="261">
        <v>11</v>
      </c>
      <c r="CD13" s="258">
        <v>23</v>
      </c>
      <c r="CE13" s="260">
        <v>0</v>
      </c>
      <c r="CF13" s="261">
        <v>44</v>
      </c>
      <c r="CG13" s="261">
        <v>130</v>
      </c>
      <c r="CH13" s="261">
        <v>162</v>
      </c>
      <c r="CI13" s="261">
        <v>103</v>
      </c>
      <c r="CJ13" s="261">
        <v>86</v>
      </c>
      <c r="CK13" s="258">
        <v>525</v>
      </c>
      <c r="CL13" s="263">
        <v>548</v>
      </c>
      <c r="CM13" s="257">
        <v>0</v>
      </c>
      <c r="CN13" s="261">
        <v>0</v>
      </c>
      <c r="CO13" s="258">
        <v>0</v>
      </c>
      <c r="CP13" s="260">
        <v>0</v>
      </c>
      <c r="CQ13" s="261">
        <v>0</v>
      </c>
      <c r="CR13" s="261">
        <v>0</v>
      </c>
      <c r="CS13" s="261">
        <v>0</v>
      </c>
      <c r="CT13" s="261">
        <v>0</v>
      </c>
      <c r="CU13" s="261">
        <v>0</v>
      </c>
      <c r="CV13" s="258">
        <v>0</v>
      </c>
      <c r="CW13" s="263">
        <v>0</v>
      </c>
      <c r="CX13" s="257">
        <v>0</v>
      </c>
      <c r="CY13" s="261">
        <v>0</v>
      </c>
      <c r="CZ13" s="258">
        <v>0</v>
      </c>
      <c r="DA13" s="260">
        <v>0</v>
      </c>
      <c r="DB13" s="261">
        <v>0</v>
      </c>
      <c r="DC13" s="261">
        <v>0</v>
      </c>
      <c r="DD13" s="261">
        <v>0</v>
      </c>
      <c r="DE13" s="261">
        <v>0</v>
      </c>
      <c r="DF13" s="261">
        <v>0</v>
      </c>
      <c r="DG13" s="258">
        <v>0</v>
      </c>
      <c r="DH13" s="263">
        <v>0</v>
      </c>
    </row>
    <row r="14" spans="2:112" ht="21" customHeight="1" x14ac:dyDescent="0.2">
      <c r="B14" s="472" t="s">
        <v>11</v>
      </c>
      <c r="C14" s="257">
        <v>0</v>
      </c>
      <c r="D14" s="261">
        <v>0</v>
      </c>
      <c r="E14" s="358">
        <v>0</v>
      </c>
      <c r="F14" s="260">
        <v>0</v>
      </c>
      <c r="G14" s="261">
        <v>5153</v>
      </c>
      <c r="H14" s="261">
        <v>7425</v>
      </c>
      <c r="I14" s="261">
        <v>8947</v>
      </c>
      <c r="J14" s="261">
        <v>10531</v>
      </c>
      <c r="K14" s="261">
        <v>10502</v>
      </c>
      <c r="L14" s="262">
        <v>42558</v>
      </c>
      <c r="M14" s="263">
        <v>42558</v>
      </c>
      <c r="N14" s="257">
        <v>0</v>
      </c>
      <c r="O14" s="261">
        <v>0</v>
      </c>
      <c r="P14" s="258">
        <v>0</v>
      </c>
      <c r="Q14" s="260">
        <v>0</v>
      </c>
      <c r="R14" s="261">
        <v>15</v>
      </c>
      <c r="S14" s="261">
        <v>43</v>
      </c>
      <c r="T14" s="261">
        <v>117</v>
      </c>
      <c r="U14" s="261">
        <v>254</v>
      </c>
      <c r="V14" s="261">
        <v>368</v>
      </c>
      <c r="W14" s="258">
        <v>797</v>
      </c>
      <c r="X14" s="263">
        <v>797</v>
      </c>
      <c r="Y14" s="257">
        <v>184</v>
      </c>
      <c r="Z14" s="261">
        <v>285</v>
      </c>
      <c r="AA14" s="258">
        <v>469</v>
      </c>
      <c r="AB14" s="260">
        <v>0</v>
      </c>
      <c r="AC14" s="261">
        <v>2762</v>
      </c>
      <c r="AD14" s="261">
        <v>2228</v>
      </c>
      <c r="AE14" s="261">
        <v>1763</v>
      </c>
      <c r="AF14" s="261">
        <v>1882</v>
      </c>
      <c r="AG14" s="261">
        <v>1315</v>
      </c>
      <c r="AH14" s="258">
        <v>9950</v>
      </c>
      <c r="AI14" s="263">
        <v>10419</v>
      </c>
      <c r="AJ14" s="257">
        <v>52</v>
      </c>
      <c r="AK14" s="261">
        <v>80</v>
      </c>
      <c r="AL14" s="258">
        <v>132</v>
      </c>
      <c r="AM14" s="260">
        <v>0</v>
      </c>
      <c r="AN14" s="261">
        <v>307</v>
      </c>
      <c r="AO14" s="261">
        <v>302</v>
      </c>
      <c r="AP14" s="261">
        <v>364</v>
      </c>
      <c r="AQ14" s="261">
        <v>350</v>
      </c>
      <c r="AR14" s="261">
        <v>63</v>
      </c>
      <c r="AS14" s="258">
        <v>1386</v>
      </c>
      <c r="AT14" s="263">
        <v>1518</v>
      </c>
      <c r="AU14" s="257">
        <v>0</v>
      </c>
      <c r="AV14" s="261">
        <v>0</v>
      </c>
      <c r="AW14" s="258">
        <v>0</v>
      </c>
      <c r="AX14" s="260">
        <v>0</v>
      </c>
      <c r="AY14" s="261">
        <v>6452</v>
      </c>
      <c r="AZ14" s="261">
        <v>4139</v>
      </c>
      <c r="BA14" s="261">
        <v>3076</v>
      </c>
      <c r="BB14" s="261">
        <v>2342</v>
      </c>
      <c r="BC14" s="261">
        <v>892</v>
      </c>
      <c r="BD14" s="262">
        <v>16901</v>
      </c>
      <c r="BE14" s="263">
        <v>16901</v>
      </c>
      <c r="BF14" s="257">
        <v>0</v>
      </c>
      <c r="BG14" s="261">
        <v>0</v>
      </c>
      <c r="BH14" s="258">
        <v>0</v>
      </c>
      <c r="BI14" s="260">
        <v>0</v>
      </c>
      <c r="BJ14" s="261">
        <v>1452</v>
      </c>
      <c r="BK14" s="261">
        <v>1065</v>
      </c>
      <c r="BL14" s="261">
        <v>761</v>
      </c>
      <c r="BM14" s="261">
        <v>464</v>
      </c>
      <c r="BN14" s="261">
        <v>115</v>
      </c>
      <c r="BO14" s="258">
        <v>3857</v>
      </c>
      <c r="BP14" s="263">
        <v>3857</v>
      </c>
      <c r="BQ14" s="257">
        <v>35</v>
      </c>
      <c r="BR14" s="261">
        <v>73</v>
      </c>
      <c r="BS14" s="258">
        <v>108</v>
      </c>
      <c r="BT14" s="260">
        <v>0</v>
      </c>
      <c r="BU14" s="261">
        <v>719</v>
      </c>
      <c r="BV14" s="261">
        <v>978</v>
      </c>
      <c r="BW14" s="261">
        <v>1215</v>
      </c>
      <c r="BX14" s="261">
        <v>1041</v>
      </c>
      <c r="BY14" s="261">
        <v>410</v>
      </c>
      <c r="BZ14" s="258">
        <v>4363</v>
      </c>
      <c r="CA14" s="263">
        <v>4471</v>
      </c>
      <c r="CB14" s="257">
        <v>0</v>
      </c>
      <c r="CC14" s="261">
        <v>0</v>
      </c>
      <c r="CD14" s="258">
        <v>0</v>
      </c>
      <c r="CE14" s="260">
        <v>0</v>
      </c>
      <c r="CF14" s="261">
        <v>11</v>
      </c>
      <c r="CG14" s="261">
        <v>88</v>
      </c>
      <c r="CH14" s="261">
        <v>74</v>
      </c>
      <c r="CI14" s="261">
        <v>68</v>
      </c>
      <c r="CJ14" s="261">
        <v>92</v>
      </c>
      <c r="CK14" s="258">
        <v>333</v>
      </c>
      <c r="CL14" s="263">
        <v>333</v>
      </c>
      <c r="CM14" s="257">
        <v>0</v>
      </c>
      <c r="CN14" s="261">
        <v>0</v>
      </c>
      <c r="CO14" s="258">
        <v>0</v>
      </c>
      <c r="CP14" s="260">
        <v>0</v>
      </c>
      <c r="CQ14" s="261">
        <v>0</v>
      </c>
      <c r="CR14" s="261">
        <v>0</v>
      </c>
      <c r="CS14" s="261">
        <v>0</v>
      </c>
      <c r="CT14" s="261">
        <v>0</v>
      </c>
      <c r="CU14" s="261">
        <v>0</v>
      </c>
      <c r="CV14" s="258">
        <v>0</v>
      </c>
      <c r="CW14" s="263">
        <v>0</v>
      </c>
      <c r="CX14" s="257">
        <v>0</v>
      </c>
      <c r="CY14" s="261">
        <v>0</v>
      </c>
      <c r="CZ14" s="258">
        <v>0</v>
      </c>
      <c r="DA14" s="260">
        <v>0</v>
      </c>
      <c r="DB14" s="261">
        <v>0</v>
      </c>
      <c r="DC14" s="261">
        <v>0</v>
      </c>
      <c r="DD14" s="261">
        <v>0</v>
      </c>
      <c r="DE14" s="261">
        <v>0</v>
      </c>
      <c r="DF14" s="261">
        <v>0</v>
      </c>
      <c r="DG14" s="258">
        <v>0</v>
      </c>
      <c r="DH14" s="263">
        <v>0</v>
      </c>
    </row>
    <row r="15" spans="2:112" ht="21" customHeight="1" x14ac:dyDescent="0.2">
      <c r="B15" s="472" t="s">
        <v>12</v>
      </c>
      <c r="C15" s="257">
        <v>0</v>
      </c>
      <c r="D15" s="261">
        <v>0</v>
      </c>
      <c r="E15" s="358">
        <v>0</v>
      </c>
      <c r="F15" s="260">
        <v>0</v>
      </c>
      <c r="G15" s="261">
        <v>5808</v>
      </c>
      <c r="H15" s="261">
        <v>9361</v>
      </c>
      <c r="I15" s="261">
        <v>10989</v>
      </c>
      <c r="J15" s="261">
        <v>13931</v>
      </c>
      <c r="K15" s="261">
        <v>12581</v>
      </c>
      <c r="L15" s="262">
        <v>52670</v>
      </c>
      <c r="M15" s="263">
        <v>52670</v>
      </c>
      <c r="N15" s="257">
        <v>0</v>
      </c>
      <c r="O15" s="261">
        <v>21</v>
      </c>
      <c r="P15" s="258">
        <v>21</v>
      </c>
      <c r="Q15" s="260">
        <v>0</v>
      </c>
      <c r="R15" s="261">
        <v>18</v>
      </c>
      <c r="S15" s="261">
        <v>82</v>
      </c>
      <c r="T15" s="261">
        <v>79</v>
      </c>
      <c r="U15" s="261">
        <v>339</v>
      </c>
      <c r="V15" s="261">
        <v>430</v>
      </c>
      <c r="W15" s="258">
        <v>948</v>
      </c>
      <c r="X15" s="263">
        <v>969</v>
      </c>
      <c r="Y15" s="257">
        <v>572</v>
      </c>
      <c r="Z15" s="261">
        <v>1680</v>
      </c>
      <c r="AA15" s="258">
        <v>2252</v>
      </c>
      <c r="AB15" s="260">
        <v>0</v>
      </c>
      <c r="AC15" s="261">
        <v>1895</v>
      </c>
      <c r="AD15" s="261">
        <v>2943</v>
      </c>
      <c r="AE15" s="261">
        <v>1865</v>
      </c>
      <c r="AF15" s="261">
        <v>1855</v>
      </c>
      <c r="AG15" s="261">
        <v>1676</v>
      </c>
      <c r="AH15" s="258">
        <v>10234</v>
      </c>
      <c r="AI15" s="263">
        <v>12486</v>
      </c>
      <c r="AJ15" s="257">
        <v>36</v>
      </c>
      <c r="AK15" s="261">
        <v>265</v>
      </c>
      <c r="AL15" s="258">
        <v>301</v>
      </c>
      <c r="AM15" s="260">
        <v>0</v>
      </c>
      <c r="AN15" s="261">
        <v>190</v>
      </c>
      <c r="AO15" s="261">
        <v>513</v>
      </c>
      <c r="AP15" s="261">
        <v>299</v>
      </c>
      <c r="AQ15" s="261">
        <v>293</v>
      </c>
      <c r="AR15" s="261">
        <v>148</v>
      </c>
      <c r="AS15" s="258">
        <v>1443</v>
      </c>
      <c r="AT15" s="263">
        <v>1744</v>
      </c>
      <c r="AU15" s="257">
        <v>0</v>
      </c>
      <c r="AV15" s="261">
        <v>0</v>
      </c>
      <c r="AW15" s="258">
        <v>0</v>
      </c>
      <c r="AX15" s="260">
        <v>0</v>
      </c>
      <c r="AY15" s="261">
        <v>5917</v>
      </c>
      <c r="AZ15" s="261">
        <v>4529</v>
      </c>
      <c r="BA15" s="261">
        <v>3071</v>
      </c>
      <c r="BB15" s="261">
        <v>2299</v>
      </c>
      <c r="BC15" s="261">
        <v>1013</v>
      </c>
      <c r="BD15" s="262">
        <v>16829</v>
      </c>
      <c r="BE15" s="263">
        <v>16829</v>
      </c>
      <c r="BF15" s="257">
        <v>0</v>
      </c>
      <c r="BG15" s="261">
        <v>0</v>
      </c>
      <c r="BH15" s="258">
        <v>0</v>
      </c>
      <c r="BI15" s="260">
        <v>0</v>
      </c>
      <c r="BJ15" s="261">
        <v>981</v>
      </c>
      <c r="BK15" s="261">
        <v>1278</v>
      </c>
      <c r="BL15" s="261">
        <v>914</v>
      </c>
      <c r="BM15" s="261">
        <v>556</v>
      </c>
      <c r="BN15" s="261">
        <v>229</v>
      </c>
      <c r="BO15" s="258">
        <v>3958</v>
      </c>
      <c r="BP15" s="263">
        <v>3958</v>
      </c>
      <c r="BQ15" s="257">
        <v>12</v>
      </c>
      <c r="BR15" s="261">
        <v>148</v>
      </c>
      <c r="BS15" s="258">
        <v>160</v>
      </c>
      <c r="BT15" s="260">
        <v>0</v>
      </c>
      <c r="BU15" s="261">
        <v>700</v>
      </c>
      <c r="BV15" s="261">
        <v>862</v>
      </c>
      <c r="BW15" s="261">
        <v>1486</v>
      </c>
      <c r="BX15" s="261">
        <v>1099</v>
      </c>
      <c r="BY15" s="261">
        <v>775</v>
      </c>
      <c r="BZ15" s="258">
        <v>4922</v>
      </c>
      <c r="CA15" s="263">
        <v>5082</v>
      </c>
      <c r="CB15" s="257">
        <v>0</v>
      </c>
      <c r="CC15" s="261">
        <v>0</v>
      </c>
      <c r="CD15" s="258">
        <v>0</v>
      </c>
      <c r="CE15" s="260">
        <v>0</v>
      </c>
      <c r="CF15" s="261">
        <v>30</v>
      </c>
      <c r="CG15" s="261">
        <v>51</v>
      </c>
      <c r="CH15" s="261">
        <v>32</v>
      </c>
      <c r="CI15" s="261">
        <v>33</v>
      </c>
      <c r="CJ15" s="261">
        <v>12</v>
      </c>
      <c r="CK15" s="258">
        <v>158</v>
      </c>
      <c r="CL15" s="263">
        <v>158</v>
      </c>
      <c r="CM15" s="257">
        <v>0</v>
      </c>
      <c r="CN15" s="261">
        <v>0</v>
      </c>
      <c r="CO15" s="258">
        <v>0</v>
      </c>
      <c r="CP15" s="260">
        <v>0</v>
      </c>
      <c r="CQ15" s="261">
        <v>0</v>
      </c>
      <c r="CR15" s="261">
        <v>0</v>
      </c>
      <c r="CS15" s="261">
        <v>0</v>
      </c>
      <c r="CT15" s="261">
        <v>0</v>
      </c>
      <c r="CU15" s="261">
        <v>0</v>
      </c>
      <c r="CV15" s="258">
        <v>0</v>
      </c>
      <c r="CW15" s="263">
        <v>0</v>
      </c>
      <c r="CX15" s="257">
        <v>0</v>
      </c>
      <c r="CY15" s="261">
        <v>0</v>
      </c>
      <c r="CZ15" s="258">
        <v>0</v>
      </c>
      <c r="DA15" s="260">
        <v>0</v>
      </c>
      <c r="DB15" s="261">
        <v>0</v>
      </c>
      <c r="DC15" s="261">
        <v>0</v>
      </c>
      <c r="DD15" s="261">
        <v>0</v>
      </c>
      <c r="DE15" s="261">
        <v>0</v>
      </c>
      <c r="DF15" s="261">
        <v>0</v>
      </c>
      <c r="DG15" s="258">
        <v>0</v>
      </c>
      <c r="DH15" s="263">
        <v>0</v>
      </c>
    </row>
    <row r="16" spans="2:112" ht="21" customHeight="1" x14ac:dyDescent="0.2">
      <c r="B16" s="472" t="s">
        <v>13</v>
      </c>
      <c r="C16" s="257">
        <v>0</v>
      </c>
      <c r="D16" s="261">
        <v>0</v>
      </c>
      <c r="E16" s="358">
        <v>0</v>
      </c>
      <c r="F16" s="260">
        <v>0</v>
      </c>
      <c r="G16" s="261">
        <v>2113</v>
      </c>
      <c r="H16" s="261">
        <v>3492</v>
      </c>
      <c r="I16" s="261">
        <v>3490</v>
      </c>
      <c r="J16" s="261">
        <v>5082</v>
      </c>
      <c r="K16" s="261">
        <v>6757</v>
      </c>
      <c r="L16" s="262">
        <v>20934</v>
      </c>
      <c r="M16" s="263">
        <v>20934</v>
      </c>
      <c r="N16" s="257">
        <v>0</v>
      </c>
      <c r="O16" s="261">
        <v>0</v>
      </c>
      <c r="P16" s="258">
        <v>0</v>
      </c>
      <c r="Q16" s="260">
        <v>0</v>
      </c>
      <c r="R16" s="261">
        <v>1</v>
      </c>
      <c r="S16" s="261">
        <v>6</v>
      </c>
      <c r="T16" s="261">
        <v>17</v>
      </c>
      <c r="U16" s="261">
        <v>79</v>
      </c>
      <c r="V16" s="261">
        <v>191</v>
      </c>
      <c r="W16" s="258">
        <v>294</v>
      </c>
      <c r="X16" s="263">
        <v>294</v>
      </c>
      <c r="Y16" s="257">
        <v>64</v>
      </c>
      <c r="Z16" s="261">
        <v>223</v>
      </c>
      <c r="AA16" s="258">
        <v>287</v>
      </c>
      <c r="AB16" s="260">
        <v>0</v>
      </c>
      <c r="AC16" s="261">
        <v>1010</v>
      </c>
      <c r="AD16" s="261">
        <v>1383</v>
      </c>
      <c r="AE16" s="261">
        <v>815</v>
      </c>
      <c r="AF16" s="261">
        <v>818</v>
      </c>
      <c r="AG16" s="261">
        <v>731</v>
      </c>
      <c r="AH16" s="258">
        <v>4757</v>
      </c>
      <c r="AI16" s="263">
        <v>5044</v>
      </c>
      <c r="AJ16" s="257">
        <v>9</v>
      </c>
      <c r="AK16" s="261">
        <v>64</v>
      </c>
      <c r="AL16" s="258">
        <v>73</v>
      </c>
      <c r="AM16" s="260">
        <v>0</v>
      </c>
      <c r="AN16" s="261">
        <v>206</v>
      </c>
      <c r="AO16" s="261">
        <v>228</v>
      </c>
      <c r="AP16" s="261">
        <v>110</v>
      </c>
      <c r="AQ16" s="261">
        <v>120</v>
      </c>
      <c r="AR16" s="261">
        <v>119</v>
      </c>
      <c r="AS16" s="258">
        <v>783</v>
      </c>
      <c r="AT16" s="263">
        <v>856</v>
      </c>
      <c r="AU16" s="257">
        <v>0</v>
      </c>
      <c r="AV16" s="261">
        <v>0</v>
      </c>
      <c r="AW16" s="258">
        <v>0</v>
      </c>
      <c r="AX16" s="260">
        <v>0</v>
      </c>
      <c r="AY16" s="261">
        <v>1485</v>
      </c>
      <c r="AZ16" s="261">
        <v>1624</v>
      </c>
      <c r="BA16" s="261">
        <v>1007</v>
      </c>
      <c r="BB16" s="261">
        <v>618</v>
      </c>
      <c r="BC16" s="261">
        <v>348</v>
      </c>
      <c r="BD16" s="262">
        <v>5082</v>
      </c>
      <c r="BE16" s="263">
        <v>5082</v>
      </c>
      <c r="BF16" s="257">
        <v>0</v>
      </c>
      <c r="BG16" s="261">
        <v>0</v>
      </c>
      <c r="BH16" s="258">
        <v>0</v>
      </c>
      <c r="BI16" s="260">
        <v>0</v>
      </c>
      <c r="BJ16" s="261">
        <v>173</v>
      </c>
      <c r="BK16" s="261">
        <v>235</v>
      </c>
      <c r="BL16" s="261">
        <v>209</v>
      </c>
      <c r="BM16" s="261">
        <v>203</v>
      </c>
      <c r="BN16" s="261">
        <v>86</v>
      </c>
      <c r="BO16" s="258">
        <v>906</v>
      </c>
      <c r="BP16" s="263">
        <v>906</v>
      </c>
      <c r="BQ16" s="257">
        <v>0</v>
      </c>
      <c r="BR16" s="261">
        <v>0</v>
      </c>
      <c r="BS16" s="258">
        <v>0</v>
      </c>
      <c r="BT16" s="260">
        <v>0</v>
      </c>
      <c r="BU16" s="261">
        <v>217</v>
      </c>
      <c r="BV16" s="261">
        <v>213</v>
      </c>
      <c r="BW16" s="261">
        <v>480</v>
      </c>
      <c r="BX16" s="261">
        <v>429</v>
      </c>
      <c r="BY16" s="261">
        <v>203</v>
      </c>
      <c r="BZ16" s="258">
        <v>1542</v>
      </c>
      <c r="CA16" s="263">
        <v>1542</v>
      </c>
      <c r="CB16" s="257">
        <v>0</v>
      </c>
      <c r="CC16" s="261">
        <v>0</v>
      </c>
      <c r="CD16" s="258">
        <v>0</v>
      </c>
      <c r="CE16" s="260">
        <v>0</v>
      </c>
      <c r="CF16" s="261">
        <v>10</v>
      </c>
      <c r="CG16" s="261">
        <v>30</v>
      </c>
      <c r="CH16" s="261">
        <v>63</v>
      </c>
      <c r="CI16" s="261">
        <v>72</v>
      </c>
      <c r="CJ16" s="261">
        <v>8</v>
      </c>
      <c r="CK16" s="258">
        <v>183</v>
      </c>
      <c r="CL16" s="263">
        <v>183</v>
      </c>
      <c r="CM16" s="257">
        <v>0</v>
      </c>
      <c r="CN16" s="261">
        <v>0</v>
      </c>
      <c r="CO16" s="258">
        <v>0</v>
      </c>
      <c r="CP16" s="260">
        <v>0</v>
      </c>
      <c r="CQ16" s="261">
        <v>0</v>
      </c>
      <c r="CR16" s="261">
        <v>0</v>
      </c>
      <c r="CS16" s="261">
        <v>0</v>
      </c>
      <c r="CT16" s="261">
        <v>0</v>
      </c>
      <c r="CU16" s="261">
        <v>0</v>
      </c>
      <c r="CV16" s="258">
        <v>0</v>
      </c>
      <c r="CW16" s="263">
        <v>0</v>
      </c>
      <c r="CX16" s="257">
        <v>0</v>
      </c>
      <c r="CY16" s="261">
        <v>0</v>
      </c>
      <c r="CZ16" s="258">
        <v>0</v>
      </c>
      <c r="DA16" s="260">
        <v>0</v>
      </c>
      <c r="DB16" s="261">
        <v>0</v>
      </c>
      <c r="DC16" s="261">
        <v>0</v>
      </c>
      <c r="DD16" s="261">
        <v>0</v>
      </c>
      <c r="DE16" s="261">
        <v>0</v>
      </c>
      <c r="DF16" s="261">
        <v>0</v>
      </c>
      <c r="DG16" s="258">
        <v>0</v>
      </c>
      <c r="DH16" s="263">
        <v>0</v>
      </c>
    </row>
    <row r="17" spans="2:112" ht="21" customHeight="1" x14ac:dyDescent="0.2">
      <c r="B17" s="472" t="s">
        <v>15</v>
      </c>
      <c r="C17" s="257">
        <v>0</v>
      </c>
      <c r="D17" s="261">
        <v>0</v>
      </c>
      <c r="E17" s="358">
        <v>0</v>
      </c>
      <c r="F17" s="260">
        <v>0</v>
      </c>
      <c r="G17" s="261">
        <v>1072</v>
      </c>
      <c r="H17" s="261">
        <v>2632</v>
      </c>
      <c r="I17" s="261">
        <v>1980</v>
      </c>
      <c r="J17" s="261">
        <v>2127</v>
      </c>
      <c r="K17" s="261">
        <v>2605</v>
      </c>
      <c r="L17" s="262">
        <v>10416</v>
      </c>
      <c r="M17" s="263">
        <v>10416</v>
      </c>
      <c r="N17" s="257">
        <v>0</v>
      </c>
      <c r="O17" s="261">
        <v>0</v>
      </c>
      <c r="P17" s="258">
        <v>0</v>
      </c>
      <c r="Q17" s="260">
        <v>0</v>
      </c>
      <c r="R17" s="261">
        <v>0</v>
      </c>
      <c r="S17" s="261">
        <v>4</v>
      </c>
      <c r="T17" s="261">
        <v>42</v>
      </c>
      <c r="U17" s="261">
        <v>44</v>
      </c>
      <c r="V17" s="261">
        <v>159</v>
      </c>
      <c r="W17" s="258">
        <v>249</v>
      </c>
      <c r="X17" s="263">
        <v>249</v>
      </c>
      <c r="Y17" s="257">
        <v>7</v>
      </c>
      <c r="Z17" s="261">
        <v>95</v>
      </c>
      <c r="AA17" s="258">
        <v>102</v>
      </c>
      <c r="AB17" s="260">
        <v>0</v>
      </c>
      <c r="AC17" s="261">
        <v>387</v>
      </c>
      <c r="AD17" s="261">
        <v>549</v>
      </c>
      <c r="AE17" s="261">
        <v>280</v>
      </c>
      <c r="AF17" s="261">
        <v>260</v>
      </c>
      <c r="AG17" s="261">
        <v>474</v>
      </c>
      <c r="AH17" s="258">
        <v>1950</v>
      </c>
      <c r="AI17" s="263">
        <v>2052</v>
      </c>
      <c r="AJ17" s="257">
        <v>0</v>
      </c>
      <c r="AK17" s="261">
        <v>20</v>
      </c>
      <c r="AL17" s="258">
        <v>20</v>
      </c>
      <c r="AM17" s="260">
        <v>0</v>
      </c>
      <c r="AN17" s="261">
        <v>98</v>
      </c>
      <c r="AO17" s="261">
        <v>163</v>
      </c>
      <c r="AP17" s="261">
        <v>36</v>
      </c>
      <c r="AQ17" s="261">
        <v>39</v>
      </c>
      <c r="AR17" s="261">
        <v>94</v>
      </c>
      <c r="AS17" s="258">
        <v>430</v>
      </c>
      <c r="AT17" s="263">
        <v>450</v>
      </c>
      <c r="AU17" s="257">
        <v>0</v>
      </c>
      <c r="AV17" s="261">
        <v>0</v>
      </c>
      <c r="AW17" s="258">
        <v>0</v>
      </c>
      <c r="AX17" s="260">
        <v>0</v>
      </c>
      <c r="AY17" s="261">
        <v>1004</v>
      </c>
      <c r="AZ17" s="261">
        <v>1232</v>
      </c>
      <c r="BA17" s="261">
        <v>619</v>
      </c>
      <c r="BB17" s="261">
        <v>225</v>
      </c>
      <c r="BC17" s="261">
        <v>107</v>
      </c>
      <c r="BD17" s="262">
        <v>3187</v>
      </c>
      <c r="BE17" s="263">
        <v>3187</v>
      </c>
      <c r="BF17" s="257">
        <v>0</v>
      </c>
      <c r="BG17" s="261">
        <v>0</v>
      </c>
      <c r="BH17" s="258">
        <v>0</v>
      </c>
      <c r="BI17" s="260">
        <v>0</v>
      </c>
      <c r="BJ17" s="261">
        <v>208</v>
      </c>
      <c r="BK17" s="261">
        <v>196</v>
      </c>
      <c r="BL17" s="261">
        <v>202</v>
      </c>
      <c r="BM17" s="261">
        <v>109</v>
      </c>
      <c r="BN17" s="261">
        <v>64</v>
      </c>
      <c r="BO17" s="258">
        <v>779</v>
      </c>
      <c r="BP17" s="263">
        <v>779</v>
      </c>
      <c r="BQ17" s="257">
        <v>0</v>
      </c>
      <c r="BR17" s="261">
        <v>16</v>
      </c>
      <c r="BS17" s="258">
        <v>16</v>
      </c>
      <c r="BT17" s="260">
        <v>0</v>
      </c>
      <c r="BU17" s="261">
        <v>36</v>
      </c>
      <c r="BV17" s="261">
        <v>384</v>
      </c>
      <c r="BW17" s="261">
        <v>789</v>
      </c>
      <c r="BX17" s="261">
        <v>812</v>
      </c>
      <c r="BY17" s="261">
        <v>488</v>
      </c>
      <c r="BZ17" s="258">
        <v>2509</v>
      </c>
      <c r="CA17" s="263">
        <v>2525</v>
      </c>
      <c r="CB17" s="257">
        <v>0</v>
      </c>
      <c r="CC17" s="261">
        <v>0</v>
      </c>
      <c r="CD17" s="258">
        <v>0</v>
      </c>
      <c r="CE17" s="260">
        <v>0</v>
      </c>
      <c r="CF17" s="261">
        <v>0</v>
      </c>
      <c r="CG17" s="261">
        <v>20</v>
      </c>
      <c r="CH17" s="261">
        <v>44</v>
      </c>
      <c r="CI17" s="261">
        <v>46</v>
      </c>
      <c r="CJ17" s="261">
        <v>0</v>
      </c>
      <c r="CK17" s="258">
        <v>110</v>
      </c>
      <c r="CL17" s="263">
        <v>110</v>
      </c>
      <c r="CM17" s="257">
        <v>0</v>
      </c>
      <c r="CN17" s="261">
        <v>0</v>
      </c>
      <c r="CO17" s="258">
        <v>0</v>
      </c>
      <c r="CP17" s="260">
        <v>0</v>
      </c>
      <c r="CQ17" s="261">
        <v>0</v>
      </c>
      <c r="CR17" s="261">
        <v>0</v>
      </c>
      <c r="CS17" s="261">
        <v>0</v>
      </c>
      <c r="CT17" s="261">
        <v>0</v>
      </c>
      <c r="CU17" s="261">
        <v>0</v>
      </c>
      <c r="CV17" s="258">
        <v>0</v>
      </c>
      <c r="CW17" s="263">
        <v>0</v>
      </c>
      <c r="CX17" s="257">
        <v>0</v>
      </c>
      <c r="CY17" s="261">
        <v>0</v>
      </c>
      <c r="CZ17" s="258">
        <v>0</v>
      </c>
      <c r="DA17" s="260">
        <v>0</v>
      </c>
      <c r="DB17" s="261">
        <v>0</v>
      </c>
      <c r="DC17" s="261">
        <v>0</v>
      </c>
      <c r="DD17" s="261">
        <v>0</v>
      </c>
      <c r="DE17" s="261">
        <v>0</v>
      </c>
      <c r="DF17" s="261">
        <v>0</v>
      </c>
      <c r="DG17" s="258">
        <v>0</v>
      </c>
      <c r="DH17" s="263">
        <v>0</v>
      </c>
    </row>
    <row r="18" spans="2:112" ht="21" customHeight="1" x14ac:dyDescent="0.2">
      <c r="B18" s="472" t="s">
        <v>16</v>
      </c>
      <c r="C18" s="257">
        <v>0</v>
      </c>
      <c r="D18" s="261">
        <v>0</v>
      </c>
      <c r="E18" s="358">
        <v>0</v>
      </c>
      <c r="F18" s="260">
        <v>0</v>
      </c>
      <c r="G18" s="261">
        <v>2302</v>
      </c>
      <c r="H18" s="261">
        <v>4505</v>
      </c>
      <c r="I18" s="261">
        <v>4185</v>
      </c>
      <c r="J18" s="261">
        <v>4616</v>
      </c>
      <c r="K18" s="261">
        <v>4543</v>
      </c>
      <c r="L18" s="262">
        <v>20151</v>
      </c>
      <c r="M18" s="263">
        <v>20151</v>
      </c>
      <c r="N18" s="257">
        <v>0</v>
      </c>
      <c r="O18" s="261">
        <v>0</v>
      </c>
      <c r="P18" s="258">
        <v>0</v>
      </c>
      <c r="Q18" s="260">
        <v>0</v>
      </c>
      <c r="R18" s="261">
        <v>6</v>
      </c>
      <c r="S18" s="261">
        <v>32</v>
      </c>
      <c r="T18" s="261">
        <v>57</v>
      </c>
      <c r="U18" s="261">
        <v>99</v>
      </c>
      <c r="V18" s="261">
        <v>214</v>
      </c>
      <c r="W18" s="258">
        <v>408</v>
      </c>
      <c r="X18" s="263">
        <v>408</v>
      </c>
      <c r="Y18" s="257">
        <v>95</v>
      </c>
      <c r="Z18" s="261">
        <v>295</v>
      </c>
      <c r="AA18" s="258">
        <v>390</v>
      </c>
      <c r="AB18" s="260">
        <v>0</v>
      </c>
      <c r="AC18" s="261">
        <v>1214</v>
      </c>
      <c r="AD18" s="261">
        <v>2607</v>
      </c>
      <c r="AE18" s="261">
        <v>1657</v>
      </c>
      <c r="AF18" s="261">
        <v>1316</v>
      </c>
      <c r="AG18" s="261">
        <v>1004</v>
      </c>
      <c r="AH18" s="258">
        <v>7798</v>
      </c>
      <c r="AI18" s="263">
        <v>8188</v>
      </c>
      <c r="AJ18" s="257">
        <v>68</v>
      </c>
      <c r="AK18" s="261">
        <v>146</v>
      </c>
      <c r="AL18" s="258">
        <v>214</v>
      </c>
      <c r="AM18" s="260">
        <v>0</v>
      </c>
      <c r="AN18" s="261">
        <v>159</v>
      </c>
      <c r="AO18" s="261">
        <v>517</v>
      </c>
      <c r="AP18" s="261">
        <v>217</v>
      </c>
      <c r="AQ18" s="261">
        <v>95</v>
      </c>
      <c r="AR18" s="261">
        <v>181</v>
      </c>
      <c r="AS18" s="258">
        <v>1169</v>
      </c>
      <c r="AT18" s="263">
        <v>1383</v>
      </c>
      <c r="AU18" s="257">
        <v>0</v>
      </c>
      <c r="AV18" s="261">
        <v>0</v>
      </c>
      <c r="AW18" s="258">
        <v>0</v>
      </c>
      <c r="AX18" s="260">
        <v>0</v>
      </c>
      <c r="AY18" s="261">
        <v>3199</v>
      </c>
      <c r="AZ18" s="261">
        <v>4893</v>
      </c>
      <c r="BA18" s="261">
        <v>2914</v>
      </c>
      <c r="BB18" s="261">
        <v>1865</v>
      </c>
      <c r="BC18" s="261">
        <v>1184</v>
      </c>
      <c r="BD18" s="262">
        <v>14055</v>
      </c>
      <c r="BE18" s="263">
        <v>14055</v>
      </c>
      <c r="BF18" s="257">
        <v>0</v>
      </c>
      <c r="BG18" s="261">
        <v>0</v>
      </c>
      <c r="BH18" s="258">
        <v>0</v>
      </c>
      <c r="BI18" s="260">
        <v>0</v>
      </c>
      <c r="BJ18" s="261">
        <v>1452</v>
      </c>
      <c r="BK18" s="261">
        <v>2174</v>
      </c>
      <c r="BL18" s="261">
        <v>966</v>
      </c>
      <c r="BM18" s="261">
        <v>562</v>
      </c>
      <c r="BN18" s="261">
        <v>154</v>
      </c>
      <c r="BO18" s="258">
        <v>5308</v>
      </c>
      <c r="BP18" s="263">
        <v>5308</v>
      </c>
      <c r="BQ18" s="257">
        <v>7</v>
      </c>
      <c r="BR18" s="261">
        <v>9</v>
      </c>
      <c r="BS18" s="258">
        <v>16</v>
      </c>
      <c r="BT18" s="260">
        <v>0</v>
      </c>
      <c r="BU18" s="261">
        <v>302</v>
      </c>
      <c r="BV18" s="261">
        <v>645</v>
      </c>
      <c r="BW18" s="261">
        <v>751</v>
      </c>
      <c r="BX18" s="261">
        <v>583</v>
      </c>
      <c r="BY18" s="261">
        <v>261</v>
      </c>
      <c r="BZ18" s="258">
        <v>2542</v>
      </c>
      <c r="CA18" s="263">
        <v>2558</v>
      </c>
      <c r="CB18" s="257">
        <v>0</v>
      </c>
      <c r="CC18" s="261">
        <v>0</v>
      </c>
      <c r="CD18" s="258">
        <v>0</v>
      </c>
      <c r="CE18" s="260">
        <v>0</v>
      </c>
      <c r="CF18" s="261">
        <v>13</v>
      </c>
      <c r="CG18" s="261">
        <v>64</v>
      </c>
      <c r="CH18" s="261">
        <v>37</v>
      </c>
      <c r="CI18" s="261">
        <v>78</v>
      </c>
      <c r="CJ18" s="261">
        <v>30</v>
      </c>
      <c r="CK18" s="258">
        <v>222</v>
      </c>
      <c r="CL18" s="263">
        <v>222</v>
      </c>
      <c r="CM18" s="257">
        <v>0</v>
      </c>
      <c r="CN18" s="261">
        <v>0</v>
      </c>
      <c r="CO18" s="258">
        <v>0</v>
      </c>
      <c r="CP18" s="260">
        <v>0</v>
      </c>
      <c r="CQ18" s="261">
        <v>0</v>
      </c>
      <c r="CR18" s="261">
        <v>0</v>
      </c>
      <c r="CS18" s="261">
        <v>0</v>
      </c>
      <c r="CT18" s="261">
        <v>0</v>
      </c>
      <c r="CU18" s="261">
        <v>0</v>
      </c>
      <c r="CV18" s="258">
        <v>0</v>
      </c>
      <c r="CW18" s="263">
        <v>0</v>
      </c>
      <c r="CX18" s="257">
        <v>0</v>
      </c>
      <c r="CY18" s="261">
        <v>0</v>
      </c>
      <c r="CZ18" s="258">
        <v>0</v>
      </c>
      <c r="DA18" s="260">
        <v>0</v>
      </c>
      <c r="DB18" s="261">
        <v>0</v>
      </c>
      <c r="DC18" s="261">
        <v>0</v>
      </c>
      <c r="DD18" s="261">
        <v>0</v>
      </c>
      <c r="DE18" s="261">
        <v>0</v>
      </c>
      <c r="DF18" s="261">
        <v>0</v>
      </c>
      <c r="DG18" s="258">
        <v>0</v>
      </c>
      <c r="DH18" s="263">
        <v>0</v>
      </c>
    </row>
    <row r="19" spans="2:112" ht="21" customHeight="1" x14ac:dyDescent="0.2">
      <c r="B19" s="472" t="s">
        <v>17</v>
      </c>
      <c r="C19" s="257">
        <v>0</v>
      </c>
      <c r="D19" s="261">
        <v>0</v>
      </c>
      <c r="E19" s="358">
        <v>0</v>
      </c>
      <c r="F19" s="260">
        <v>0</v>
      </c>
      <c r="G19" s="261">
        <v>2606</v>
      </c>
      <c r="H19" s="261">
        <v>7101</v>
      </c>
      <c r="I19" s="261">
        <v>9711</v>
      </c>
      <c r="J19" s="261">
        <v>10945</v>
      </c>
      <c r="K19" s="261">
        <v>10440</v>
      </c>
      <c r="L19" s="262">
        <v>40803</v>
      </c>
      <c r="M19" s="263">
        <v>40803</v>
      </c>
      <c r="N19" s="257">
        <v>0</v>
      </c>
      <c r="O19" s="261">
        <v>0</v>
      </c>
      <c r="P19" s="258">
        <v>0</v>
      </c>
      <c r="Q19" s="260">
        <v>0</v>
      </c>
      <c r="R19" s="261">
        <v>4</v>
      </c>
      <c r="S19" s="261">
        <v>32</v>
      </c>
      <c r="T19" s="261">
        <v>99</v>
      </c>
      <c r="U19" s="261">
        <v>200</v>
      </c>
      <c r="V19" s="261">
        <v>400</v>
      </c>
      <c r="W19" s="258">
        <v>735</v>
      </c>
      <c r="X19" s="263">
        <v>735</v>
      </c>
      <c r="Y19" s="257">
        <v>171</v>
      </c>
      <c r="Z19" s="261">
        <v>515</v>
      </c>
      <c r="AA19" s="258">
        <v>686</v>
      </c>
      <c r="AB19" s="260">
        <v>0</v>
      </c>
      <c r="AC19" s="261">
        <v>1368</v>
      </c>
      <c r="AD19" s="261">
        <v>2543</v>
      </c>
      <c r="AE19" s="261">
        <v>2066</v>
      </c>
      <c r="AF19" s="261">
        <v>1775</v>
      </c>
      <c r="AG19" s="261">
        <v>1606</v>
      </c>
      <c r="AH19" s="258">
        <v>9358</v>
      </c>
      <c r="AI19" s="263">
        <v>10044</v>
      </c>
      <c r="AJ19" s="257">
        <v>44</v>
      </c>
      <c r="AK19" s="261">
        <v>80</v>
      </c>
      <c r="AL19" s="258">
        <v>124</v>
      </c>
      <c r="AM19" s="260">
        <v>0</v>
      </c>
      <c r="AN19" s="261">
        <v>58</v>
      </c>
      <c r="AO19" s="261">
        <v>305</v>
      </c>
      <c r="AP19" s="261">
        <v>208</v>
      </c>
      <c r="AQ19" s="261">
        <v>88</v>
      </c>
      <c r="AR19" s="261">
        <v>122</v>
      </c>
      <c r="AS19" s="258">
        <v>781</v>
      </c>
      <c r="AT19" s="263">
        <v>905</v>
      </c>
      <c r="AU19" s="257">
        <v>0</v>
      </c>
      <c r="AV19" s="261">
        <v>0</v>
      </c>
      <c r="AW19" s="258">
        <v>0</v>
      </c>
      <c r="AX19" s="260">
        <v>0</v>
      </c>
      <c r="AY19" s="261">
        <v>3196</v>
      </c>
      <c r="AZ19" s="261">
        <v>5131</v>
      </c>
      <c r="BA19" s="261">
        <v>3516</v>
      </c>
      <c r="BB19" s="261">
        <v>2149</v>
      </c>
      <c r="BC19" s="261">
        <v>1098</v>
      </c>
      <c r="BD19" s="262">
        <v>15090</v>
      </c>
      <c r="BE19" s="263">
        <v>15090</v>
      </c>
      <c r="BF19" s="257">
        <v>0</v>
      </c>
      <c r="BG19" s="261">
        <v>0</v>
      </c>
      <c r="BH19" s="258">
        <v>0</v>
      </c>
      <c r="BI19" s="260">
        <v>0</v>
      </c>
      <c r="BJ19" s="261">
        <v>497</v>
      </c>
      <c r="BK19" s="261">
        <v>1460</v>
      </c>
      <c r="BL19" s="261">
        <v>878</v>
      </c>
      <c r="BM19" s="261">
        <v>382</v>
      </c>
      <c r="BN19" s="261">
        <v>168</v>
      </c>
      <c r="BO19" s="258">
        <v>3385</v>
      </c>
      <c r="BP19" s="263">
        <v>3385</v>
      </c>
      <c r="BQ19" s="257">
        <v>0</v>
      </c>
      <c r="BR19" s="261">
        <v>20</v>
      </c>
      <c r="BS19" s="258">
        <v>20</v>
      </c>
      <c r="BT19" s="260">
        <v>0</v>
      </c>
      <c r="BU19" s="261">
        <v>393</v>
      </c>
      <c r="BV19" s="261">
        <v>593</v>
      </c>
      <c r="BW19" s="261">
        <v>1306</v>
      </c>
      <c r="BX19" s="261">
        <v>1221</v>
      </c>
      <c r="BY19" s="261">
        <v>451</v>
      </c>
      <c r="BZ19" s="258">
        <v>3964</v>
      </c>
      <c r="CA19" s="263">
        <v>3984</v>
      </c>
      <c r="CB19" s="257">
        <v>0</v>
      </c>
      <c r="CC19" s="261">
        <v>0</v>
      </c>
      <c r="CD19" s="258">
        <v>0</v>
      </c>
      <c r="CE19" s="260">
        <v>0</v>
      </c>
      <c r="CF19" s="261">
        <v>58</v>
      </c>
      <c r="CG19" s="261">
        <v>156</v>
      </c>
      <c r="CH19" s="261">
        <v>145</v>
      </c>
      <c r="CI19" s="261">
        <v>115</v>
      </c>
      <c r="CJ19" s="261">
        <v>69</v>
      </c>
      <c r="CK19" s="258">
        <v>543</v>
      </c>
      <c r="CL19" s="263">
        <v>543</v>
      </c>
      <c r="CM19" s="257">
        <v>0</v>
      </c>
      <c r="CN19" s="261">
        <v>0</v>
      </c>
      <c r="CO19" s="258">
        <v>0</v>
      </c>
      <c r="CP19" s="260">
        <v>0</v>
      </c>
      <c r="CQ19" s="261">
        <v>0</v>
      </c>
      <c r="CR19" s="261">
        <v>0</v>
      </c>
      <c r="CS19" s="261">
        <v>0</v>
      </c>
      <c r="CT19" s="261">
        <v>0</v>
      </c>
      <c r="CU19" s="261">
        <v>0</v>
      </c>
      <c r="CV19" s="258">
        <v>0</v>
      </c>
      <c r="CW19" s="263">
        <v>0</v>
      </c>
      <c r="CX19" s="257">
        <v>0</v>
      </c>
      <c r="CY19" s="261">
        <v>0</v>
      </c>
      <c r="CZ19" s="258">
        <v>0</v>
      </c>
      <c r="DA19" s="260">
        <v>0</v>
      </c>
      <c r="DB19" s="261">
        <v>0</v>
      </c>
      <c r="DC19" s="261">
        <v>0</v>
      </c>
      <c r="DD19" s="261">
        <v>0</v>
      </c>
      <c r="DE19" s="261">
        <v>0</v>
      </c>
      <c r="DF19" s="261">
        <v>0</v>
      </c>
      <c r="DG19" s="258">
        <v>0</v>
      </c>
      <c r="DH19" s="263">
        <v>0</v>
      </c>
    </row>
    <row r="20" spans="2:112" ht="21" customHeight="1" x14ac:dyDescent="0.2">
      <c r="B20" s="472" t="s">
        <v>18</v>
      </c>
      <c r="C20" s="257">
        <v>0</v>
      </c>
      <c r="D20" s="261">
        <v>0</v>
      </c>
      <c r="E20" s="358">
        <v>0</v>
      </c>
      <c r="F20" s="260">
        <v>0</v>
      </c>
      <c r="G20" s="261">
        <v>5930</v>
      </c>
      <c r="H20" s="261">
        <v>8190</v>
      </c>
      <c r="I20" s="261">
        <v>9964</v>
      </c>
      <c r="J20" s="261">
        <v>14308</v>
      </c>
      <c r="K20" s="261">
        <v>11568</v>
      </c>
      <c r="L20" s="262">
        <v>49960</v>
      </c>
      <c r="M20" s="263">
        <v>49960</v>
      </c>
      <c r="N20" s="257">
        <v>0</v>
      </c>
      <c r="O20" s="261">
        <v>0</v>
      </c>
      <c r="P20" s="258">
        <v>0</v>
      </c>
      <c r="Q20" s="260">
        <v>0</v>
      </c>
      <c r="R20" s="261">
        <v>6</v>
      </c>
      <c r="S20" s="261">
        <v>31</v>
      </c>
      <c r="T20" s="261">
        <v>80</v>
      </c>
      <c r="U20" s="261">
        <v>246</v>
      </c>
      <c r="V20" s="261">
        <v>439</v>
      </c>
      <c r="W20" s="258">
        <v>802</v>
      </c>
      <c r="X20" s="263">
        <v>802</v>
      </c>
      <c r="Y20" s="257">
        <v>278</v>
      </c>
      <c r="Z20" s="261">
        <v>691</v>
      </c>
      <c r="AA20" s="258">
        <v>969</v>
      </c>
      <c r="AB20" s="260">
        <v>0</v>
      </c>
      <c r="AC20" s="261">
        <v>2552</v>
      </c>
      <c r="AD20" s="261">
        <v>2919</v>
      </c>
      <c r="AE20" s="261">
        <v>2049</v>
      </c>
      <c r="AF20" s="261">
        <v>1688</v>
      </c>
      <c r="AG20" s="261">
        <v>1547</v>
      </c>
      <c r="AH20" s="258">
        <v>10755</v>
      </c>
      <c r="AI20" s="263">
        <v>11724</v>
      </c>
      <c r="AJ20" s="257">
        <v>58</v>
      </c>
      <c r="AK20" s="261">
        <v>150</v>
      </c>
      <c r="AL20" s="258">
        <v>208</v>
      </c>
      <c r="AM20" s="260">
        <v>0</v>
      </c>
      <c r="AN20" s="261">
        <v>458</v>
      </c>
      <c r="AO20" s="261">
        <v>839</v>
      </c>
      <c r="AP20" s="261">
        <v>439</v>
      </c>
      <c r="AQ20" s="261">
        <v>329</v>
      </c>
      <c r="AR20" s="261">
        <v>194</v>
      </c>
      <c r="AS20" s="258">
        <v>2259</v>
      </c>
      <c r="AT20" s="263">
        <v>2467</v>
      </c>
      <c r="AU20" s="257">
        <v>0</v>
      </c>
      <c r="AV20" s="261">
        <v>0</v>
      </c>
      <c r="AW20" s="258">
        <v>0</v>
      </c>
      <c r="AX20" s="260">
        <v>0</v>
      </c>
      <c r="AY20" s="261">
        <v>6085</v>
      </c>
      <c r="AZ20" s="261">
        <v>6063</v>
      </c>
      <c r="BA20" s="261">
        <v>4537</v>
      </c>
      <c r="BB20" s="261">
        <v>2447</v>
      </c>
      <c r="BC20" s="261">
        <v>1161</v>
      </c>
      <c r="BD20" s="262">
        <v>20293</v>
      </c>
      <c r="BE20" s="263">
        <v>20293</v>
      </c>
      <c r="BF20" s="257">
        <v>0</v>
      </c>
      <c r="BG20" s="261">
        <v>0</v>
      </c>
      <c r="BH20" s="258">
        <v>0</v>
      </c>
      <c r="BI20" s="260">
        <v>0</v>
      </c>
      <c r="BJ20" s="261">
        <v>1333</v>
      </c>
      <c r="BK20" s="261">
        <v>1664</v>
      </c>
      <c r="BL20" s="261">
        <v>902</v>
      </c>
      <c r="BM20" s="261">
        <v>490</v>
      </c>
      <c r="BN20" s="261">
        <v>231</v>
      </c>
      <c r="BO20" s="258">
        <v>4620</v>
      </c>
      <c r="BP20" s="263">
        <v>4620</v>
      </c>
      <c r="BQ20" s="257">
        <v>0</v>
      </c>
      <c r="BR20" s="261">
        <v>39</v>
      </c>
      <c r="BS20" s="258">
        <v>39</v>
      </c>
      <c r="BT20" s="260">
        <v>0</v>
      </c>
      <c r="BU20" s="261">
        <v>468</v>
      </c>
      <c r="BV20" s="261">
        <v>1034</v>
      </c>
      <c r="BW20" s="261">
        <v>1710</v>
      </c>
      <c r="BX20" s="261">
        <v>1543</v>
      </c>
      <c r="BY20" s="261">
        <v>731</v>
      </c>
      <c r="BZ20" s="258">
        <v>5486</v>
      </c>
      <c r="CA20" s="263">
        <v>5525</v>
      </c>
      <c r="CB20" s="257">
        <v>0</v>
      </c>
      <c r="CC20" s="261">
        <v>0</v>
      </c>
      <c r="CD20" s="258">
        <v>0</v>
      </c>
      <c r="CE20" s="260">
        <v>0</v>
      </c>
      <c r="CF20" s="261">
        <v>5</v>
      </c>
      <c r="CG20" s="261">
        <v>34</v>
      </c>
      <c r="CH20" s="261">
        <v>6</v>
      </c>
      <c r="CI20" s="261">
        <v>18</v>
      </c>
      <c r="CJ20" s="261">
        <v>7</v>
      </c>
      <c r="CK20" s="258">
        <v>70</v>
      </c>
      <c r="CL20" s="263">
        <v>70</v>
      </c>
      <c r="CM20" s="257">
        <v>0</v>
      </c>
      <c r="CN20" s="261">
        <v>0</v>
      </c>
      <c r="CO20" s="258">
        <v>0</v>
      </c>
      <c r="CP20" s="260">
        <v>0</v>
      </c>
      <c r="CQ20" s="261">
        <v>0</v>
      </c>
      <c r="CR20" s="261">
        <v>0</v>
      </c>
      <c r="CS20" s="261">
        <v>0</v>
      </c>
      <c r="CT20" s="261">
        <v>0</v>
      </c>
      <c r="CU20" s="261">
        <v>0</v>
      </c>
      <c r="CV20" s="258">
        <v>0</v>
      </c>
      <c r="CW20" s="263">
        <v>0</v>
      </c>
      <c r="CX20" s="257">
        <v>0</v>
      </c>
      <c r="CY20" s="261">
        <v>0</v>
      </c>
      <c r="CZ20" s="258">
        <v>0</v>
      </c>
      <c r="DA20" s="260">
        <v>0</v>
      </c>
      <c r="DB20" s="261">
        <v>0</v>
      </c>
      <c r="DC20" s="261">
        <v>0</v>
      </c>
      <c r="DD20" s="261">
        <v>0</v>
      </c>
      <c r="DE20" s="261">
        <v>0</v>
      </c>
      <c r="DF20" s="261">
        <v>0</v>
      </c>
      <c r="DG20" s="258">
        <v>0</v>
      </c>
      <c r="DH20" s="263">
        <v>0</v>
      </c>
    </row>
    <row r="21" spans="2:112" ht="21" customHeight="1" x14ac:dyDescent="0.2">
      <c r="B21" s="472" t="s">
        <v>19</v>
      </c>
      <c r="C21" s="257">
        <v>0</v>
      </c>
      <c r="D21" s="261">
        <v>0</v>
      </c>
      <c r="E21" s="358">
        <v>0</v>
      </c>
      <c r="F21" s="260">
        <v>0</v>
      </c>
      <c r="G21" s="261">
        <v>1834</v>
      </c>
      <c r="H21" s="261">
        <v>2884</v>
      </c>
      <c r="I21" s="261">
        <v>3170</v>
      </c>
      <c r="J21" s="261">
        <v>4252</v>
      </c>
      <c r="K21" s="261">
        <v>3263</v>
      </c>
      <c r="L21" s="262">
        <v>15403</v>
      </c>
      <c r="M21" s="263">
        <v>15403</v>
      </c>
      <c r="N21" s="257">
        <v>0</v>
      </c>
      <c r="O21" s="261">
        <v>0</v>
      </c>
      <c r="P21" s="258">
        <v>0</v>
      </c>
      <c r="Q21" s="260">
        <v>0</v>
      </c>
      <c r="R21" s="261">
        <v>21</v>
      </c>
      <c r="S21" s="261">
        <v>19</v>
      </c>
      <c r="T21" s="261">
        <v>64</v>
      </c>
      <c r="U21" s="261">
        <v>67</v>
      </c>
      <c r="V21" s="261">
        <v>143</v>
      </c>
      <c r="W21" s="258">
        <v>314</v>
      </c>
      <c r="X21" s="263">
        <v>314</v>
      </c>
      <c r="Y21" s="257">
        <v>161</v>
      </c>
      <c r="Z21" s="261">
        <v>245</v>
      </c>
      <c r="AA21" s="258">
        <v>406</v>
      </c>
      <c r="AB21" s="260">
        <v>0</v>
      </c>
      <c r="AC21" s="261">
        <v>1481</v>
      </c>
      <c r="AD21" s="261">
        <v>1270</v>
      </c>
      <c r="AE21" s="261">
        <v>937</v>
      </c>
      <c r="AF21" s="261">
        <v>888</v>
      </c>
      <c r="AG21" s="261">
        <v>746</v>
      </c>
      <c r="AH21" s="258">
        <v>5322</v>
      </c>
      <c r="AI21" s="263">
        <v>5728</v>
      </c>
      <c r="AJ21" s="257">
        <v>14</v>
      </c>
      <c r="AK21" s="261">
        <v>43</v>
      </c>
      <c r="AL21" s="258">
        <v>57</v>
      </c>
      <c r="AM21" s="260">
        <v>0</v>
      </c>
      <c r="AN21" s="261">
        <v>216</v>
      </c>
      <c r="AO21" s="261">
        <v>194</v>
      </c>
      <c r="AP21" s="261">
        <v>131</v>
      </c>
      <c r="AQ21" s="261">
        <v>167</v>
      </c>
      <c r="AR21" s="261">
        <v>15</v>
      </c>
      <c r="AS21" s="258">
        <v>723</v>
      </c>
      <c r="AT21" s="263">
        <v>780</v>
      </c>
      <c r="AU21" s="257">
        <v>0</v>
      </c>
      <c r="AV21" s="261">
        <v>0</v>
      </c>
      <c r="AW21" s="258">
        <v>0</v>
      </c>
      <c r="AX21" s="260">
        <v>0</v>
      </c>
      <c r="AY21" s="261">
        <v>2246</v>
      </c>
      <c r="AZ21" s="261">
        <v>2354</v>
      </c>
      <c r="BA21" s="261">
        <v>1394</v>
      </c>
      <c r="BB21" s="261">
        <v>683</v>
      </c>
      <c r="BC21" s="261">
        <v>476</v>
      </c>
      <c r="BD21" s="262">
        <v>7153</v>
      </c>
      <c r="BE21" s="263">
        <v>7153</v>
      </c>
      <c r="BF21" s="257">
        <v>0</v>
      </c>
      <c r="BG21" s="261">
        <v>0</v>
      </c>
      <c r="BH21" s="258">
        <v>0</v>
      </c>
      <c r="BI21" s="260">
        <v>0</v>
      </c>
      <c r="BJ21" s="261">
        <v>741</v>
      </c>
      <c r="BK21" s="261">
        <v>788</v>
      </c>
      <c r="BL21" s="261">
        <v>477</v>
      </c>
      <c r="BM21" s="261">
        <v>216</v>
      </c>
      <c r="BN21" s="261">
        <v>94</v>
      </c>
      <c r="BO21" s="258">
        <v>2316</v>
      </c>
      <c r="BP21" s="263">
        <v>2316</v>
      </c>
      <c r="BQ21" s="257">
        <v>33</v>
      </c>
      <c r="BR21" s="261">
        <v>7</v>
      </c>
      <c r="BS21" s="258">
        <v>40</v>
      </c>
      <c r="BT21" s="260">
        <v>0</v>
      </c>
      <c r="BU21" s="261">
        <v>114</v>
      </c>
      <c r="BV21" s="261">
        <v>315</v>
      </c>
      <c r="BW21" s="261">
        <v>507</v>
      </c>
      <c r="BX21" s="261">
        <v>371</v>
      </c>
      <c r="BY21" s="261">
        <v>150</v>
      </c>
      <c r="BZ21" s="258">
        <v>1457</v>
      </c>
      <c r="CA21" s="263">
        <v>1497</v>
      </c>
      <c r="CB21" s="257">
        <v>0</v>
      </c>
      <c r="CC21" s="261">
        <v>0</v>
      </c>
      <c r="CD21" s="258">
        <v>0</v>
      </c>
      <c r="CE21" s="260">
        <v>0</v>
      </c>
      <c r="CF21" s="261">
        <v>17</v>
      </c>
      <c r="CG21" s="261">
        <v>64</v>
      </c>
      <c r="CH21" s="261">
        <v>43</v>
      </c>
      <c r="CI21" s="261">
        <v>82</v>
      </c>
      <c r="CJ21" s="261">
        <v>36</v>
      </c>
      <c r="CK21" s="258">
        <v>242</v>
      </c>
      <c r="CL21" s="263">
        <v>242</v>
      </c>
      <c r="CM21" s="257">
        <v>0</v>
      </c>
      <c r="CN21" s="261">
        <v>0</v>
      </c>
      <c r="CO21" s="258">
        <v>0</v>
      </c>
      <c r="CP21" s="260">
        <v>0</v>
      </c>
      <c r="CQ21" s="261">
        <v>0</v>
      </c>
      <c r="CR21" s="261">
        <v>0</v>
      </c>
      <c r="CS21" s="261">
        <v>0</v>
      </c>
      <c r="CT21" s="261">
        <v>0</v>
      </c>
      <c r="CU21" s="261">
        <v>0</v>
      </c>
      <c r="CV21" s="258">
        <v>0</v>
      </c>
      <c r="CW21" s="263">
        <v>0</v>
      </c>
      <c r="CX21" s="257">
        <v>0</v>
      </c>
      <c r="CY21" s="261">
        <v>0</v>
      </c>
      <c r="CZ21" s="258">
        <v>0</v>
      </c>
      <c r="DA21" s="260">
        <v>0</v>
      </c>
      <c r="DB21" s="261">
        <v>0</v>
      </c>
      <c r="DC21" s="261">
        <v>0</v>
      </c>
      <c r="DD21" s="261">
        <v>0</v>
      </c>
      <c r="DE21" s="261">
        <v>0</v>
      </c>
      <c r="DF21" s="261">
        <v>0</v>
      </c>
      <c r="DG21" s="258">
        <v>0</v>
      </c>
      <c r="DH21" s="263">
        <v>0</v>
      </c>
    </row>
    <row r="22" spans="2:112" ht="21" customHeight="1" x14ac:dyDescent="0.2">
      <c r="B22" s="472" t="s">
        <v>20</v>
      </c>
      <c r="C22" s="257">
        <v>0</v>
      </c>
      <c r="D22" s="261">
        <v>0</v>
      </c>
      <c r="E22" s="358">
        <v>0</v>
      </c>
      <c r="F22" s="260">
        <v>0</v>
      </c>
      <c r="G22" s="261">
        <v>3235</v>
      </c>
      <c r="H22" s="261">
        <v>2951</v>
      </c>
      <c r="I22" s="261">
        <v>6049</v>
      </c>
      <c r="J22" s="261">
        <v>5236</v>
      </c>
      <c r="K22" s="261">
        <v>4702</v>
      </c>
      <c r="L22" s="262">
        <v>22173</v>
      </c>
      <c r="M22" s="263">
        <v>22173</v>
      </c>
      <c r="N22" s="257">
        <v>0</v>
      </c>
      <c r="O22" s="261">
        <v>0</v>
      </c>
      <c r="P22" s="258">
        <v>0</v>
      </c>
      <c r="Q22" s="260">
        <v>0</v>
      </c>
      <c r="R22" s="261">
        <v>7</v>
      </c>
      <c r="S22" s="261">
        <v>30</v>
      </c>
      <c r="T22" s="261">
        <v>92</v>
      </c>
      <c r="U22" s="261">
        <v>122</v>
      </c>
      <c r="V22" s="261">
        <v>241</v>
      </c>
      <c r="W22" s="258">
        <v>492</v>
      </c>
      <c r="X22" s="263">
        <v>492</v>
      </c>
      <c r="Y22" s="257">
        <v>282</v>
      </c>
      <c r="Z22" s="261">
        <v>658</v>
      </c>
      <c r="AA22" s="258">
        <v>940</v>
      </c>
      <c r="AB22" s="260">
        <v>0</v>
      </c>
      <c r="AC22" s="261">
        <v>2251</v>
      </c>
      <c r="AD22" s="261">
        <v>1829</v>
      </c>
      <c r="AE22" s="261">
        <v>1305</v>
      </c>
      <c r="AF22" s="261">
        <v>1067</v>
      </c>
      <c r="AG22" s="261">
        <v>761</v>
      </c>
      <c r="AH22" s="258">
        <v>7213</v>
      </c>
      <c r="AI22" s="263">
        <v>8153</v>
      </c>
      <c r="AJ22" s="257">
        <v>116</v>
      </c>
      <c r="AK22" s="261">
        <v>366</v>
      </c>
      <c r="AL22" s="258">
        <v>482</v>
      </c>
      <c r="AM22" s="260">
        <v>0</v>
      </c>
      <c r="AN22" s="261">
        <v>634</v>
      </c>
      <c r="AO22" s="261">
        <v>692</v>
      </c>
      <c r="AP22" s="261">
        <v>445</v>
      </c>
      <c r="AQ22" s="261">
        <v>421</v>
      </c>
      <c r="AR22" s="261">
        <v>85</v>
      </c>
      <c r="AS22" s="258">
        <v>2277</v>
      </c>
      <c r="AT22" s="263">
        <v>2759</v>
      </c>
      <c r="AU22" s="257">
        <v>0</v>
      </c>
      <c r="AV22" s="261">
        <v>0</v>
      </c>
      <c r="AW22" s="258">
        <v>0</v>
      </c>
      <c r="AX22" s="260">
        <v>0</v>
      </c>
      <c r="AY22" s="261">
        <v>3139</v>
      </c>
      <c r="AZ22" s="261">
        <v>2568</v>
      </c>
      <c r="BA22" s="261">
        <v>1780</v>
      </c>
      <c r="BB22" s="261">
        <v>974</v>
      </c>
      <c r="BC22" s="261">
        <v>374</v>
      </c>
      <c r="BD22" s="262">
        <v>8835</v>
      </c>
      <c r="BE22" s="263">
        <v>8835</v>
      </c>
      <c r="BF22" s="257">
        <v>0</v>
      </c>
      <c r="BG22" s="261">
        <v>0</v>
      </c>
      <c r="BH22" s="258">
        <v>0</v>
      </c>
      <c r="BI22" s="260">
        <v>0</v>
      </c>
      <c r="BJ22" s="261">
        <v>953</v>
      </c>
      <c r="BK22" s="261">
        <v>797</v>
      </c>
      <c r="BL22" s="261">
        <v>376</v>
      </c>
      <c r="BM22" s="261">
        <v>277</v>
      </c>
      <c r="BN22" s="261">
        <v>116</v>
      </c>
      <c r="BO22" s="258">
        <v>2519</v>
      </c>
      <c r="BP22" s="263">
        <v>2519</v>
      </c>
      <c r="BQ22" s="257">
        <v>4</v>
      </c>
      <c r="BR22" s="261">
        <v>37</v>
      </c>
      <c r="BS22" s="258">
        <v>41</v>
      </c>
      <c r="BT22" s="260">
        <v>0</v>
      </c>
      <c r="BU22" s="261">
        <v>508</v>
      </c>
      <c r="BV22" s="261">
        <v>548</v>
      </c>
      <c r="BW22" s="261">
        <v>1099</v>
      </c>
      <c r="BX22" s="261">
        <v>890</v>
      </c>
      <c r="BY22" s="261">
        <v>297</v>
      </c>
      <c r="BZ22" s="258">
        <v>3342</v>
      </c>
      <c r="CA22" s="263">
        <v>3383</v>
      </c>
      <c r="CB22" s="257">
        <v>0</v>
      </c>
      <c r="CC22" s="261">
        <v>0</v>
      </c>
      <c r="CD22" s="258">
        <v>0</v>
      </c>
      <c r="CE22" s="260">
        <v>0</v>
      </c>
      <c r="CF22" s="261">
        <v>12</v>
      </c>
      <c r="CG22" s="261">
        <v>24</v>
      </c>
      <c r="CH22" s="261">
        <v>66</v>
      </c>
      <c r="CI22" s="261">
        <v>53</v>
      </c>
      <c r="CJ22" s="261">
        <v>19</v>
      </c>
      <c r="CK22" s="258">
        <v>174</v>
      </c>
      <c r="CL22" s="263">
        <v>174</v>
      </c>
      <c r="CM22" s="257">
        <v>0</v>
      </c>
      <c r="CN22" s="261">
        <v>0</v>
      </c>
      <c r="CO22" s="258">
        <v>0</v>
      </c>
      <c r="CP22" s="260">
        <v>0</v>
      </c>
      <c r="CQ22" s="261">
        <v>0</v>
      </c>
      <c r="CR22" s="261">
        <v>0</v>
      </c>
      <c r="CS22" s="261">
        <v>0</v>
      </c>
      <c r="CT22" s="261">
        <v>0</v>
      </c>
      <c r="CU22" s="261">
        <v>0</v>
      </c>
      <c r="CV22" s="258">
        <v>0</v>
      </c>
      <c r="CW22" s="263">
        <v>0</v>
      </c>
      <c r="CX22" s="257">
        <v>0</v>
      </c>
      <c r="CY22" s="261">
        <v>0</v>
      </c>
      <c r="CZ22" s="258">
        <v>0</v>
      </c>
      <c r="DA22" s="260">
        <v>0</v>
      </c>
      <c r="DB22" s="261">
        <v>0</v>
      </c>
      <c r="DC22" s="261">
        <v>0</v>
      </c>
      <c r="DD22" s="261">
        <v>0</v>
      </c>
      <c r="DE22" s="261">
        <v>0</v>
      </c>
      <c r="DF22" s="261">
        <v>0</v>
      </c>
      <c r="DG22" s="258">
        <v>0</v>
      </c>
      <c r="DH22" s="263">
        <v>0</v>
      </c>
    </row>
    <row r="23" spans="2:112" ht="21" customHeight="1" x14ac:dyDescent="0.2">
      <c r="B23" s="472" t="s">
        <v>21</v>
      </c>
      <c r="C23" s="257">
        <v>0</v>
      </c>
      <c r="D23" s="261">
        <v>0</v>
      </c>
      <c r="E23" s="358">
        <v>0</v>
      </c>
      <c r="F23" s="260">
        <v>0</v>
      </c>
      <c r="G23" s="261">
        <v>2922</v>
      </c>
      <c r="H23" s="261">
        <v>7018</v>
      </c>
      <c r="I23" s="261">
        <v>6983</v>
      </c>
      <c r="J23" s="261">
        <v>7736</v>
      </c>
      <c r="K23" s="261">
        <v>6910</v>
      </c>
      <c r="L23" s="262">
        <v>31569</v>
      </c>
      <c r="M23" s="263">
        <v>31569</v>
      </c>
      <c r="N23" s="257">
        <v>0</v>
      </c>
      <c r="O23" s="261">
        <v>0</v>
      </c>
      <c r="P23" s="258">
        <v>0</v>
      </c>
      <c r="Q23" s="260">
        <v>0</v>
      </c>
      <c r="R23" s="261">
        <v>5</v>
      </c>
      <c r="S23" s="261">
        <v>25</v>
      </c>
      <c r="T23" s="261">
        <v>58</v>
      </c>
      <c r="U23" s="261">
        <v>174</v>
      </c>
      <c r="V23" s="261">
        <v>190</v>
      </c>
      <c r="W23" s="258">
        <v>452</v>
      </c>
      <c r="X23" s="263">
        <v>452</v>
      </c>
      <c r="Y23" s="257">
        <v>278</v>
      </c>
      <c r="Z23" s="261">
        <v>704</v>
      </c>
      <c r="AA23" s="258">
        <v>982</v>
      </c>
      <c r="AB23" s="260">
        <v>0</v>
      </c>
      <c r="AC23" s="261">
        <v>1917</v>
      </c>
      <c r="AD23" s="261">
        <v>2769</v>
      </c>
      <c r="AE23" s="261">
        <v>1585</v>
      </c>
      <c r="AF23" s="261">
        <v>1411</v>
      </c>
      <c r="AG23" s="261">
        <v>996</v>
      </c>
      <c r="AH23" s="258">
        <v>8678</v>
      </c>
      <c r="AI23" s="263">
        <v>9660</v>
      </c>
      <c r="AJ23" s="257">
        <v>136</v>
      </c>
      <c r="AK23" s="261">
        <v>276</v>
      </c>
      <c r="AL23" s="258">
        <v>412</v>
      </c>
      <c r="AM23" s="260">
        <v>0</v>
      </c>
      <c r="AN23" s="261">
        <v>261</v>
      </c>
      <c r="AO23" s="261">
        <v>389</v>
      </c>
      <c r="AP23" s="261">
        <v>267</v>
      </c>
      <c r="AQ23" s="261">
        <v>140</v>
      </c>
      <c r="AR23" s="261">
        <v>105</v>
      </c>
      <c r="AS23" s="258">
        <v>1162</v>
      </c>
      <c r="AT23" s="263">
        <v>1574</v>
      </c>
      <c r="AU23" s="257">
        <v>0</v>
      </c>
      <c r="AV23" s="261">
        <v>0</v>
      </c>
      <c r="AW23" s="258">
        <v>0</v>
      </c>
      <c r="AX23" s="260">
        <v>0</v>
      </c>
      <c r="AY23" s="261">
        <v>2697</v>
      </c>
      <c r="AZ23" s="261">
        <v>3442</v>
      </c>
      <c r="BA23" s="261">
        <v>2229</v>
      </c>
      <c r="BB23" s="261">
        <v>1202</v>
      </c>
      <c r="BC23" s="261">
        <v>378</v>
      </c>
      <c r="BD23" s="262">
        <v>9948</v>
      </c>
      <c r="BE23" s="263">
        <v>9948</v>
      </c>
      <c r="BF23" s="257">
        <v>0</v>
      </c>
      <c r="BG23" s="261">
        <v>0</v>
      </c>
      <c r="BH23" s="258">
        <v>0</v>
      </c>
      <c r="BI23" s="260">
        <v>0</v>
      </c>
      <c r="BJ23" s="261">
        <v>404</v>
      </c>
      <c r="BK23" s="261">
        <v>473</v>
      </c>
      <c r="BL23" s="261">
        <v>264</v>
      </c>
      <c r="BM23" s="261">
        <v>148</v>
      </c>
      <c r="BN23" s="261">
        <v>74</v>
      </c>
      <c r="BO23" s="258">
        <v>1363</v>
      </c>
      <c r="BP23" s="263">
        <v>1363</v>
      </c>
      <c r="BQ23" s="257">
        <v>9</v>
      </c>
      <c r="BR23" s="261">
        <v>14</v>
      </c>
      <c r="BS23" s="258">
        <v>23</v>
      </c>
      <c r="BT23" s="260">
        <v>0</v>
      </c>
      <c r="BU23" s="261">
        <v>160</v>
      </c>
      <c r="BV23" s="261">
        <v>406</v>
      </c>
      <c r="BW23" s="261">
        <v>968</v>
      </c>
      <c r="BX23" s="261">
        <v>945</v>
      </c>
      <c r="BY23" s="261">
        <v>439</v>
      </c>
      <c r="BZ23" s="258">
        <v>2918</v>
      </c>
      <c r="CA23" s="263">
        <v>2941</v>
      </c>
      <c r="CB23" s="257">
        <v>0</v>
      </c>
      <c r="CC23" s="261">
        <v>0</v>
      </c>
      <c r="CD23" s="258">
        <v>0</v>
      </c>
      <c r="CE23" s="260">
        <v>0</v>
      </c>
      <c r="CF23" s="261">
        <v>4</v>
      </c>
      <c r="CG23" s="261">
        <v>39</v>
      </c>
      <c r="CH23" s="261">
        <v>26</v>
      </c>
      <c r="CI23" s="261">
        <v>41</v>
      </c>
      <c r="CJ23" s="261">
        <v>10</v>
      </c>
      <c r="CK23" s="258">
        <v>120</v>
      </c>
      <c r="CL23" s="263">
        <v>120</v>
      </c>
      <c r="CM23" s="257">
        <v>0</v>
      </c>
      <c r="CN23" s="261">
        <v>0</v>
      </c>
      <c r="CO23" s="258">
        <v>0</v>
      </c>
      <c r="CP23" s="260">
        <v>0</v>
      </c>
      <c r="CQ23" s="261">
        <v>0</v>
      </c>
      <c r="CR23" s="261">
        <v>0</v>
      </c>
      <c r="CS23" s="261">
        <v>0</v>
      </c>
      <c r="CT23" s="261">
        <v>0</v>
      </c>
      <c r="CU23" s="261">
        <v>0</v>
      </c>
      <c r="CV23" s="258">
        <v>0</v>
      </c>
      <c r="CW23" s="263">
        <v>0</v>
      </c>
      <c r="CX23" s="257">
        <v>0</v>
      </c>
      <c r="CY23" s="261">
        <v>0</v>
      </c>
      <c r="CZ23" s="258">
        <v>0</v>
      </c>
      <c r="DA23" s="260">
        <v>0</v>
      </c>
      <c r="DB23" s="261">
        <v>0</v>
      </c>
      <c r="DC23" s="261">
        <v>0</v>
      </c>
      <c r="DD23" s="261">
        <v>0</v>
      </c>
      <c r="DE23" s="261">
        <v>0</v>
      </c>
      <c r="DF23" s="261">
        <v>0</v>
      </c>
      <c r="DG23" s="258">
        <v>0</v>
      </c>
      <c r="DH23" s="263">
        <v>0</v>
      </c>
    </row>
    <row r="24" spans="2:112" ht="21" customHeight="1" x14ac:dyDescent="0.2">
      <c r="B24" s="472" t="s">
        <v>22</v>
      </c>
      <c r="C24" s="257">
        <v>0</v>
      </c>
      <c r="D24" s="261">
        <v>0</v>
      </c>
      <c r="E24" s="358">
        <v>0</v>
      </c>
      <c r="F24" s="260">
        <v>0</v>
      </c>
      <c r="G24" s="261">
        <v>807</v>
      </c>
      <c r="H24" s="261">
        <v>1003</v>
      </c>
      <c r="I24" s="261">
        <v>878</v>
      </c>
      <c r="J24" s="261">
        <v>1315</v>
      </c>
      <c r="K24" s="261">
        <v>1591</v>
      </c>
      <c r="L24" s="262">
        <v>5594</v>
      </c>
      <c r="M24" s="263">
        <v>5594</v>
      </c>
      <c r="N24" s="257">
        <v>0</v>
      </c>
      <c r="O24" s="261">
        <v>0</v>
      </c>
      <c r="P24" s="258">
        <v>0</v>
      </c>
      <c r="Q24" s="260">
        <v>0</v>
      </c>
      <c r="R24" s="261">
        <v>17</v>
      </c>
      <c r="S24" s="261">
        <v>5</v>
      </c>
      <c r="T24" s="261">
        <v>20</v>
      </c>
      <c r="U24" s="261">
        <v>55</v>
      </c>
      <c r="V24" s="261">
        <v>97</v>
      </c>
      <c r="W24" s="258">
        <v>194</v>
      </c>
      <c r="X24" s="263">
        <v>194</v>
      </c>
      <c r="Y24" s="257">
        <v>51</v>
      </c>
      <c r="Z24" s="261">
        <v>32</v>
      </c>
      <c r="AA24" s="258">
        <v>83</v>
      </c>
      <c r="AB24" s="260">
        <v>0</v>
      </c>
      <c r="AC24" s="261">
        <v>333</v>
      </c>
      <c r="AD24" s="261">
        <v>491</v>
      </c>
      <c r="AE24" s="261">
        <v>284</v>
      </c>
      <c r="AF24" s="261">
        <v>292</v>
      </c>
      <c r="AG24" s="261">
        <v>279</v>
      </c>
      <c r="AH24" s="258">
        <v>1679</v>
      </c>
      <c r="AI24" s="263">
        <v>1762</v>
      </c>
      <c r="AJ24" s="257">
        <v>0</v>
      </c>
      <c r="AK24" s="261">
        <v>12</v>
      </c>
      <c r="AL24" s="258">
        <v>12</v>
      </c>
      <c r="AM24" s="260">
        <v>0</v>
      </c>
      <c r="AN24" s="261">
        <v>159</v>
      </c>
      <c r="AO24" s="261">
        <v>161</v>
      </c>
      <c r="AP24" s="261">
        <v>45</v>
      </c>
      <c r="AQ24" s="261">
        <v>77</v>
      </c>
      <c r="AR24" s="261">
        <v>33</v>
      </c>
      <c r="AS24" s="258">
        <v>475</v>
      </c>
      <c r="AT24" s="263">
        <v>487</v>
      </c>
      <c r="AU24" s="257">
        <v>0</v>
      </c>
      <c r="AV24" s="261">
        <v>0</v>
      </c>
      <c r="AW24" s="258">
        <v>0</v>
      </c>
      <c r="AX24" s="260">
        <v>0</v>
      </c>
      <c r="AY24" s="261">
        <v>908</v>
      </c>
      <c r="AZ24" s="261">
        <v>1096</v>
      </c>
      <c r="BA24" s="261">
        <v>628</v>
      </c>
      <c r="BB24" s="261">
        <v>302</v>
      </c>
      <c r="BC24" s="261">
        <v>201</v>
      </c>
      <c r="BD24" s="262">
        <v>3135</v>
      </c>
      <c r="BE24" s="263">
        <v>3135</v>
      </c>
      <c r="BF24" s="257">
        <v>0</v>
      </c>
      <c r="BG24" s="261">
        <v>0</v>
      </c>
      <c r="BH24" s="258">
        <v>0</v>
      </c>
      <c r="BI24" s="260">
        <v>0</v>
      </c>
      <c r="BJ24" s="261">
        <v>141</v>
      </c>
      <c r="BK24" s="261">
        <v>208</v>
      </c>
      <c r="BL24" s="261">
        <v>90</v>
      </c>
      <c r="BM24" s="261">
        <v>119</v>
      </c>
      <c r="BN24" s="261">
        <v>100</v>
      </c>
      <c r="BO24" s="258">
        <v>658</v>
      </c>
      <c r="BP24" s="263">
        <v>658</v>
      </c>
      <c r="BQ24" s="257">
        <v>0</v>
      </c>
      <c r="BR24" s="261">
        <v>11</v>
      </c>
      <c r="BS24" s="258">
        <v>11</v>
      </c>
      <c r="BT24" s="260">
        <v>0</v>
      </c>
      <c r="BU24" s="261">
        <v>121</v>
      </c>
      <c r="BV24" s="261">
        <v>103</v>
      </c>
      <c r="BW24" s="261">
        <v>233</v>
      </c>
      <c r="BX24" s="261">
        <v>437</v>
      </c>
      <c r="BY24" s="261">
        <v>139</v>
      </c>
      <c r="BZ24" s="258">
        <v>1033</v>
      </c>
      <c r="CA24" s="263">
        <v>1044</v>
      </c>
      <c r="CB24" s="257">
        <v>0</v>
      </c>
      <c r="CC24" s="261">
        <v>0</v>
      </c>
      <c r="CD24" s="258">
        <v>0</v>
      </c>
      <c r="CE24" s="260">
        <v>0</v>
      </c>
      <c r="CF24" s="261">
        <v>10</v>
      </c>
      <c r="CG24" s="261">
        <v>16</v>
      </c>
      <c r="CH24" s="261">
        <v>32</v>
      </c>
      <c r="CI24" s="261">
        <v>63</v>
      </c>
      <c r="CJ24" s="261">
        <v>19</v>
      </c>
      <c r="CK24" s="258">
        <v>140</v>
      </c>
      <c r="CL24" s="263">
        <v>140</v>
      </c>
      <c r="CM24" s="257">
        <v>0</v>
      </c>
      <c r="CN24" s="261">
        <v>0</v>
      </c>
      <c r="CO24" s="258">
        <v>0</v>
      </c>
      <c r="CP24" s="260">
        <v>0</v>
      </c>
      <c r="CQ24" s="261">
        <v>0</v>
      </c>
      <c r="CR24" s="261">
        <v>0</v>
      </c>
      <c r="CS24" s="261">
        <v>0</v>
      </c>
      <c r="CT24" s="261">
        <v>0</v>
      </c>
      <c r="CU24" s="261">
        <v>0</v>
      </c>
      <c r="CV24" s="258">
        <v>0</v>
      </c>
      <c r="CW24" s="263">
        <v>0</v>
      </c>
      <c r="CX24" s="257">
        <v>0</v>
      </c>
      <c r="CY24" s="261">
        <v>0</v>
      </c>
      <c r="CZ24" s="258">
        <v>0</v>
      </c>
      <c r="DA24" s="260">
        <v>0</v>
      </c>
      <c r="DB24" s="261">
        <v>0</v>
      </c>
      <c r="DC24" s="261">
        <v>0</v>
      </c>
      <c r="DD24" s="261">
        <v>0</v>
      </c>
      <c r="DE24" s="261">
        <v>0</v>
      </c>
      <c r="DF24" s="261">
        <v>0</v>
      </c>
      <c r="DG24" s="258">
        <v>0</v>
      </c>
      <c r="DH24" s="263">
        <v>0</v>
      </c>
    </row>
    <row r="25" spans="2:112" ht="21" customHeight="1" x14ac:dyDescent="0.2">
      <c r="B25" s="472" t="s">
        <v>23</v>
      </c>
      <c r="C25" s="257">
        <v>0</v>
      </c>
      <c r="D25" s="261">
        <v>0</v>
      </c>
      <c r="E25" s="358">
        <v>0</v>
      </c>
      <c r="F25" s="260">
        <v>0</v>
      </c>
      <c r="G25" s="261">
        <v>1913</v>
      </c>
      <c r="H25" s="261">
        <v>2500</v>
      </c>
      <c r="I25" s="261">
        <v>2910</v>
      </c>
      <c r="J25" s="261">
        <v>3491</v>
      </c>
      <c r="K25" s="261">
        <v>2353</v>
      </c>
      <c r="L25" s="262">
        <v>13167</v>
      </c>
      <c r="M25" s="263">
        <v>13167</v>
      </c>
      <c r="N25" s="257">
        <v>0</v>
      </c>
      <c r="O25" s="261">
        <v>0</v>
      </c>
      <c r="P25" s="258">
        <v>0</v>
      </c>
      <c r="Q25" s="260">
        <v>0</v>
      </c>
      <c r="R25" s="261">
        <v>12</v>
      </c>
      <c r="S25" s="261">
        <v>17</v>
      </c>
      <c r="T25" s="261">
        <v>61</v>
      </c>
      <c r="U25" s="261">
        <v>69</v>
      </c>
      <c r="V25" s="261">
        <v>107</v>
      </c>
      <c r="W25" s="258">
        <v>266</v>
      </c>
      <c r="X25" s="263">
        <v>266</v>
      </c>
      <c r="Y25" s="257">
        <v>224</v>
      </c>
      <c r="Z25" s="261">
        <v>471</v>
      </c>
      <c r="AA25" s="258">
        <v>695</v>
      </c>
      <c r="AB25" s="260">
        <v>0</v>
      </c>
      <c r="AC25" s="261">
        <v>933</v>
      </c>
      <c r="AD25" s="261">
        <v>1647</v>
      </c>
      <c r="AE25" s="261">
        <v>818</v>
      </c>
      <c r="AF25" s="261">
        <v>859</v>
      </c>
      <c r="AG25" s="261">
        <v>504</v>
      </c>
      <c r="AH25" s="258">
        <v>4761</v>
      </c>
      <c r="AI25" s="263">
        <v>5456</v>
      </c>
      <c r="AJ25" s="257">
        <v>45</v>
      </c>
      <c r="AK25" s="261">
        <v>91</v>
      </c>
      <c r="AL25" s="258">
        <v>136</v>
      </c>
      <c r="AM25" s="260">
        <v>0</v>
      </c>
      <c r="AN25" s="261">
        <v>133</v>
      </c>
      <c r="AO25" s="261">
        <v>235</v>
      </c>
      <c r="AP25" s="261">
        <v>105</v>
      </c>
      <c r="AQ25" s="261">
        <v>129</v>
      </c>
      <c r="AR25" s="261">
        <v>122</v>
      </c>
      <c r="AS25" s="258">
        <v>724</v>
      </c>
      <c r="AT25" s="263">
        <v>860</v>
      </c>
      <c r="AU25" s="257">
        <v>0</v>
      </c>
      <c r="AV25" s="261">
        <v>0</v>
      </c>
      <c r="AW25" s="258">
        <v>0</v>
      </c>
      <c r="AX25" s="260">
        <v>0</v>
      </c>
      <c r="AY25" s="261">
        <v>2633</v>
      </c>
      <c r="AZ25" s="261">
        <v>2450</v>
      </c>
      <c r="BA25" s="261">
        <v>1574</v>
      </c>
      <c r="BB25" s="261">
        <v>977</v>
      </c>
      <c r="BC25" s="261">
        <v>379</v>
      </c>
      <c r="BD25" s="262">
        <v>8013</v>
      </c>
      <c r="BE25" s="263">
        <v>8013</v>
      </c>
      <c r="BF25" s="257">
        <v>0</v>
      </c>
      <c r="BG25" s="261">
        <v>0</v>
      </c>
      <c r="BH25" s="258">
        <v>0</v>
      </c>
      <c r="BI25" s="260">
        <v>0</v>
      </c>
      <c r="BJ25" s="261">
        <v>291</v>
      </c>
      <c r="BK25" s="261">
        <v>384</v>
      </c>
      <c r="BL25" s="261">
        <v>277</v>
      </c>
      <c r="BM25" s="261">
        <v>221</v>
      </c>
      <c r="BN25" s="261">
        <v>53</v>
      </c>
      <c r="BO25" s="258">
        <v>1226</v>
      </c>
      <c r="BP25" s="263">
        <v>1226</v>
      </c>
      <c r="BQ25" s="257">
        <v>6</v>
      </c>
      <c r="BR25" s="261">
        <v>14</v>
      </c>
      <c r="BS25" s="258">
        <v>20</v>
      </c>
      <c r="BT25" s="260">
        <v>0</v>
      </c>
      <c r="BU25" s="261">
        <v>192</v>
      </c>
      <c r="BV25" s="261">
        <v>375</v>
      </c>
      <c r="BW25" s="261">
        <v>568</v>
      </c>
      <c r="BX25" s="261">
        <v>499</v>
      </c>
      <c r="BY25" s="261">
        <v>201</v>
      </c>
      <c r="BZ25" s="258">
        <v>1835</v>
      </c>
      <c r="CA25" s="263">
        <v>1855</v>
      </c>
      <c r="CB25" s="257">
        <v>3</v>
      </c>
      <c r="CC25" s="261">
        <v>0</v>
      </c>
      <c r="CD25" s="258">
        <v>3</v>
      </c>
      <c r="CE25" s="260">
        <v>0</v>
      </c>
      <c r="CF25" s="261">
        <v>3</v>
      </c>
      <c r="CG25" s="261">
        <v>8</v>
      </c>
      <c r="CH25" s="261">
        <v>10</v>
      </c>
      <c r="CI25" s="261">
        <v>26</v>
      </c>
      <c r="CJ25" s="261">
        <v>10</v>
      </c>
      <c r="CK25" s="258">
        <v>57</v>
      </c>
      <c r="CL25" s="263">
        <v>60</v>
      </c>
      <c r="CM25" s="257">
        <v>0</v>
      </c>
      <c r="CN25" s="261">
        <v>0</v>
      </c>
      <c r="CO25" s="258">
        <v>0</v>
      </c>
      <c r="CP25" s="260">
        <v>0</v>
      </c>
      <c r="CQ25" s="261">
        <v>0</v>
      </c>
      <c r="CR25" s="261">
        <v>0</v>
      </c>
      <c r="CS25" s="261">
        <v>0</v>
      </c>
      <c r="CT25" s="261">
        <v>0</v>
      </c>
      <c r="CU25" s="261">
        <v>0</v>
      </c>
      <c r="CV25" s="258">
        <v>0</v>
      </c>
      <c r="CW25" s="263">
        <v>0</v>
      </c>
      <c r="CX25" s="257">
        <v>0</v>
      </c>
      <c r="CY25" s="261">
        <v>0</v>
      </c>
      <c r="CZ25" s="258">
        <v>0</v>
      </c>
      <c r="DA25" s="260">
        <v>0</v>
      </c>
      <c r="DB25" s="261">
        <v>0</v>
      </c>
      <c r="DC25" s="261">
        <v>0</v>
      </c>
      <c r="DD25" s="261">
        <v>0</v>
      </c>
      <c r="DE25" s="261">
        <v>0</v>
      </c>
      <c r="DF25" s="261">
        <v>0</v>
      </c>
      <c r="DG25" s="258">
        <v>0</v>
      </c>
      <c r="DH25" s="263">
        <v>0</v>
      </c>
    </row>
    <row r="26" spans="2:112" ht="21" customHeight="1" x14ac:dyDescent="0.2">
      <c r="B26" s="472" t="s">
        <v>24</v>
      </c>
      <c r="C26" s="257">
        <v>0</v>
      </c>
      <c r="D26" s="261">
        <v>0</v>
      </c>
      <c r="E26" s="358">
        <v>0</v>
      </c>
      <c r="F26" s="260">
        <v>0</v>
      </c>
      <c r="G26" s="261">
        <v>852</v>
      </c>
      <c r="H26" s="261">
        <v>1278</v>
      </c>
      <c r="I26" s="261">
        <v>1606</v>
      </c>
      <c r="J26" s="261">
        <v>1408</v>
      </c>
      <c r="K26" s="261">
        <v>1718</v>
      </c>
      <c r="L26" s="262">
        <v>6862</v>
      </c>
      <c r="M26" s="263">
        <v>6862</v>
      </c>
      <c r="N26" s="257">
        <v>0</v>
      </c>
      <c r="O26" s="261">
        <v>0</v>
      </c>
      <c r="P26" s="258">
        <v>0</v>
      </c>
      <c r="Q26" s="260">
        <v>0</v>
      </c>
      <c r="R26" s="261">
        <v>13</v>
      </c>
      <c r="S26" s="261">
        <v>8</v>
      </c>
      <c r="T26" s="261">
        <v>10</v>
      </c>
      <c r="U26" s="261">
        <v>57</v>
      </c>
      <c r="V26" s="261">
        <v>113</v>
      </c>
      <c r="W26" s="258">
        <v>201</v>
      </c>
      <c r="X26" s="263">
        <v>201</v>
      </c>
      <c r="Y26" s="257">
        <v>119</v>
      </c>
      <c r="Z26" s="261">
        <v>166</v>
      </c>
      <c r="AA26" s="258">
        <v>285</v>
      </c>
      <c r="AB26" s="260">
        <v>0</v>
      </c>
      <c r="AC26" s="261">
        <v>492</v>
      </c>
      <c r="AD26" s="261">
        <v>588</v>
      </c>
      <c r="AE26" s="261">
        <v>257</v>
      </c>
      <c r="AF26" s="261">
        <v>461</v>
      </c>
      <c r="AG26" s="261">
        <v>239</v>
      </c>
      <c r="AH26" s="258">
        <v>2037</v>
      </c>
      <c r="AI26" s="263">
        <v>2322</v>
      </c>
      <c r="AJ26" s="257">
        <v>0</v>
      </c>
      <c r="AK26" s="261">
        <v>10</v>
      </c>
      <c r="AL26" s="258">
        <v>10</v>
      </c>
      <c r="AM26" s="260">
        <v>0</v>
      </c>
      <c r="AN26" s="261">
        <v>45</v>
      </c>
      <c r="AO26" s="261">
        <v>76</v>
      </c>
      <c r="AP26" s="261">
        <v>16</v>
      </c>
      <c r="AQ26" s="261">
        <v>56</v>
      </c>
      <c r="AR26" s="261">
        <v>41</v>
      </c>
      <c r="AS26" s="258">
        <v>234</v>
      </c>
      <c r="AT26" s="263">
        <v>244</v>
      </c>
      <c r="AU26" s="257">
        <v>0</v>
      </c>
      <c r="AV26" s="261">
        <v>0</v>
      </c>
      <c r="AW26" s="258">
        <v>0</v>
      </c>
      <c r="AX26" s="260">
        <v>0</v>
      </c>
      <c r="AY26" s="261">
        <v>1009</v>
      </c>
      <c r="AZ26" s="261">
        <v>906</v>
      </c>
      <c r="BA26" s="261">
        <v>412</v>
      </c>
      <c r="BB26" s="261">
        <v>228</v>
      </c>
      <c r="BC26" s="261">
        <v>65</v>
      </c>
      <c r="BD26" s="262">
        <v>2620</v>
      </c>
      <c r="BE26" s="263">
        <v>2620</v>
      </c>
      <c r="BF26" s="257">
        <v>0</v>
      </c>
      <c r="BG26" s="261">
        <v>0</v>
      </c>
      <c r="BH26" s="258">
        <v>0</v>
      </c>
      <c r="BI26" s="260">
        <v>0</v>
      </c>
      <c r="BJ26" s="261">
        <v>387</v>
      </c>
      <c r="BK26" s="261">
        <v>299</v>
      </c>
      <c r="BL26" s="261">
        <v>198</v>
      </c>
      <c r="BM26" s="261">
        <v>101</v>
      </c>
      <c r="BN26" s="261">
        <v>128</v>
      </c>
      <c r="BO26" s="258">
        <v>1113</v>
      </c>
      <c r="BP26" s="263">
        <v>1113</v>
      </c>
      <c r="BQ26" s="257">
        <v>4</v>
      </c>
      <c r="BR26" s="261">
        <v>0</v>
      </c>
      <c r="BS26" s="258">
        <v>4</v>
      </c>
      <c r="BT26" s="260">
        <v>0</v>
      </c>
      <c r="BU26" s="261">
        <v>114</v>
      </c>
      <c r="BV26" s="261">
        <v>157</v>
      </c>
      <c r="BW26" s="261">
        <v>192</v>
      </c>
      <c r="BX26" s="261">
        <v>266</v>
      </c>
      <c r="BY26" s="261">
        <v>56</v>
      </c>
      <c r="BZ26" s="258">
        <v>785</v>
      </c>
      <c r="CA26" s="263">
        <v>789</v>
      </c>
      <c r="CB26" s="257">
        <v>0</v>
      </c>
      <c r="CC26" s="261">
        <v>0</v>
      </c>
      <c r="CD26" s="258">
        <v>0</v>
      </c>
      <c r="CE26" s="260">
        <v>0</v>
      </c>
      <c r="CF26" s="261">
        <v>8</v>
      </c>
      <c r="CG26" s="261">
        <v>5</v>
      </c>
      <c r="CH26" s="261">
        <v>41</v>
      </c>
      <c r="CI26" s="261">
        <v>8</v>
      </c>
      <c r="CJ26" s="261">
        <v>20</v>
      </c>
      <c r="CK26" s="258">
        <v>82</v>
      </c>
      <c r="CL26" s="263">
        <v>82</v>
      </c>
      <c r="CM26" s="257">
        <v>0</v>
      </c>
      <c r="CN26" s="261">
        <v>0</v>
      </c>
      <c r="CO26" s="258">
        <v>0</v>
      </c>
      <c r="CP26" s="260">
        <v>0</v>
      </c>
      <c r="CQ26" s="261">
        <v>0</v>
      </c>
      <c r="CR26" s="261">
        <v>0</v>
      </c>
      <c r="CS26" s="261">
        <v>0</v>
      </c>
      <c r="CT26" s="261">
        <v>0</v>
      </c>
      <c r="CU26" s="261">
        <v>0</v>
      </c>
      <c r="CV26" s="258">
        <v>0</v>
      </c>
      <c r="CW26" s="263">
        <v>0</v>
      </c>
      <c r="CX26" s="257">
        <v>0</v>
      </c>
      <c r="CY26" s="261">
        <v>0</v>
      </c>
      <c r="CZ26" s="258">
        <v>0</v>
      </c>
      <c r="DA26" s="260">
        <v>0</v>
      </c>
      <c r="DB26" s="261">
        <v>0</v>
      </c>
      <c r="DC26" s="261">
        <v>0</v>
      </c>
      <c r="DD26" s="261">
        <v>0</v>
      </c>
      <c r="DE26" s="261">
        <v>0</v>
      </c>
      <c r="DF26" s="261">
        <v>0</v>
      </c>
      <c r="DG26" s="258">
        <v>0</v>
      </c>
      <c r="DH26" s="263">
        <v>0</v>
      </c>
    </row>
    <row r="27" spans="2:112" ht="21" customHeight="1" x14ac:dyDescent="0.2">
      <c r="B27" s="472" t="s">
        <v>25</v>
      </c>
      <c r="C27" s="257">
        <v>0</v>
      </c>
      <c r="D27" s="261">
        <v>0</v>
      </c>
      <c r="E27" s="358">
        <v>0</v>
      </c>
      <c r="F27" s="260">
        <v>0</v>
      </c>
      <c r="G27" s="261">
        <v>1244</v>
      </c>
      <c r="H27" s="261">
        <v>1679</v>
      </c>
      <c r="I27" s="261">
        <v>1920</v>
      </c>
      <c r="J27" s="261">
        <v>1805</v>
      </c>
      <c r="K27" s="261">
        <v>2409</v>
      </c>
      <c r="L27" s="262">
        <v>9057</v>
      </c>
      <c r="M27" s="263">
        <v>9057</v>
      </c>
      <c r="N27" s="257">
        <v>0</v>
      </c>
      <c r="O27" s="261">
        <v>0</v>
      </c>
      <c r="P27" s="258">
        <v>0</v>
      </c>
      <c r="Q27" s="260">
        <v>0</v>
      </c>
      <c r="R27" s="261">
        <v>9</v>
      </c>
      <c r="S27" s="261">
        <v>50</v>
      </c>
      <c r="T27" s="261">
        <v>71</v>
      </c>
      <c r="U27" s="261">
        <v>76</v>
      </c>
      <c r="V27" s="261">
        <v>105</v>
      </c>
      <c r="W27" s="258">
        <v>311</v>
      </c>
      <c r="X27" s="263">
        <v>311</v>
      </c>
      <c r="Y27" s="257">
        <v>89</v>
      </c>
      <c r="Z27" s="261">
        <v>282</v>
      </c>
      <c r="AA27" s="258">
        <v>371</v>
      </c>
      <c r="AB27" s="260">
        <v>0</v>
      </c>
      <c r="AC27" s="261">
        <v>626</v>
      </c>
      <c r="AD27" s="261">
        <v>754</v>
      </c>
      <c r="AE27" s="261">
        <v>436</v>
      </c>
      <c r="AF27" s="261">
        <v>259</v>
      </c>
      <c r="AG27" s="261">
        <v>252</v>
      </c>
      <c r="AH27" s="258">
        <v>2327</v>
      </c>
      <c r="AI27" s="263">
        <v>2698</v>
      </c>
      <c r="AJ27" s="257">
        <v>17</v>
      </c>
      <c r="AK27" s="261">
        <v>35</v>
      </c>
      <c r="AL27" s="258">
        <v>52</v>
      </c>
      <c r="AM27" s="260">
        <v>0</v>
      </c>
      <c r="AN27" s="261">
        <v>16</v>
      </c>
      <c r="AO27" s="261">
        <v>131</v>
      </c>
      <c r="AP27" s="261">
        <v>70</v>
      </c>
      <c r="AQ27" s="261">
        <v>36</v>
      </c>
      <c r="AR27" s="261">
        <v>47</v>
      </c>
      <c r="AS27" s="258">
        <v>300</v>
      </c>
      <c r="AT27" s="263">
        <v>352</v>
      </c>
      <c r="AU27" s="257">
        <v>0</v>
      </c>
      <c r="AV27" s="261">
        <v>0</v>
      </c>
      <c r="AW27" s="258">
        <v>0</v>
      </c>
      <c r="AX27" s="260">
        <v>0</v>
      </c>
      <c r="AY27" s="261">
        <v>1441</v>
      </c>
      <c r="AZ27" s="261">
        <v>858</v>
      </c>
      <c r="BA27" s="261">
        <v>713</v>
      </c>
      <c r="BB27" s="261">
        <v>556</v>
      </c>
      <c r="BC27" s="261">
        <v>79</v>
      </c>
      <c r="BD27" s="262">
        <v>3647</v>
      </c>
      <c r="BE27" s="263">
        <v>3647</v>
      </c>
      <c r="BF27" s="257">
        <v>0</v>
      </c>
      <c r="BG27" s="261">
        <v>0</v>
      </c>
      <c r="BH27" s="258">
        <v>0</v>
      </c>
      <c r="BI27" s="260">
        <v>0</v>
      </c>
      <c r="BJ27" s="261">
        <v>225</v>
      </c>
      <c r="BK27" s="261">
        <v>465</v>
      </c>
      <c r="BL27" s="261">
        <v>202</v>
      </c>
      <c r="BM27" s="261">
        <v>133</v>
      </c>
      <c r="BN27" s="261">
        <v>26</v>
      </c>
      <c r="BO27" s="258">
        <v>1051</v>
      </c>
      <c r="BP27" s="263">
        <v>1051</v>
      </c>
      <c r="BQ27" s="257">
        <v>0</v>
      </c>
      <c r="BR27" s="261">
        <v>8</v>
      </c>
      <c r="BS27" s="258">
        <v>8</v>
      </c>
      <c r="BT27" s="260">
        <v>0</v>
      </c>
      <c r="BU27" s="261">
        <v>107</v>
      </c>
      <c r="BV27" s="261">
        <v>173</v>
      </c>
      <c r="BW27" s="261">
        <v>256</v>
      </c>
      <c r="BX27" s="261">
        <v>159</v>
      </c>
      <c r="BY27" s="261">
        <v>22</v>
      </c>
      <c r="BZ27" s="258">
        <v>717</v>
      </c>
      <c r="CA27" s="263">
        <v>725</v>
      </c>
      <c r="CB27" s="257">
        <v>0</v>
      </c>
      <c r="CC27" s="261">
        <v>0</v>
      </c>
      <c r="CD27" s="258">
        <v>0</v>
      </c>
      <c r="CE27" s="260">
        <v>0</v>
      </c>
      <c r="CF27" s="261">
        <v>3</v>
      </c>
      <c r="CG27" s="261">
        <v>29</v>
      </c>
      <c r="CH27" s="261">
        <v>48</v>
      </c>
      <c r="CI27" s="261">
        <v>36</v>
      </c>
      <c r="CJ27" s="261">
        <v>22</v>
      </c>
      <c r="CK27" s="258">
        <v>138</v>
      </c>
      <c r="CL27" s="263">
        <v>138</v>
      </c>
      <c r="CM27" s="257">
        <v>0</v>
      </c>
      <c r="CN27" s="261">
        <v>0</v>
      </c>
      <c r="CO27" s="258">
        <v>0</v>
      </c>
      <c r="CP27" s="260">
        <v>0</v>
      </c>
      <c r="CQ27" s="261">
        <v>0</v>
      </c>
      <c r="CR27" s="261">
        <v>0</v>
      </c>
      <c r="CS27" s="261">
        <v>0</v>
      </c>
      <c r="CT27" s="261">
        <v>0</v>
      </c>
      <c r="CU27" s="261">
        <v>0</v>
      </c>
      <c r="CV27" s="258">
        <v>0</v>
      </c>
      <c r="CW27" s="263">
        <v>0</v>
      </c>
      <c r="CX27" s="257">
        <v>0</v>
      </c>
      <c r="CY27" s="261">
        <v>0</v>
      </c>
      <c r="CZ27" s="258">
        <v>0</v>
      </c>
      <c r="DA27" s="260">
        <v>0</v>
      </c>
      <c r="DB27" s="261">
        <v>0</v>
      </c>
      <c r="DC27" s="261">
        <v>0</v>
      </c>
      <c r="DD27" s="261">
        <v>0</v>
      </c>
      <c r="DE27" s="261">
        <v>0</v>
      </c>
      <c r="DF27" s="261">
        <v>0</v>
      </c>
      <c r="DG27" s="258">
        <v>0</v>
      </c>
      <c r="DH27" s="263">
        <v>0</v>
      </c>
    </row>
    <row r="28" spans="2:112" ht="21" customHeight="1" x14ac:dyDescent="0.2">
      <c r="B28" s="472" t="s">
        <v>26</v>
      </c>
      <c r="C28" s="257">
        <v>0</v>
      </c>
      <c r="D28" s="261">
        <v>0</v>
      </c>
      <c r="E28" s="358">
        <v>0</v>
      </c>
      <c r="F28" s="260">
        <v>0</v>
      </c>
      <c r="G28" s="261">
        <v>882</v>
      </c>
      <c r="H28" s="261">
        <v>1369</v>
      </c>
      <c r="I28" s="261">
        <v>1650</v>
      </c>
      <c r="J28" s="261">
        <v>1394</v>
      </c>
      <c r="K28" s="261">
        <v>1632</v>
      </c>
      <c r="L28" s="262">
        <v>6927</v>
      </c>
      <c r="M28" s="263">
        <v>6927</v>
      </c>
      <c r="N28" s="257">
        <v>0</v>
      </c>
      <c r="O28" s="261">
        <v>0</v>
      </c>
      <c r="P28" s="258">
        <v>0</v>
      </c>
      <c r="Q28" s="260">
        <v>0</v>
      </c>
      <c r="R28" s="261">
        <v>0</v>
      </c>
      <c r="S28" s="261">
        <v>1</v>
      </c>
      <c r="T28" s="261">
        <v>8</v>
      </c>
      <c r="U28" s="261">
        <v>47</v>
      </c>
      <c r="V28" s="261">
        <v>58</v>
      </c>
      <c r="W28" s="258">
        <v>114</v>
      </c>
      <c r="X28" s="263">
        <v>114</v>
      </c>
      <c r="Y28" s="257">
        <v>34</v>
      </c>
      <c r="Z28" s="261">
        <v>61</v>
      </c>
      <c r="AA28" s="258">
        <v>95</v>
      </c>
      <c r="AB28" s="260">
        <v>0</v>
      </c>
      <c r="AC28" s="261">
        <v>363</v>
      </c>
      <c r="AD28" s="261">
        <v>506</v>
      </c>
      <c r="AE28" s="261">
        <v>353</v>
      </c>
      <c r="AF28" s="261">
        <v>261</v>
      </c>
      <c r="AG28" s="261">
        <v>306</v>
      </c>
      <c r="AH28" s="258">
        <v>1789</v>
      </c>
      <c r="AI28" s="263">
        <v>1884</v>
      </c>
      <c r="AJ28" s="257">
        <v>9</v>
      </c>
      <c r="AK28" s="261">
        <v>27</v>
      </c>
      <c r="AL28" s="258">
        <v>36</v>
      </c>
      <c r="AM28" s="260">
        <v>0</v>
      </c>
      <c r="AN28" s="261">
        <v>6</v>
      </c>
      <c r="AO28" s="261">
        <v>72</v>
      </c>
      <c r="AP28" s="261">
        <v>128</v>
      </c>
      <c r="AQ28" s="261">
        <v>24</v>
      </c>
      <c r="AR28" s="261">
        <v>36</v>
      </c>
      <c r="AS28" s="258">
        <v>266</v>
      </c>
      <c r="AT28" s="263">
        <v>302</v>
      </c>
      <c r="AU28" s="257">
        <v>0</v>
      </c>
      <c r="AV28" s="261">
        <v>0</v>
      </c>
      <c r="AW28" s="258">
        <v>0</v>
      </c>
      <c r="AX28" s="260">
        <v>0</v>
      </c>
      <c r="AY28" s="261">
        <v>997</v>
      </c>
      <c r="AZ28" s="261">
        <v>834</v>
      </c>
      <c r="BA28" s="261">
        <v>574</v>
      </c>
      <c r="BB28" s="261">
        <v>230</v>
      </c>
      <c r="BC28" s="261">
        <v>120</v>
      </c>
      <c r="BD28" s="262">
        <v>2755</v>
      </c>
      <c r="BE28" s="263">
        <v>2755</v>
      </c>
      <c r="BF28" s="257">
        <v>0</v>
      </c>
      <c r="BG28" s="261">
        <v>0</v>
      </c>
      <c r="BH28" s="258">
        <v>0</v>
      </c>
      <c r="BI28" s="260">
        <v>0</v>
      </c>
      <c r="BJ28" s="261">
        <v>156</v>
      </c>
      <c r="BK28" s="261">
        <v>196</v>
      </c>
      <c r="BL28" s="261">
        <v>102</v>
      </c>
      <c r="BM28" s="261">
        <v>65</v>
      </c>
      <c r="BN28" s="261">
        <v>52</v>
      </c>
      <c r="BO28" s="258">
        <v>571</v>
      </c>
      <c r="BP28" s="263">
        <v>571</v>
      </c>
      <c r="BQ28" s="257">
        <v>10</v>
      </c>
      <c r="BR28" s="261">
        <v>3</v>
      </c>
      <c r="BS28" s="258">
        <v>13</v>
      </c>
      <c r="BT28" s="260">
        <v>0</v>
      </c>
      <c r="BU28" s="261">
        <v>114</v>
      </c>
      <c r="BV28" s="261">
        <v>143</v>
      </c>
      <c r="BW28" s="261">
        <v>204</v>
      </c>
      <c r="BX28" s="261">
        <v>226</v>
      </c>
      <c r="BY28" s="261">
        <v>90</v>
      </c>
      <c r="BZ28" s="258">
        <v>777</v>
      </c>
      <c r="CA28" s="263">
        <v>790</v>
      </c>
      <c r="CB28" s="257">
        <v>0</v>
      </c>
      <c r="CC28" s="261">
        <v>0</v>
      </c>
      <c r="CD28" s="258">
        <v>0</v>
      </c>
      <c r="CE28" s="260">
        <v>0</v>
      </c>
      <c r="CF28" s="261">
        <v>8</v>
      </c>
      <c r="CG28" s="261">
        <v>18</v>
      </c>
      <c r="CH28" s="261">
        <v>31</v>
      </c>
      <c r="CI28" s="261">
        <v>27</v>
      </c>
      <c r="CJ28" s="261">
        <v>10</v>
      </c>
      <c r="CK28" s="258">
        <v>94</v>
      </c>
      <c r="CL28" s="263">
        <v>94</v>
      </c>
      <c r="CM28" s="257">
        <v>0</v>
      </c>
      <c r="CN28" s="261">
        <v>0</v>
      </c>
      <c r="CO28" s="258">
        <v>0</v>
      </c>
      <c r="CP28" s="260">
        <v>0</v>
      </c>
      <c r="CQ28" s="261">
        <v>0</v>
      </c>
      <c r="CR28" s="261">
        <v>0</v>
      </c>
      <c r="CS28" s="261">
        <v>0</v>
      </c>
      <c r="CT28" s="261">
        <v>0</v>
      </c>
      <c r="CU28" s="261">
        <v>0</v>
      </c>
      <c r="CV28" s="258">
        <v>0</v>
      </c>
      <c r="CW28" s="263">
        <v>0</v>
      </c>
      <c r="CX28" s="257">
        <v>0</v>
      </c>
      <c r="CY28" s="261">
        <v>0</v>
      </c>
      <c r="CZ28" s="258">
        <v>0</v>
      </c>
      <c r="DA28" s="260">
        <v>0</v>
      </c>
      <c r="DB28" s="261">
        <v>0</v>
      </c>
      <c r="DC28" s="261">
        <v>0</v>
      </c>
      <c r="DD28" s="261">
        <v>0</v>
      </c>
      <c r="DE28" s="261">
        <v>0</v>
      </c>
      <c r="DF28" s="261">
        <v>0</v>
      </c>
      <c r="DG28" s="258">
        <v>0</v>
      </c>
      <c r="DH28" s="263">
        <v>0</v>
      </c>
    </row>
    <row r="29" spans="2:112" ht="21" customHeight="1" x14ac:dyDescent="0.2">
      <c r="B29" s="472" t="s">
        <v>27</v>
      </c>
      <c r="C29" s="257">
        <v>0</v>
      </c>
      <c r="D29" s="261">
        <v>0</v>
      </c>
      <c r="E29" s="358">
        <v>0</v>
      </c>
      <c r="F29" s="260">
        <v>0</v>
      </c>
      <c r="G29" s="261">
        <v>651</v>
      </c>
      <c r="H29" s="261">
        <v>763</v>
      </c>
      <c r="I29" s="261">
        <v>1104</v>
      </c>
      <c r="J29" s="261">
        <v>1003</v>
      </c>
      <c r="K29" s="261">
        <v>1735</v>
      </c>
      <c r="L29" s="262">
        <v>5256</v>
      </c>
      <c r="M29" s="263">
        <v>5256</v>
      </c>
      <c r="N29" s="257">
        <v>0</v>
      </c>
      <c r="O29" s="261">
        <v>0</v>
      </c>
      <c r="P29" s="258">
        <v>0</v>
      </c>
      <c r="Q29" s="260">
        <v>0</v>
      </c>
      <c r="R29" s="261">
        <v>5</v>
      </c>
      <c r="S29" s="261">
        <v>30</v>
      </c>
      <c r="T29" s="261">
        <v>22</v>
      </c>
      <c r="U29" s="261">
        <v>68</v>
      </c>
      <c r="V29" s="261">
        <v>112</v>
      </c>
      <c r="W29" s="258">
        <v>237</v>
      </c>
      <c r="X29" s="263">
        <v>237</v>
      </c>
      <c r="Y29" s="257">
        <v>129</v>
      </c>
      <c r="Z29" s="261">
        <v>274</v>
      </c>
      <c r="AA29" s="258">
        <v>403</v>
      </c>
      <c r="AB29" s="260">
        <v>0</v>
      </c>
      <c r="AC29" s="261">
        <v>230</v>
      </c>
      <c r="AD29" s="261">
        <v>368</v>
      </c>
      <c r="AE29" s="261">
        <v>343</v>
      </c>
      <c r="AF29" s="261">
        <v>278</v>
      </c>
      <c r="AG29" s="261">
        <v>314</v>
      </c>
      <c r="AH29" s="258">
        <v>1533</v>
      </c>
      <c r="AI29" s="263">
        <v>1936</v>
      </c>
      <c r="AJ29" s="257">
        <v>15</v>
      </c>
      <c r="AK29" s="261">
        <v>14</v>
      </c>
      <c r="AL29" s="258">
        <v>29</v>
      </c>
      <c r="AM29" s="260">
        <v>0</v>
      </c>
      <c r="AN29" s="261">
        <v>0</v>
      </c>
      <c r="AO29" s="261">
        <v>27</v>
      </c>
      <c r="AP29" s="261">
        <v>0</v>
      </c>
      <c r="AQ29" s="261">
        <v>0</v>
      </c>
      <c r="AR29" s="261">
        <v>15</v>
      </c>
      <c r="AS29" s="258">
        <v>42</v>
      </c>
      <c r="AT29" s="263">
        <v>71</v>
      </c>
      <c r="AU29" s="257">
        <v>0</v>
      </c>
      <c r="AV29" s="261">
        <v>0</v>
      </c>
      <c r="AW29" s="258">
        <v>0</v>
      </c>
      <c r="AX29" s="260">
        <v>0</v>
      </c>
      <c r="AY29" s="261">
        <v>1027</v>
      </c>
      <c r="AZ29" s="261">
        <v>654</v>
      </c>
      <c r="BA29" s="261">
        <v>291</v>
      </c>
      <c r="BB29" s="261">
        <v>70</v>
      </c>
      <c r="BC29" s="261">
        <v>159</v>
      </c>
      <c r="BD29" s="262">
        <v>2201</v>
      </c>
      <c r="BE29" s="263">
        <v>2201</v>
      </c>
      <c r="BF29" s="257">
        <v>0</v>
      </c>
      <c r="BG29" s="261">
        <v>0</v>
      </c>
      <c r="BH29" s="258">
        <v>0</v>
      </c>
      <c r="BI29" s="260">
        <v>0</v>
      </c>
      <c r="BJ29" s="261">
        <v>133</v>
      </c>
      <c r="BK29" s="261">
        <v>210</v>
      </c>
      <c r="BL29" s="261">
        <v>114</v>
      </c>
      <c r="BM29" s="261">
        <v>48</v>
      </c>
      <c r="BN29" s="261">
        <v>35</v>
      </c>
      <c r="BO29" s="258">
        <v>540</v>
      </c>
      <c r="BP29" s="263">
        <v>540</v>
      </c>
      <c r="BQ29" s="257">
        <v>0</v>
      </c>
      <c r="BR29" s="261">
        <v>5</v>
      </c>
      <c r="BS29" s="258">
        <v>5</v>
      </c>
      <c r="BT29" s="260">
        <v>0</v>
      </c>
      <c r="BU29" s="261">
        <v>113</v>
      </c>
      <c r="BV29" s="261">
        <v>91</v>
      </c>
      <c r="BW29" s="261">
        <v>181</v>
      </c>
      <c r="BX29" s="261">
        <v>164</v>
      </c>
      <c r="BY29" s="261">
        <v>85</v>
      </c>
      <c r="BZ29" s="258">
        <v>634</v>
      </c>
      <c r="CA29" s="263">
        <v>639</v>
      </c>
      <c r="CB29" s="257">
        <v>0</v>
      </c>
      <c r="CC29" s="261">
        <v>3</v>
      </c>
      <c r="CD29" s="258">
        <v>3</v>
      </c>
      <c r="CE29" s="260">
        <v>0</v>
      </c>
      <c r="CF29" s="261">
        <v>17</v>
      </c>
      <c r="CG29" s="261">
        <v>41</v>
      </c>
      <c r="CH29" s="261">
        <v>31</v>
      </c>
      <c r="CI29" s="261">
        <v>11</v>
      </c>
      <c r="CJ29" s="261">
        <v>0</v>
      </c>
      <c r="CK29" s="258">
        <v>100</v>
      </c>
      <c r="CL29" s="263">
        <v>103</v>
      </c>
      <c r="CM29" s="257">
        <v>0</v>
      </c>
      <c r="CN29" s="261">
        <v>0</v>
      </c>
      <c r="CO29" s="258">
        <v>0</v>
      </c>
      <c r="CP29" s="260">
        <v>0</v>
      </c>
      <c r="CQ29" s="261">
        <v>0</v>
      </c>
      <c r="CR29" s="261">
        <v>0</v>
      </c>
      <c r="CS29" s="261">
        <v>0</v>
      </c>
      <c r="CT29" s="261">
        <v>0</v>
      </c>
      <c r="CU29" s="261">
        <v>0</v>
      </c>
      <c r="CV29" s="258">
        <v>0</v>
      </c>
      <c r="CW29" s="263">
        <v>0</v>
      </c>
      <c r="CX29" s="257">
        <v>0</v>
      </c>
      <c r="CY29" s="261">
        <v>0</v>
      </c>
      <c r="CZ29" s="258">
        <v>0</v>
      </c>
      <c r="DA29" s="260">
        <v>0</v>
      </c>
      <c r="DB29" s="261">
        <v>0</v>
      </c>
      <c r="DC29" s="261">
        <v>0</v>
      </c>
      <c r="DD29" s="261">
        <v>0</v>
      </c>
      <c r="DE29" s="261">
        <v>0</v>
      </c>
      <c r="DF29" s="261">
        <v>0</v>
      </c>
      <c r="DG29" s="258">
        <v>0</v>
      </c>
      <c r="DH29" s="263">
        <v>0</v>
      </c>
    </row>
    <row r="30" spans="2:112" ht="21" customHeight="1" x14ac:dyDescent="0.2">
      <c r="B30" s="472" t="s">
        <v>28</v>
      </c>
      <c r="C30" s="257">
        <v>0</v>
      </c>
      <c r="D30" s="261">
        <v>0</v>
      </c>
      <c r="E30" s="358">
        <v>0</v>
      </c>
      <c r="F30" s="260">
        <v>0</v>
      </c>
      <c r="G30" s="261">
        <v>75</v>
      </c>
      <c r="H30" s="261">
        <v>349</v>
      </c>
      <c r="I30" s="261">
        <v>208</v>
      </c>
      <c r="J30" s="261">
        <v>266</v>
      </c>
      <c r="K30" s="261">
        <v>285</v>
      </c>
      <c r="L30" s="262">
        <v>1183</v>
      </c>
      <c r="M30" s="263">
        <v>1183</v>
      </c>
      <c r="N30" s="257">
        <v>0</v>
      </c>
      <c r="O30" s="261">
        <v>0</v>
      </c>
      <c r="P30" s="258">
        <v>0</v>
      </c>
      <c r="Q30" s="260">
        <v>0</v>
      </c>
      <c r="R30" s="261">
        <v>0</v>
      </c>
      <c r="S30" s="261">
        <v>10</v>
      </c>
      <c r="T30" s="261">
        <v>2</v>
      </c>
      <c r="U30" s="261">
        <v>14</v>
      </c>
      <c r="V30" s="261">
        <v>14</v>
      </c>
      <c r="W30" s="258">
        <v>40</v>
      </c>
      <c r="X30" s="263">
        <v>40</v>
      </c>
      <c r="Y30" s="257">
        <v>4</v>
      </c>
      <c r="Z30" s="261">
        <v>32</v>
      </c>
      <c r="AA30" s="258">
        <v>36</v>
      </c>
      <c r="AB30" s="260">
        <v>0</v>
      </c>
      <c r="AC30" s="261">
        <v>44</v>
      </c>
      <c r="AD30" s="261">
        <v>123</v>
      </c>
      <c r="AE30" s="261">
        <v>72</v>
      </c>
      <c r="AF30" s="261">
        <v>110</v>
      </c>
      <c r="AG30" s="261">
        <v>37</v>
      </c>
      <c r="AH30" s="258">
        <v>386</v>
      </c>
      <c r="AI30" s="263">
        <v>422</v>
      </c>
      <c r="AJ30" s="257">
        <v>0</v>
      </c>
      <c r="AK30" s="261">
        <v>0</v>
      </c>
      <c r="AL30" s="258">
        <v>0</v>
      </c>
      <c r="AM30" s="260">
        <v>0</v>
      </c>
      <c r="AN30" s="261">
        <v>14</v>
      </c>
      <c r="AO30" s="261">
        <v>21</v>
      </c>
      <c r="AP30" s="261">
        <v>0</v>
      </c>
      <c r="AQ30" s="261">
        <v>9</v>
      </c>
      <c r="AR30" s="261">
        <v>14</v>
      </c>
      <c r="AS30" s="258">
        <v>58</v>
      </c>
      <c r="AT30" s="263">
        <v>58</v>
      </c>
      <c r="AU30" s="257">
        <v>0</v>
      </c>
      <c r="AV30" s="261">
        <v>0</v>
      </c>
      <c r="AW30" s="258">
        <v>0</v>
      </c>
      <c r="AX30" s="260">
        <v>0</v>
      </c>
      <c r="AY30" s="261">
        <v>249</v>
      </c>
      <c r="AZ30" s="261">
        <v>265</v>
      </c>
      <c r="BA30" s="261">
        <v>168</v>
      </c>
      <c r="BB30" s="261">
        <v>158</v>
      </c>
      <c r="BC30" s="261">
        <v>126</v>
      </c>
      <c r="BD30" s="262">
        <v>966</v>
      </c>
      <c r="BE30" s="263">
        <v>966</v>
      </c>
      <c r="BF30" s="257">
        <v>0</v>
      </c>
      <c r="BG30" s="261">
        <v>0</v>
      </c>
      <c r="BH30" s="258">
        <v>0</v>
      </c>
      <c r="BI30" s="260">
        <v>0</v>
      </c>
      <c r="BJ30" s="261">
        <v>47</v>
      </c>
      <c r="BK30" s="261">
        <v>107</v>
      </c>
      <c r="BL30" s="261">
        <v>70</v>
      </c>
      <c r="BM30" s="261">
        <v>39</v>
      </c>
      <c r="BN30" s="261">
        <v>30</v>
      </c>
      <c r="BO30" s="258">
        <v>293</v>
      </c>
      <c r="BP30" s="263">
        <v>293</v>
      </c>
      <c r="BQ30" s="257">
        <v>0</v>
      </c>
      <c r="BR30" s="261">
        <v>8</v>
      </c>
      <c r="BS30" s="258">
        <v>8</v>
      </c>
      <c r="BT30" s="260">
        <v>0</v>
      </c>
      <c r="BU30" s="261">
        <v>8</v>
      </c>
      <c r="BV30" s="261">
        <v>29</v>
      </c>
      <c r="BW30" s="261">
        <v>51</v>
      </c>
      <c r="BX30" s="261">
        <v>60</v>
      </c>
      <c r="BY30" s="261">
        <v>32</v>
      </c>
      <c r="BZ30" s="258">
        <v>180</v>
      </c>
      <c r="CA30" s="263">
        <v>188</v>
      </c>
      <c r="CB30" s="257">
        <v>0</v>
      </c>
      <c r="CC30" s="261">
        <v>0</v>
      </c>
      <c r="CD30" s="258">
        <v>0</v>
      </c>
      <c r="CE30" s="260">
        <v>0</v>
      </c>
      <c r="CF30" s="261">
        <v>7</v>
      </c>
      <c r="CG30" s="261">
        <v>19</v>
      </c>
      <c r="CH30" s="261">
        <v>27</v>
      </c>
      <c r="CI30" s="261">
        <v>5</v>
      </c>
      <c r="CJ30" s="261">
        <v>3</v>
      </c>
      <c r="CK30" s="258">
        <v>61</v>
      </c>
      <c r="CL30" s="263">
        <v>61</v>
      </c>
      <c r="CM30" s="257">
        <v>0</v>
      </c>
      <c r="CN30" s="261">
        <v>0</v>
      </c>
      <c r="CO30" s="258">
        <v>0</v>
      </c>
      <c r="CP30" s="260">
        <v>0</v>
      </c>
      <c r="CQ30" s="261">
        <v>0</v>
      </c>
      <c r="CR30" s="261">
        <v>0</v>
      </c>
      <c r="CS30" s="261">
        <v>0</v>
      </c>
      <c r="CT30" s="261">
        <v>0</v>
      </c>
      <c r="CU30" s="261">
        <v>0</v>
      </c>
      <c r="CV30" s="258">
        <v>0</v>
      </c>
      <c r="CW30" s="263">
        <v>0</v>
      </c>
      <c r="CX30" s="257">
        <v>0</v>
      </c>
      <c r="CY30" s="261">
        <v>0</v>
      </c>
      <c r="CZ30" s="258">
        <v>0</v>
      </c>
      <c r="DA30" s="260">
        <v>0</v>
      </c>
      <c r="DB30" s="261">
        <v>0</v>
      </c>
      <c r="DC30" s="261">
        <v>0</v>
      </c>
      <c r="DD30" s="261">
        <v>0</v>
      </c>
      <c r="DE30" s="261">
        <v>0</v>
      </c>
      <c r="DF30" s="261">
        <v>0</v>
      </c>
      <c r="DG30" s="258">
        <v>0</v>
      </c>
      <c r="DH30" s="263">
        <v>0</v>
      </c>
    </row>
    <row r="31" spans="2:112" ht="21" customHeight="1" x14ac:dyDescent="0.2">
      <c r="B31" s="472" t="s">
        <v>29</v>
      </c>
      <c r="C31" s="257">
        <v>0</v>
      </c>
      <c r="D31" s="261">
        <v>0</v>
      </c>
      <c r="E31" s="358">
        <v>0</v>
      </c>
      <c r="F31" s="260">
        <v>0</v>
      </c>
      <c r="G31" s="261">
        <v>303</v>
      </c>
      <c r="H31" s="261">
        <v>336</v>
      </c>
      <c r="I31" s="261">
        <v>318</v>
      </c>
      <c r="J31" s="261">
        <v>694</v>
      </c>
      <c r="K31" s="261">
        <v>574</v>
      </c>
      <c r="L31" s="262">
        <v>2225</v>
      </c>
      <c r="M31" s="263">
        <v>2225</v>
      </c>
      <c r="N31" s="257">
        <v>0</v>
      </c>
      <c r="O31" s="261">
        <v>0</v>
      </c>
      <c r="P31" s="258">
        <v>0</v>
      </c>
      <c r="Q31" s="260">
        <v>0</v>
      </c>
      <c r="R31" s="261">
        <v>0</v>
      </c>
      <c r="S31" s="261">
        <v>0</v>
      </c>
      <c r="T31" s="261">
        <v>4</v>
      </c>
      <c r="U31" s="261">
        <v>12</v>
      </c>
      <c r="V31" s="261">
        <v>43</v>
      </c>
      <c r="W31" s="258">
        <v>59</v>
      </c>
      <c r="X31" s="263">
        <v>59</v>
      </c>
      <c r="Y31" s="257">
        <v>8</v>
      </c>
      <c r="Z31" s="261">
        <v>37</v>
      </c>
      <c r="AA31" s="258">
        <v>45</v>
      </c>
      <c r="AB31" s="260">
        <v>0</v>
      </c>
      <c r="AC31" s="261">
        <v>186</v>
      </c>
      <c r="AD31" s="261">
        <v>134</v>
      </c>
      <c r="AE31" s="261">
        <v>207</v>
      </c>
      <c r="AF31" s="261">
        <v>91</v>
      </c>
      <c r="AG31" s="261">
        <v>106</v>
      </c>
      <c r="AH31" s="258">
        <v>724</v>
      </c>
      <c r="AI31" s="263">
        <v>769</v>
      </c>
      <c r="AJ31" s="257">
        <v>0</v>
      </c>
      <c r="AK31" s="261">
        <v>9</v>
      </c>
      <c r="AL31" s="258">
        <v>9</v>
      </c>
      <c r="AM31" s="260">
        <v>0</v>
      </c>
      <c r="AN31" s="261">
        <v>21</v>
      </c>
      <c r="AO31" s="261">
        <v>27</v>
      </c>
      <c r="AP31" s="261">
        <v>44</v>
      </c>
      <c r="AQ31" s="261">
        <v>32</v>
      </c>
      <c r="AR31" s="261">
        <v>0</v>
      </c>
      <c r="AS31" s="258">
        <v>124</v>
      </c>
      <c r="AT31" s="263">
        <v>133</v>
      </c>
      <c r="AU31" s="257">
        <v>0</v>
      </c>
      <c r="AV31" s="261">
        <v>0</v>
      </c>
      <c r="AW31" s="258">
        <v>0</v>
      </c>
      <c r="AX31" s="260">
        <v>0</v>
      </c>
      <c r="AY31" s="261">
        <v>320</v>
      </c>
      <c r="AZ31" s="261">
        <v>435</v>
      </c>
      <c r="BA31" s="261">
        <v>301</v>
      </c>
      <c r="BB31" s="261">
        <v>131</v>
      </c>
      <c r="BC31" s="261">
        <v>67</v>
      </c>
      <c r="BD31" s="262">
        <v>1254</v>
      </c>
      <c r="BE31" s="263">
        <v>1254</v>
      </c>
      <c r="BF31" s="257">
        <v>0</v>
      </c>
      <c r="BG31" s="261">
        <v>0</v>
      </c>
      <c r="BH31" s="258">
        <v>0</v>
      </c>
      <c r="BI31" s="260">
        <v>0</v>
      </c>
      <c r="BJ31" s="261">
        <v>113</v>
      </c>
      <c r="BK31" s="261">
        <v>78</v>
      </c>
      <c r="BL31" s="261">
        <v>89</v>
      </c>
      <c r="BM31" s="261">
        <v>2</v>
      </c>
      <c r="BN31" s="261">
        <v>1</v>
      </c>
      <c r="BO31" s="258">
        <v>283</v>
      </c>
      <c r="BP31" s="263">
        <v>283</v>
      </c>
      <c r="BQ31" s="257">
        <v>0</v>
      </c>
      <c r="BR31" s="261">
        <v>0</v>
      </c>
      <c r="BS31" s="258">
        <v>0</v>
      </c>
      <c r="BT31" s="260">
        <v>0</v>
      </c>
      <c r="BU31" s="261">
        <v>25</v>
      </c>
      <c r="BV31" s="261">
        <v>69</v>
      </c>
      <c r="BW31" s="261">
        <v>171</v>
      </c>
      <c r="BX31" s="261">
        <v>37</v>
      </c>
      <c r="BY31" s="261">
        <v>52</v>
      </c>
      <c r="BZ31" s="258">
        <v>354</v>
      </c>
      <c r="CA31" s="263">
        <v>354</v>
      </c>
      <c r="CB31" s="257">
        <v>0</v>
      </c>
      <c r="CC31" s="261">
        <v>0</v>
      </c>
      <c r="CD31" s="258">
        <v>0</v>
      </c>
      <c r="CE31" s="260">
        <v>0</v>
      </c>
      <c r="CF31" s="261">
        <v>5</v>
      </c>
      <c r="CG31" s="261">
        <v>6</v>
      </c>
      <c r="CH31" s="261">
        <v>8</v>
      </c>
      <c r="CI31" s="261">
        <v>0</v>
      </c>
      <c r="CJ31" s="261">
        <v>4</v>
      </c>
      <c r="CK31" s="258">
        <v>23</v>
      </c>
      <c r="CL31" s="263">
        <v>23</v>
      </c>
      <c r="CM31" s="257">
        <v>0</v>
      </c>
      <c r="CN31" s="261">
        <v>0</v>
      </c>
      <c r="CO31" s="258">
        <v>0</v>
      </c>
      <c r="CP31" s="260">
        <v>0</v>
      </c>
      <c r="CQ31" s="261">
        <v>0</v>
      </c>
      <c r="CR31" s="261">
        <v>0</v>
      </c>
      <c r="CS31" s="261">
        <v>0</v>
      </c>
      <c r="CT31" s="261">
        <v>0</v>
      </c>
      <c r="CU31" s="261">
        <v>0</v>
      </c>
      <c r="CV31" s="258">
        <v>0</v>
      </c>
      <c r="CW31" s="263">
        <v>0</v>
      </c>
      <c r="CX31" s="257">
        <v>0</v>
      </c>
      <c r="CY31" s="261">
        <v>0</v>
      </c>
      <c r="CZ31" s="258">
        <v>0</v>
      </c>
      <c r="DA31" s="260">
        <v>0</v>
      </c>
      <c r="DB31" s="261">
        <v>0</v>
      </c>
      <c r="DC31" s="261">
        <v>0</v>
      </c>
      <c r="DD31" s="261">
        <v>0</v>
      </c>
      <c r="DE31" s="261">
        <v>0</v>
      </c>
      <c r="DF31" s="261">
        <v>0</v>
      </c>
      <c r="DG31" s="258">
        <v>0</v>
      </c>
      <c r="DH31" s="263">
        <v>0</v>
      </c>
    </row>
    <row r="32" spans="2:112" ht="21" customHeight="1" x14ac:dyDescent="0.2">
      <c r="B32" s="472" t="s">
        <v>30</v>
      </c>
      <c r="C32" s="257">
        <v>0</v>
      </c>
      <c r="D32" s="261">
        <v>0</v>
      </c>
      <c r="E32" s="358">
        <v>0</v>
      </c>
      <c r="F32" s="260">
        <v>0</v>
      </c>
      <c r="G32" s="261">
        <v>354</v>
      </c>
      <c r="H32" s="261">
        <v>266</v>
      </c>
      <c r="I32" s="261">
        <v>713</v>
      </c>
      <c r="J32" s="261">
        <v>1026</v>
      </c>
      <c r="K32" s="261">
        <v>504</v>
      </c>
      <c r="L32" s="262">
        <v>2863</v>
      </c>
      <c r="M32" s="263">
        <v>2863</v>
      </c>
      <c r="N32" s="257">
        <v>0</v>
      </c>
      <c r="O32" s="261">
        <v>0</v>
      </c>
      <c r="P32" s="258">
        <v>0</v>
      </c>
      <c r="Q32" s="260">
        <v>0</v>
      </c>
      <c r="R32" s="261">
        <v>5</v>
      </c>
      <c r="S32" s="261">
        <v>0</v>
      </c>
      <c r="T32" s="261">
        <v>4</v>
      </c>
      <c r="U32" s="261">
        <v>48</v>
      </c>
      <c r="V32" s="261">
        <v>16</v>
      </c>
      <c r="W32" s="258">
        <v>73</v>
      </c>
      <c r="X32" s="263">
        <v>73</v>
      </c>
      <c r="Y32" s="257">
        <v>15</v>
      </c>
      <c r="Z32" s="261">
        <v>40</v>
      </c>
      <c r="AA32" s="258">
        <v>55</v>
      </c>
      <c r="AB32" s="260">
        <v>0</v>
      </c>
      <c r="AC32" s="261">
        <v>176</v>
      </c>
      <c r="AD32" s="261">
        <v>127</v>
      </c>
      <c r="AE32" s="261">
        <v>147</v>
      </c>
      <c r="AF32" s="261">
        <v>161</v>
      </c>
      <c r="AG32" s="261">
        <v>13</v>
      </c>
      <c r="AH32" s="258">
        <v>624</v>
      </c>
      <c r="AI32" s="263">
        <v>679</v>
      </c>
      <c r="AJ32" s="257">
        <v>18</v>
      </c>
      <c r="AK32" s="261">
        <v>0</v>
      </c>
      <c r="AL32" s="258">
        <v>18</v>
      </c>
      <c r="AM32" s="260">
        <v>0</v>
      </c>
      <c r="AN32" s="261">
        <v>12</v>
      </c>
      <c r="AO32" s="261">
        <v>0</v>
      </c>
      <c r="AP32" s="261">
        <v>44</v>
      </c>
      <c r="AQ32" s="261">
        <v>24</v>
      </c>
      <c r="AR32" s="261">
        <v>0</v>
      </c>
      <c r="AS32" s="258">
        <v>80</v>
      </c>
      <c r="AT32" s="263">
        <v>98</v>
      </c>
      <c r="AU32" s="257">
        <v>0</v>
      </c>
      <c r="AV32" s="261">
        <v>0</v>
      </c>
      <c r="AW32" s="258">
        <v>0</v>
      </c>
      <c r="AX32" s="260">
        <v>0</v>
      </c>
      <c r="AY32" s="261">
        <v>263</v>
      </c>
      <c r="AZ32" s="261">
        <v>214</v>
      </c>
      <c r="BA32" s="261">
        <v>186</v>
      </c>
      <c r="BB32" s="261">
        <v>162</v>
      </c>
      <c r="BC32" s="261">
        <v>11</v>
      </c>
      <c r="BD32" s="262">
        <v>836</v>
      </c>
      <c r="BE32" s="263">
        <v>836</v>
      </c>
      <c r="BF32" s="257">
        <v>0</v>
      </c>
      <c r="BG32" s="261">
        <v>0</v>
      </c>
      <c r="BH32" s="258">
        <v>0</v>
      </c>
      <c r="BI32" s="260">
        <v>0</v>
      </c>
      <c r="BJ32" s="261">
        <v>51</v>
      </c>
      <c r="BK32" s="261">
        <v>50</v>
      </c>
      <c r="BL32" s="261">
        <v>45</v>
      </c>
      <c r="BM32" s="261">
        <v>30</v>
      </c>
      <c r="BN32" s="261">
        <v>0</v>
      </c>
      <c r="BO32" s="258">
        <v>176</v>
      </c>
      <c r="BP32" s="263">
        <v>176</v>
      </c>
      <c r="BQ32" s="257">
        <v>0</v>
      </c>
      <c r="BR32" s="261">
        <v>2</v>
      </c>
      <c r="BS32" s="258">
        <v>2</v>
      </c>
      <c r="BT32" s="260">
        <v>0</v>
      </c>
      <c r="BU32" s="261">
        <v>67</v>
      </c>
      <c r="BV32" s="261">
        <v>54</v>
      </c>
      <c r="BW32" s="261">
        <v>86</v>
      </c>
      <c r="BX32" s="261">
        <v>66</v>
      </c>
      <c r="BY32" s="261">
        <v>7</v>
      </c>
      <c r="BZ32" s="258">
        <v>280</v>
      </c>
      <c r="CA32" s="263">
        <v>282</v>
      </c>
      <c r="CB32" s="257">
        <v>0</v>
      </c>
      <c r="CC32" s="261">
        <v>0</v>
      </c>
      <c r="CD32" s="258">
        <v>0</v>
      </c>
      <c r="CE32" s="260">
        <v>0</v>
      </c>
      <c r="CF32" s="261">
        <v>5</v>
      </c>
      <c r="CG32" s="261">
        <v>6</v>
      </c>
      <c r="CH32" s="261">
        <v>20</v>
      </c>
      <c r="CI32" s="261">
        <v>0</v>
      </c>
      <c r="CJ32" s="261">
        <v>4</v>
      </c>
      <c r="CK32" s="258">
        <v>35</v>
      </c>
      <c r="CL32" s="263">
        <v>35</v>
      </c>
      <c r="CM32" s="257">
        <v>0</v>
      </c>
      <c r="CN32" s="261">
        <v>0</v>
      </c>
      <c r="CO32" s="258">
        <v>0</v>
      </c>
      <c r="CP32" s="260">
        <v>0</v>
      </c>
      <c r="CQ32" s="261">
        <v>0</v>
      </c>
      <c r="CR32" s="261">
        <v>0</v>
      </c>
      <c r="CS32" s="261">
        <v>0</v>
      </c>
      <c r="CT32" s="261">
        <v>0</v>
      </c>
      <c r="CU32" s="261">
        <v>0</v>
      </c>
      <c r="CV32" s="258">
        <v>0</v>
      </c>
      <c r="CW32" s="263">
        <v>0</v>
      </c>
      <c r="CX32" s="257">
        <v>0</v>
      </c>
      <c r="CY32" s="261">
        <v>0</v>
      </c>
      <c r="CZ32" s="258">
        <v>0</v>
      </c>
      <c r="DA32" s="260">
        <v>0</v>
      </c>
      <c r="DB32" s="261">
        <v>0</v>
      </c>
      <c r="DC32" s="261">
        <v>0</v>
      </c>
      <c r="DD32" s="261">
        <v>0</v>
      </c>
      <c r="DE32" s="261">
        <v>0</v>
      </c>
      <c r="DF32" s="261">
        <v>0</v>
      </c>
      <c r="DG32" s="258">
        <v>0</v>
      </c>
      <c r="DH32" s="263">
        <v>0</v>
      </c>
    </row>
    <row r="33" spans="2:112" ht="21" customHeight="1" x14ac:dyDescent="0.2">
      <c r="B33" s="472" t="s">
        <v>31</v>
      </c>
      <c r="C33" s="257">
        <v>0</v>
      </c>
      <c r="D33" s="261">
        <v>0</v>
      </c>
      <c r="E33" s="358">
        <v>0</v>
      </c>
      <c r="F33" s="260">
        <v>0</v>
      </c>
      <c r="G33" s="261">
        <v>133</v>
      </c>
      <c r="H33" s="261">
        <v>136</v>
      </c>
      <c r="I33" s="261">
        <v>341</v>
      </c>
      <c r="J33" s="261">
        <v>90</v>
      </c>
      <c r="K33" s="261">
        <v>549</v>
      </c>
      <c r="L33" s="262">
        <v>1249</v>
      </c>
      <c r="M33" s="263">
        <v>1249</v>
      </c>
      <c r="N33" s="257">
        <v>0</v>
      </c>
      <c r="O33" s="261">
        <v>0</v>
      </c>
      <c r="P33" s="258">
        <v>0</v>
      </c>
      <c r="Q33" s="260">
        <v>0</v>
      </c>
      <c r="R33" s="261">
        <v>4</v>
      </c>
      <c r="S33" s="261">
        <v>4</v>
      </c>
      <c r="T33" s="261">
        <v>16</v>
      </c>
      <c r="U33" s="261">
        <v>44</v>
      </c>
      <c r="V33" s="261">
        <v>25</v>
      </c>
      <c r="W33" s="258">
        <v>93</v>
      </c>
      <c r="X33" s="263">
        <v>93</v>
      </c>
      <c r="Y33" s="257">
        <v>18</v>
      </c>
      <c r="Z33" s="261">
        <v>31</v>
      </c>
      <c r="AA33" s="258">
        <v>49</v>
      </c>
      <c r="AB33" s="260">
        <v>0</v>
      </c>
      <c r="AC33" s="261">
        <v>126</v>
      </c>
      <c r="AD33" s="261">
        <v>104</v>
      </c>
      <c r="AE33" s="261">
        <v>91</v>
      </c>
      <c r="AF33" s="261">
        <v>119</v>
      </c>
      <c r="AG33" s="261">
        <v>94</v>
      </c>
      <c r="AH33" s="258">
        <v>534</v>
      </c>
      <c r="AI33" s="263">
        <v>583</v>
      </c>
      <c r="AJ33" s="257">
        <v>12</v>
      </c>
      <c r="AK33" s="261">
        <v>21</v>
      </c>
      <c r="AL33" s="258">
        <v>33</v>
      </c>
      <c r="AM33" s="260">
        <v>0</v>
      </c>
      <c r="AN33" s="261">
        <v>27</v>
      </c>
      <c r="AO33" s="261">
        <v>21</v>
      </c>
      <c r="AP33" s="261">
        <v>30</v>
      </c>
      <c r="AQ33" s="261">
        <v>51</v>
      </c>
      <c r="AR33" s="261">
        <v>14</v>
      </c>
      <c r="AS33" s="258">
        <v>143</v>
      </c>
      <c r="AT33" s="263">
        <v>176</v>
      </c>
      <c r="AU33" s="257">
        <v>0</v>
      </c>
      <c r="AV33" s="261">
        <v>0</v>
      </c>
      <c r="AW33" s="258">
        <v>0</v>
      </c>
      <c r="AX33" s="260">
        <v>0</v>
      </c>
      <c r="AY33" s="261">
        <v>277</v>
      </c>
      <c r="AZ33" s="261">
        <v>427</v>
      </c>
      <c r="BA33" s="261">
        <v>186</v>
      </c>
      <c r="BB33" s="261">
        <v>130</v>
      </c>
      <c r="BC33" s="261">
        <v>23</v>
      </c>
      <c r="BD33" s="262">
        <v>1043</v>
      </c>
      <c r="BE33" s="263">
        <v>1043</v>
      </c>
      <c r="BF33" s="257">
        <v>0</v>
      </c>
      <c r="BG33" s="261">
        <v>0</v>
      </c>
      <c r="BH33" s="258">
        <v>0</v>
      </c>
      <c r="BI33" s="260">
        <v>0</v>
      </c>
      <c r="BJ33" s="261">
        <v>25</v>
      </c>
      <c r="BK33" s="261">
        <v>55</v>
      </c>
      <c r="BL33" s="261">
        <v>42</v>
      </c>
      <c r="BM33" s="261">
        <v>22</v>
      </c>
      <c r="BN33" s="261">
        <v>8</v>
      </c>
      <c r="BO33" s="258">
        <v>152</v>
      </c>
      <c r="BP33" s="263">
        <v>152</v>
      </c>
      <c r="BQ33" s="257">
        <v>0</v>
      </c>
      <c r="BR33" s="261">
        <v>0</v>
      </c>
      <c r="BS33" s="258">
        <v>0</v>
      </c>
      <c r="BT33" s="260">
        <v>0</v>
      </c>
      <c r="BU33" s="261">
        <v>43</v>
      </c>
      <c r="BV33" s="261">
        <v>43</v>
      </c>
      <c r="BW33" s="261">
        <v>129</v>
      </c>
      <c r="BX33" s="261">
        <v>124</v>
      </c>
      <c r="BY33" s="261">
        <v>5</v>
      </c>
      <c r="BZ33" s="258">
        <v>344</v>
      </c>
      <c r="CA33" s="263">
        <v>344</v>
      </c>
      <c r="CB33" s="257">
        <v>0</v>
      </c>
      <c r="CC33" s="261">
        <v>0</v>
      </c>
      <c r="CD33" s="258">
        <v>0</v>
      </c>
      <c r="CE33" s="260">
        <v>0</v>
      </c>
      <c r="CF33" s="261">
        <v>0</v>
      </c>
      <c r="CG33" s="261">
        <v>8</v>
      </c>
      <c r="CH33" s="261">
        <v>0</v>
      </c>
      <c r="CI33" s="261">
        <v>3</v>
      </c>
      <c r="CJ33" s="261">
        <v>5</v>
      </c>
      <c r="CK33" s="258">
        <v>16</v>
      </c>
      <c r="CL33" s="263">
        <v>16</v>
      </c>
      <c r="CM33" s="257">
        <v>0</v>
      </c>
      <c r="CN33" s="261">
        <v>0</v>
      </c>
      <c r="CO33" s="258">
        <v>0</v>
      </c>
      <c r="CP33" s="260">
        <v>0</v>
      </c>
      <c r="CQ33" s="261">
        <v>0</v>
      </c>
      <c r="CR33" s="261">
        <v>0</v>
      </c>
      <c r="CS33" s="261">
        <v>0</v>
      </c>
      <c r="CT33" s="261">
        <v>0</v>
      </c>
      <c r="CU33" s="261">
        <v>0</v>
      </c>
      <c r="CV33" s="258">
        <v>0</v>
      </c>
      <c r="CW33" s="263">
        <v>0</v>
      </c>
      <c r="CX33" s="257">
        <v>0</v>
      </c>
      <c r="CY33" s="261">
        <v>0</v>
      </c>
      <c r="CZ33" s="258">
        <v>0</v>
      </c>
      <c r="DA33" s="260">
        <v>0</v>
      </c>
      <c r="DB33" s="261">
        <v>0</v>
      </c>
      <c r="DC33" s="261">
        <v>0</v>
      </c>
      <c r="DD33" s="261">
        <v>0</v>
      </c>
      <c r="DE33" s="261">
        <v>0</v>
      </c>
      <c r="DF33" s="261">
        <v>0</v>
      </c>
      <c r="DG33" s="258">
        <v>0</v>
      </c>
      <c r="DH33" s="263">
        <v>0</v>
      </c>
    </row>
    <row r="34" spans="2:112" ht="21" customHeight="1" x14ac:dyDescent="0.2">
      <c r="B34" s="472" t="s">
        <v>32</v>
      </c>
      <c r="C34" s="257">
        <v>0</v>
      </c>
      <c r="D34" s="261">
        <v>0</v>
      </c>
      <c r="E34" s="358">
        <v>0</v>
      </c>
      <c r="F34" s="260">
        <v>0</v>
      </c>
      <c r="G34" s="261">
        <v>360</v>
      </c>
      <c r="H34" s="261">
        <v>260</v>
      </c>
      <c r="I34" s="261">
        <v>672</v>
      </c>
      <c r="J34" s="261">
        <v>498</v>
      </c>
      <c r="K34" s="261">
        <v>894</v>
      </c>
      <c r="L34" s="262">
        <v>2684</v>
      </c>
      <c r="M34" s="263">
        <v>2684</v>
      </c>
      <c r="N34" s="257">
        <v>0</v>
      </c>
      <c r="O34" s="261">
        <v>0</v>
      </c>
      <c r="P34" s="258">
        <v>0</v>
      </c>
      <c r="Q34" s="260">
        <v>0</v>
      </c>
      <c r="R34" s="261">
        <v>0</v>
      </c>
      <c r="S34" s="261">
        <v>0</v>
      </c>
      <c r="T34" s="261">
        <v>7</v>
      </c>
      <c r="U34" s="261">
        <v>16</v>
      </c>
      <c r="V34" s="261">
        <v>42</v>
      </c>
      <c r="W34" s="258">
        <v>65</v>
      </c>
      <c r="X34" s="263">
        <v>65</v>
      </c>
      <c r="Y34" s="257">
        <v>13</v>
      </c>
      <c r="Z34" s="261">
        <v>27</v>
      </c>
      <c r="AA34" s="258">
        <v>40</v>
      </c>
      <c r="AB34" s="260">
        <v>0</v>
      </c>
      <c r="AC34" s="261">
        <v>194</v>
      </c>
      <c r="AD34" s="261">
        <v>232</v>
      </c>
      <c r="AE34" s="261">
        <v>147</v>
      </c>
      <c r="AF34" s="261">
        <v>100</v>
      </c>
      <c r="AG34" s="261">
        <v>-9</v>
      </c>
      <c r="AH34" s="258">
        <v>664</v>
      </c>
      <c r="AI34" s="263">
        <v>704</v>
      </c>
      <c r="AJ34" s="257">
        <v>0</v>
      </c>
      <c r="AK34" s="261">
        <v>0</v>
      </c>
      <c r="AL34" s="258">
        <v>0</v>
      </c>
      <c r="AM34" s="260">
        <v>0</v>
      </c>
      <c r="AN34" s="261">
        <v>60</v>
      </c>
      <c r="AO34" s="261">
        <v>30</v>
      </c>
      <c r="AP34" s="261">
        <v>24</v>
      </c>
      <c r="AQ34" s="261">
        <v>9</v>
      </c>
      <c r="AR34" s="261">
        <v>21</v>
      </c>
      <c r="AS34" s="258">
        <v>144</v>
      </c>
      <c r="AT34" s="263">
        <v>144</v>
      </c>
      <c r="AU34" s="257">
        <v>0</v>
      </c>
      <c r="AV34" s="261">
        <v>0</v>
      </c>
      <c r="AW34" s="258">
        <v>0</v>
      </c>
      <c r="AX34" s="260">
        <v>0</v>
      </c>
      <c r="AY34" s="261">
        <v>550</v>
      </c>
      <c r="AZ34" s="261">
        <v>501</v>
      </c>
      <c r="BA34" s="261">
        <v>232</v>
      </c>
      <c r="BB34" s="261">
        <v>168</v>
      </c>
      <c r="BC34" s="261">
        <v>29</v>
      </c>
      <c r="BD34" s="262">
        <v>1480</v>
      </c>
      <c r="BE34" s="263">
        <v>1480</v>
      </c>
      <c r="BF34" s="257">
        <v>0</v>
      </c>
      <c r="BG34" s="261">
        <v>0</v>
      </c>
      <c r="BH34" s="258">
        <v>0</v>
      </c>
      <c r="BI34" s="260">
        <v>0</v>
      </c>
      <c r="BJ34" s="261">
        <v>49</v>
      </c>
      <c r="BK34" s="261">
        <v>96</v>
      </c>
      <c r="BL34" s="261">
        <v>38</v>
      </c>
      <c r="BM34" s="261">
        <v>48</v>
      </c>
      <c r="BN34" s="261">
        <v>20</v>
      </c>
      <c r="BO34" s="258">
        <v>251</v>
      </c>
      <c r="BP34" s="263">
        <v>251</v>
      </c>
      <c r="BQ34" s="257">
        <v>0</v>
      </c>
      <c r="BR34" s="261">
        <v>3</v>
      </c>
      <c r="BS34" s="258">
        <v>3</v>
      </c>
      <c r="BT34" s="260">
        <v>0</v>
      </c>
      <c r="BU34" s="261">
        <v>17</v>
      </c>
      <c r="BV34" s="261">
        <v>89</v>
      </c>
      <c r="BW34" s="261">
        <v>81</v>
      </c>
      <c r="BX34" s="261">
        <v>41</v>
      </c>
      <c r="BY34" s="261">
        <v>33</v>
      </c>
      <c r="BZ34" s="258">
        <v>261</v>
      </c>
      <c r="CA34" s="263">
        <v>264</v>
      </c>
      <c r="CB34" s="257">
        <v>0</v>
      </c>
      <c r="CC34" s="261">
        <v>0</v>
      </c>
      <c r="CD34" s="258">
        <v>0</v>
      </c>
      <c r="CE34" s="260">
        <v>0</v>
      </c>
      <c r="CF34" s="261">
        <v>12</v>
      </c>
      <c r="CG34" s="261">
        <v>14</v>
      </c>
      <c r="CH34" s="261">
        <v>18</v>
      </c>
      <c r="CI34" s="261">
        <v>3</v>
      </c>
      <c r="CJ34" s="261">
        <v>0</v>
      </c>
      <c r="CK34" s="258">
        <v>47</v>
      </c>
      <c r="CL34" s="263">
        <v>47</v>
      </c>
      <c r="CM34" s="257">
        <v>0</v>
      </c>
      <c r="CN34" s="261">
        <v>0</v>
      </c>
      <c r="CO34" s="258">
        <v>0</v>
      </c>
      <c r="CP34" s="260">
        <v>0</v>
      </c>
      <c r="CQ34" s="261">
        <v>0</v>
      </c>
      <c r="CR34" s="261">
        <v>0</v>
      </c>
      <c r="CS34" s="261">
        <v>0</v>
      </c>
      <c r="CT34" s="261">
        <v>0</v>
      </c>
      <c r="CU34" s="261">
        <v>0</v>
      </c>
      <c r="CV34" s="258">
        <v>0</v>
      </c>
      <c r="CW34" s="263">
        <v>0</v>
      </c>
      <c r="CX34" s="257">
        <v>0</v>
      </c>
      <c r="CY34" s="261">
        <v>0</v>
      </c>
      <c r="CZ34" s="258">
        <v>0</v>
      </c>
      <c r="DA34" s="260">
        <v>0</v>
      </c>
      <c r="DB34" s="261">
        <v>0</v>
      </c>
      <c r="DC34" s="261">
        <v>0</v>
      </c>
      <c r="DD34" s="261">
        <v>0</v>
      </c>
      <c r="DE34" s="261">
        <v>0</v>
      </c>
      <c r="DF34" s="261">
        <v>0</v>
      </c>
      <c r="DG34" s="258">
        <v>0</v>
      </c>
      <c r="DH34" s="263">
        <v>0</v>
      </c>
    </row>
    <row r="35" spans="2:112" ht="21" customHeight="1" x14ac:dyDescent="0.2">
      <c r="B35" s="472" t="s">
        <v>33</v>
      </c>
      <c r="C35" s="257">
        <v>0</v>
      </c>
      <c r="D35" s="261">
        <v>0</v>
      </c>
      <c r="E35" s="358">
        <v>0</v>
      </c>
      <c r="F35" s="260">
        <v>0</v>
      </c>
      <c r="G35" s="261">
        <v>151</v>
      </c>
      <c r="H35" s="261">
        <v>244</v>
      </c>
      <c r="I35" s="261">
        <v>670</v>
      </c>
      <c r="J35" s="261">
        <v>239</v>
      </c>
      <c r="K35" s="261">
        <v>768</v>
      </c>
      <c r="L35" s="262">
        <v>2072</v>
      </c>
      <c r="M35" s="263">
        <v>2072</v>
      </c>
      <c r="N35" s="257">
        <v>0</v>
      </c>
      <c r="O35" s="261">
        <v>0</v>
      </c>
      <c r="P35" s="258">
        <v>0</v>
      </c>
      <c r="Q35" s="260">
        <v>0</v>
      </c>
      <c r="R35" s="261">
        <v>0</v>
      </c>
      <c r="S35" s="261">
        <v>0</v>
      </c>
      <c r="T35" s="261">
        <v>7</v>
      </c>
      <c r="U35" s="261">
        <v>7</v>
      </c>
      <c r="V35" s="261">
        <v>22</v>
      </c>
      <c r="W35" s="258">
        <v>36</v>
      </c>
      <c r="X35" s="263">
        <v>36</v>
      </c>
      <c r="Y35" s="257">
        <v>0</v>
      </c>
      <c r="Z35" s="261">
        <v>9</v>
      </c>
      <c r="AA35" s="258">
        <v>9</v>
      </c>
      <c r="AB35" s="260">
        <v>0</v>
      </c>
      <c r="AC35" s="261">
        <v>114</v>
      </c>
      <c r="AD35" s="261">
        <v>71</v>
      </c>
      <c r="AE35" s="261">
        <v>17</v>
      </c>
      <c r="AF35" s="261">
        <v>31</v>
      </c>
      <c r="AG35" s="261">
        <v>33</v>
      </c>
      <c r="AH35" s="258">
        <v>266</v>
      </c>
      <c r="AI35" s="263">
        <v>275</v>
      </c>
      <c r="AJ35" s="257">
        <v>122</v>
      </c>
      <c r="AK35" s="261">
        <v>175</v>
      </c>
      <c r="AL35" s="258">
        <v>297</v>
      </c>
      <c r="AM35" s="260">
        <v>0</v>
      </c>
      <c r="AN35" s="261">
        <v>465</v>
      </c>
      <c r="AO35" s="261">
        <v>255</v>
      </c>
      <c r="AP35" s="261">
        <v>121</v>
      </c>
      <c r="AQ35" s="261">
        <v>71</v>
      </c>
      <c r="AR35" s="261">
        <v>47</v>
      </c>
      <c r="AS35" s="258">
        <v>959</v>
      </c>
      <c r="AT35" s="263">
        <v>1256</v>
      </c>
      <c r="AU35" s="257">
        <v>0</v>
      </c>
      <c r="AV35" s="261">
        <v>0</v>
      </c>
      <c r="AW35" s="258">
        <v>0</v>
      </c>
      <c r="AX35" s="260">
        <v>0</v>
      </c>
      <c r="AY35" s="261">
        <v>28</v>
      </c>
      <c r="AZ35" s="261">
        <v>100</v>
      </c>
      <c r="BA35" s="261">
        <v>79</v>
      </c>
      <c r="BB35" s="261">
        <v>33</v>
      </c>
      <c r="BC35" s="261">
        <v>29</v>
      </c>
      <c r="BD35" s="262">
        <v>269</v>
      </c>
      <c r="BE35" s="263">
        <v>269</v>
      </c>
      <c r="BF35" s="257">
        <v>0</v>
      </c>
      <c r="BG35" s="261">
        <v>0</v>
      </c>
      <c r="BH35" s="258">
        <v>0</v>
      </c>
      <c r="BI35" s="260">
        <v>0</v>
      </c>
      <c r="BJ35" s="261">
        <v>198</v>
      </c>
      <c r="BK35" s="261">
        <v>91</v>
      </c>
      <c r="BL35" s="261">
        <v>53</v>
      </c>
      <c r="BM35" s="261">
        <v>12</v>
      </c>
      <c r="BN35" s="261">
        <v>8</v>
      </c>
      <c r="BO35" s="258">
        <v>362</v>
      </c>
      <c r="BP35" s="263">
        <v>362</v>
      </c>
      <c r="BQ35" s="257">
        <v>0</v>
      </c>
      <c r="BR35" s="261">
        <v>1</v>
      </c>
      <c r="BS35" s="258">
        <v>1</v>
      </c>
      <c r="BT35" s="260">
        <v>0</v>
      </c>
      <c r="BU35" s="261">
        <v>47</v>
      </c>
      <c r="BV35" s="261">
        <v>65</v>
      </c>
      <c r="BW35" s="261">
        <v>71</v>
      </c>
      <c r="BX35" s="261">
        <v>49</v>
      </c>
      <c r="BY35" s="261">
        <v>6</v>
      </c>
      <c r="BZ35" s="258">
        <v>238</v>
      </c>
      <c r="CA35" s="263">
        <v>239</v>
      </c>
      <c r="CB35" s="257">
        <v>0</v>
      </c>
      <c r="CC35" s="261">
        <v>0</v>
      </c>
      <c r="CD35" s="258">
        <v>0</v>
      </c>
      <c r="CE35" s="260">
        <v>0</v>
      </c>
      <c r="CF35" s="261">
        <v>9</v>
      </c>
      <c r="CG35" s="261">
        <v>10</v>
      </c>
      <c r="CH35" s="261">
        <v>3</v>
      </c>
      <c r="CI35" s="261">
        <v>0</v>
      </c>
      <c r="CJ35" s="261">
        <v>0</v>
      </c>
      <c r="CK35" s="258">
        <v>22</v>
      </c>
      <c r="CL35" s="263">
        <v>22</v>
      </c>
      <c r="CM35" s="257">
        <v>0</v>
      </c>
      <c r="CN35" s="261">
        <v>0</v>
      </c>
      <c r="CO35" s="258">
        <v>0</v>
      </c>
      <c r="CP35" s="260">
        <v>0</v>
      </c>
      <c r="CQ35" s="261">
        <v>0</v>
      </c>
      <c r="CR35" s="261">
        <v>0</v>
      </c>
      <c r="CS35" s="261">
        <v>0</v>
      </c>
      <c r="CT35" s="261">
        <v>0</v>
      </c>
      <c r="CU35" s="261">
        <v>0</v>
      </c>
      <c r="CV35" s="258">
        <v>0</v>
      </c>
      <c r="CW35" s="263">
        <v>0</v>
      </c>
      <c r="CX35" s="257">
        <v>0</v>
      </c>
      <c r="CY35" s="261">
        <v>0</v>
      </c>
      <c r="CZ35" s="258">
        <v>0</v>
      </c>
      <c r="DA35" s="260">
        <v>0</v>
      </c>
      <c r="DB35" s="261">
        <v>0</v>
      </c>
      <c r="DC35" s="261">
        <v>0</v>
      </c>
      <c r="DD35" s="261">
        <v>0</v>
      </c>
      <c r="DE35" s="261">
        <v>0</v>
      </c>
      <c r="DF35" s="261">
        <v>0</v>
      </c>
      <c r="DG35" s="258">
        <v>0</v>
      </c>
      <c r="DH35" s="263">
        <v>0</v>
      </c>
    </row>
    <row r="36" spans="2:112" ht="21" customHeight="1" x14ac:dyDescent="0.2">
      <c r="B36" s="472" t="s">
        <v>34</v>
      </c>
      <c r="C36" s="257">
        <v>0</v>
      </c>
      <c r="D36" s="261">
        <v>0</v>
      </c>
      <c r="E36" s="358">
        <v>0</v>
      </c>
      <c r="F36" s="260">
        <v>0</v>
      </c>
      <c r="G36" s="261">
        <v>147</v>
      </c>
      <c r="H36" s="261">
        <v>147</v>
      </c>
      <c r="I36" s="261">
        <v>269</v>
      </c>
      <c r="J36" s="261">
        <v>351</v>
      </c>
      <c r="K36" s="261">
        <v>214</v>
      </c>
      <c r="L36" s="262">
        <v>1128</v>
      </c>
      <c r="M36" s="263">
        <v>1128</v>
      </c>
      <c r="N36" s="257">
        <v>0</v>
      </c>
      <c r="O36" s="261">
        <v>0</v>
      </c>
      <c r="P36" s="258">
        <v>0</v>
      </c>
      <c r="Q36" s="260">
        <v>0</v>
      </c>
      <c r="R36" s="261">
        <v>0</v>
      </c>
      <c r="S36" s="261">
        <v>4</v>
      </c>
      <c r="T36" s="261">
        <v>0</v>
      </c>
      <c r="U36" s="261">
        <v>4</v>
      </c>
      <c r="V36" s="261">
        <v>36</v>
      </c>
      <c r="W36" s="258">
        <v>44</v>
      </c>
      <c r="X36" s="263">
        <v>44</v>
      </c>
      <c r="Y36" s="257">
        <v>4</v>
      </c>
      <c r="Z36" s="261">
        <v>83</v>
      </c>
      <c r="AA36" s="258">
        <v>87</v>
      </c>
      <c r="AB36" s="260">
        <v>0</v>
      </c>
      <c r="AC36" s="261">
        <v>89</v>
      </c>
      <c r="AD36" s="261">
        <v>99</v>
      </c>
      <c r="AE36" s="261">
        <v>62</v>
      </c>
      <c r="AF36" s="261">
        <v>64</v>
      </c>
      <c r="AG36" s="261">
        <v>96</v>
      </c>
      <c r="AH36" s="258">
        <v>410</v>
      </c>
      <c r="AI36" s="263">
        <v>497</v>
      </c>
      <c r="AJ36" s="257">
        <v>0</v>
      </c>
      <c r="AK36" s="261">
        <v>0</v>
      </c>
      <c r="AL36" s="258">
        <v>0</v>
      </c>
      <c r="AM36" s="260">
        <v>0</v>
      </c>
      <c r="AN36" s="261">
        <v>44</v>
      </c>
      <c r="AO36" s="261">
        <v>58</v>
      </c>
      <c r="AP36" s="261">
        <v>20</v>
      </c>
      <c r="AQ36" s="261">
        <v>15</v>
      </c>
      <c r="AR36" s="261">
        <v>18</v>
      </c>
      <c r="AS36" s="258">
        <v>155</v>
      </c>
      <c r="AT36" s="263">
        <v>155</v>
      </c>
      <c r="AU36" s="257">
        <v>0</v>
      </c>
      <c r="AV36" s="261">
        <v>0</v>
      </c>
      <c r="AW36" s="258">
        <v>0</v>
      </c>
      <c r="AX36" s="260">
        <v>0</v>
      </c>
      <c r="AY36" s="261">
        <v>248</v>
      </c>
      <c r="AZ36" s="261">
        <v>268</v>
      </c>
      <c r="BA36" s="261">
        <v>184</v>
      </c>
      <c r="BB36" s="261">
        <v>148</v>
      </c>
      <c r="BC36" s="261">
        <v>26</v>
      </c>
      <c r="BD36" s="262">
        <v>874</v>
      </c>
      <c r="BE36" s="263">
        <v>874</v>
      </c>
      <c r="BF36" s="257">
        <v>0</v>
      </c>
      <c r="BG36" s="261">
        <v>0</v>
      </c>
      <c r="BH36" s="258">
        <v>0</v>
      </c>
      <c r="BI36" s="260">
        <v>0</v>
      </c>
      <c r="BJ36" s="261">
        <v>53</v>
      </c>
      <c r="BK36" s="261">
        <v>11</v>
      </c>
      <c r="BL36" s="261">
        <v>11</v>
      </c>
      <c r="BM36" s="261">
        <v>42</v>
      </c>
      <c r="BN36" s="261">
        <v>0</v>
      </c>
      <c r="BO36" s="258">
        <v>117</v>
      </c>
      <c r="BP36" s="263">
        <v>117</v>
      </c>
      <c r="BQ36" s="257">
        <v>0</v>
      </c>
      <c r="BR36" s="261">
        <v>0</v>
      </c>
      <c r="BS36" s="258">
        <v>0</v>
      </c>
      <c r="BT36" s="260">
        <v>0</v>
      </c>
      <c r="BU36" s="261">
        <v>23</v>
      </c>
      <c r="BV36" s="261">
        <v>11</v>
      </c>
      <c r="BW36" s="261">
        <v>13</v>
      </c>
      <c r="BX36" s="261">
        <v>55</v>
      </c>
      <c r="BY36" s="261">
        <v>17</v>
      </c>
      <c r="BZ36" s="258">
        <v>119</v>
      </c>
      <c r="CA36" s="263">
        <v>119</v>
      </c>
      <c r="CB36" s="257">
        <v>0</v>
      </c>
      <c r="CC36" s="261">
        <v>0</v>
      </c>
      <c r="CD36" s="258">
        <v>0</v>
      </c>
      <c r="CE36" s="260">
        <v>0</v>
      </c>
      <c r="CF36" s="261">
        <v>2</v>
      </c>
      <c r="CG36" s="261">
        <v>0</v>
      </c>
      <c r="CH36" s="261">
        <v>0</v>
      </c>
      <c r="CI36" s="261">
        <v>0</v>
      </c>
      <c r="CJ36" s="261">
        <v>0</v>
      </c>
      <c r="CK36" s="258">
        <v>2</v>
      </c>
      <c r="CL36" s="263">
        <v>2</v>
      </c>
      <c r="CM36" s="257">
        <v>0</v>
      </c>
      <c r="CN36" s="261">
        <v>0</v>
      </c>
      <c r="CO36" s="258">
        <v>0</v>
      </c>
      <c r="CP36" s="260">
        <v>0</v>
      </c>
      <c r="CQ36" s="261">
        <v>0</v>
      </c>
      <c r="CR36" s="261">
        <v>0</v>
      </c>
      <c r="CS36" s="261">
        <v>0</v>
      </c>
      <c r="CT36" s="261">
        <v>0</v>
      </c>
      <c r="CU36" s="261">
        <v>0</v>
      </c>
      <c r="CV36" s="258">
        <v>0</v>
      </c>
      <c r="CW36" s="263">
        <v>0</v>
      </c>
      <c r="CX36" s="257">
        <v>0</v>
      </c>
      <c r="CY36" s="261">
        <v>0</v>
      </c>
      <c r="CZ36" s="258">
        <v>0</v>
      </c>
      <c r="DA36" s="260">
        <v>0</v>
      </c>
      <c r="DB36" s="261">
        <v>0</v>
      </c>
      <c r="DC36" s="261">
        <v>0</v>
      </c>
      <c r="DD36" s="261">
        <v>0</v>
      </c>
      <c r="DE36" s="261">
        <v>0</v>
      </c>
      <c r="DF36" s="261">
        <v>0</v>
      </c>
      <c r="DG36" s="258">
        <v>0</v>
      </c>
      <c r="DH36" s="263">
        <v>0</v>
      </c>
    </row>
    <row r="37" spans="2:112" ht="21" customHeight="1" x14ac:dyDescent="0.2">
      <c r="B37" s="472" t="s">
        <v>35</v>
      </c>
      <c r="C37" s="257">
        <v>0</v>
      </c>
      <c r="D37" s="261">
        <v>0</v>
      </c>
      <c r="E37" s="358">
        <v>0</v>
      </c>
      <c r="F37" s="260">
        <v>0</v>
      </c>
      <c r="G37" s="261">
        <v>1203</v>
      </c>
      <c r="H37" s="261">
        <v>1070</v>
      </c>
      <c r="I37" s="261">
        <v>1753</v>
      </c>
      <c r="J37" s="261">
        <v>2010</v>
      </c>
      <c r="K37" s="261">
        <v>865</v>
      </c>
      <c r="L37" s="262">
        <v>6901</v>
      </c>
      <c r="M37" s="263">
        <v>6901</v>
      </c>
      <c r="N37" s="257">
        <v>0</v>
      </c>
      <c r="O37" s="261">
        <v>0</v>
      </c>
      <c r="P37" s="258">
        <v>0</v>
      </c>
      <c r="Q37" s="260">
        <v>0</v>
      </c>
      <c r="R37" s="261">
        <v>0</v>
      </c>
      <c r="S37" s="261">
        <v>16</v>
      </c>
      <c r="T37" s="261">
        <v>16</v>
      </c>
      <c r="U37" s="261">
        <v>61</v>
      </c>
      <c r="V37" s="261">
        <v>51</v>
      </c>
      <c r="W37" s="258">
        <v>144</v>
      </c>
      <c r="X37" s="263">
        <v>144</v>
      </c>
      <c r="Y37" s="257">
        <v>24</v>
      </c>
      <c r="Z37" s="261">
        <v>85</v>
      </c>
      <c r="AA37" s="258">
        <v>109</v>
      </c>
      <c r="AB37" s="260">
        <v>0</v>
      </c>
      <c r="AC37" s="261">
        <v>474</v>
      </c>
      <c r="AD37" s="261">
        <v>267</v>
      </c>
      <c r="AE37" s="261">
        <v>211</v>
      </c>
      <c r="AF37" s="261">
        <v>299</v>
      </c>
      <c r="AG37" s="261">
        <v>181</v>
      </c>
      <c r="AH37" s="258">
        <v>1432</v>
      </c>
      <c r="AI37" s="263">
        <v>1541</v>
      </c>
      <c r="AJ37" s="257">
        <v>33</v>
      </c>
      <c r="AK37" s="261">
        <v>104</v>
      </c>
      <c r="AL37" s="258">
        <v>137</v>
      </c>
      <c r="AM37" s="260">
        <v>0</v>
      </c>
      <c r="AN37" s="261">
        <v>314</v>
      </c>
      <c r="AO37" s="261">
        <v>145</v>
      </c>
      <c r="AP37" s="261">
        <v>73</v>
      </c>
      <c r="AQ37" s="261">
        <v>165</v>
      </c>
      <c r="AR37" s="261">
        <v>58</v>
      </c>
      <c r="AS37" s="258">
        <v>755</v>
      </c>
      <c r="AT37" s="263">
        <v>892</v>
      </c>
      <c r="AU37" s="257">
        <v>0</v>
      </c>
      <c r="AV37" s="261">
        <v>0</v>
      </c>
      <c r="AW37" s="258">
        <v>0</v>
      </c>
      <c r="AX37" s="260">
        <v>0</v>
      </c>
      <c r="AY37" s="261">
        <v>1242</v>
      </c>
      <c r="AZ37" s="261">
        <v>825</v>
      </c>
      <c r="BA37" s="261">
        <v>527</v>
      </c>
      <c r="BB37" s="261">
        <v>512</v>
      </c>
      <c r="BC37" s="261">
        <v>204</v>
      </c>
      <c r="BD37" s="262">
        <v>3310</v>
      </c>
      <c r="BE37" s="263">
        <v>3310</v>
      </c>
      <c r="BF37" s="257">
        <v>0</v>
      </c>
      <c r="BG37" s="261">
        <v>0</v>
      </c>
      <c r="BH37" s="258">
        <v>0</v>
      </c>
      <c r="BI37" s="260">
        <v>0</v>
      </c>
      <c r="BJ37" s="261">
        <v>441</v>
      </c>
      <c r="BK37" s="261">
        <v>218</v>
      </c>
      <c r="BL37" s="261">
        <v>71</v>
      </c>
      <c r="BM37" s="261">
        <v>129</v>
      </c>
      <c r="BN37" s="261">
        <v>12</v>
      </c>
      <c r="BO37" s="258">
        <v>871</v>
      </c>
      <c r="BP37" s="263">
        <v>871</v>
      </c>
      <c r="BQ37" s="257">
        <v>3</v>
      </c>
      <c r="BR37" s="261">
        <v>0</v>
      </c>
      <c r="BS37" s="258">
        <v>3</v>
      </c>
      <c r="BT37" s="260">
        <v>0</v>
      </c>
      <c r="BU37" s="261">
        <v>84</v>
      </c>
      <c r="BV37" s="261">
        <v>19</v>
      </c>
      <c r="BW37" s="261">
        <v>73</v>
      </c>
      <c r="BX37" s="261">
        <v>57</v>
      </c>
      <c r="BY37" s="261">
        <v>12</v>
      </c>
      <c r="BZ37" s="258">
        <v>245</v>
      </c>
      <c r="CA37" s="263">
        <v>248</v>
      </c>
      <c r="CB37" s="257">
        <v>0</v>
      </c>
      <c r="CC37" s="261">
        <v>0</v>
      </c>
      <c r="CD37" s="258">
        <v>0</v>
      </c>
      <c r="CE37" s="260">
        <v>0</v>
      </c>
      <c r="CF37" s="261">
        <v>8</v>
      </c>
      <c r="CG37" s="261">
        <v>9</v>
      </c>
      <c r="CH37" s="261">
        <v>11</v>
      </c>
      <c r="CI37" s="261">
        <v>31</v>
      </c>
      <c r="CJ37" s="261">
        <v>11</v>
      </c>
      <c r="CK37" s="258">
        <v>70</v>
      </c>
      <c r="CL37" s="263">
        <v>70</v>
      </c>
      <c r="CM37" s="257">
        <v>0</v>
      </c>
      <c r="CN37" s="261">
        <v>0</v>
      </c>
      <c r="CO37" s="258">
        <v>0</v>
      </c>
      <c r="CP37" s="260">
        <v>0</v>
      </c>
      <c r="CQ37" s="261">
        <v>0</v>
      </c>
      <c r="CR37" s="261">
        <v>0</v>
      </c>
      <c r="CS37" s="261">
        <v>0</v>
      </c>
      <c r="CT37" s="261">
        <v>0</v>
      </c>
      <c r="CU37" s="261">
        <v>0</v>
      </c>
      <c r="CV37" s="258">
        <v>0</v>
      </c>
      <c r="CW37" s="263">
        <v>0</v>
      </c>
      <c r="CX37" s="257">
        <v>0</v>
      </c>
      <c r="CY37" s="261">
        <v>0</v>
      </c>
      <c r="CZ37" s="258">
        <v>0</v>
      </c>
      <c r="DA37" s="260">
        <v>0</v>
      </c>
      <c r="DB37" s="261">
        <v>0</v>
      </c>
      <c r="DC37" s="261">
        <v>0</v>
      </c>
      <c r="DD37" s="261">
        <v>0</v>
      </c>
      <c r="DE37" s="261">
        <v>0</v>
      </c>
      <c r="DF37" s="261">
        <v>0</v>
      </c>
      <c r="DG37" s="258">
        <v>0</v>
      </c>
      <c r="DH37" s="263">
        <v>0</v>
      </c>
    </row>
    <row r="38" spans="2:112" ht="21" customHeight="1" x14ac:dyDescent="0.2">
      <c r="B38" s="472" t="s">
        <v>36</v>
      </c>
      <c r="C38" s="257">
        <v>0</v>
      </c>
      <c r="D38" s="261">
        <v>0</v>
      </c>
      <c r="E38" s="358">
        <v>0</v>
      </c>
      <c r="F38" s="260">
        <v>0</v>
      </c>
      <c r="G38" s="261">
        <v>664</v>
      </c>
      <c r="H38" s="261">
        <v>1403</v>
      </c>
      <c r="I38" s="261">
        <v>1519</v>
      </c>
      <c r="J38" s="261">
        <v>1791</v>
      </c>
      <c r="K38" s="261">
        <v>1718</v>
      </c>
      <c r="L38" s="262">
        <v>7095</v>
      </c>
      <c r="M38" s="263">
        <v>7095</v>
      </c>
      <c r="N38" s="257">
        <v>0</v>
      </c>
      <c r="O38" s="261">
        <v>0</v>
      </c>
      <c r="P38" s="258">
        <v>0</v>
      </c>
      <c r="Q38" s="260">
        <v>0</v>
      </c>
      <c r="R38" s="261">
        <v>8</v>
      </c>
      <c r="S38" s="261">
        <v>31</v>
      </c>
      <c r="T38" s="261">
        <v>31</v>
      </c>
      <c r="U38" s="261">
        <v>44</v>
      </c>
      <c r="V38" s="261">
        <v>52</v>
      </c>
      <c r="W38" s="258">
        <v>166</v>
      </c>
      <c r="X38" s="263">
        <v>166</v>
      </c>
      <c r="Y38" s="257">
        <v>94</v>
      </c>
      <c r="Z38" s="261">
        <v>182</v>
      </c>
      <c r="AA38" s="258">
        <v>276</v>
      </c>
      <c r="AB38" s="260">
        <v>0</v>
      </c>
      <c r="AC38" s="261">
        <v>599</v>
      </c>
      <c r="AD38" s="261">
        <v>549</v>
      </c>
      <c r="AE38" s="261">
        <v>286</v>
      </c>
      <c r="AF38" s="261">
        <v>341</v>
      </c>
      <c r="AG38" s="261">
        <v>294</v>
      </c>
      <c r="AH38" s="258">
        <v>2069</v>
      </c>
      <c r="AI38" s="263">
        <v>2345</v>
      </c>
      <c r="AJ38" s="257">
        <v>32</v>
      </c>
      <c r="AK38" s="261">
        <v>124</v>
      </c>
      <c r="AL38" s="258">
        <v>156</v>
      </c>
      <c r="AM38" s="260">
        <v>0</v>
      </c>
      <c r="AN38" s="261">
        <v>161</v>
      </c>
      <c r="AO38" s="261">
        <v>146</v>
      </c>
      <c r="AP38" s="261">
        <v>96</v>
      </c>
      <c r="AQ38" s="261">
        <v>61</v>
      </c>
      <c r="AR38" s="261">
        <v>38</v>
      </c>
      <c r="AS38" s="258">
        <v>502</v>
      </c>
      <c r="AT38" s="263">
        <v>658</v>
      </c>
      <c r="AU38" s="257">
        <v>0</v>
      </c>
      <c r="AV38" s="261">
        <v>0</v>
      </c>
      <c r="AW38" s="258">
        <v>0</v>
      </c>
      <c r="AX38" s="260">
        <v>0</v>
      </c>
      <c r="AY38" s="261">
        <v>765</v>
      </c>
      <c r="AZ38" s="261">
        <v>1013</v>
      </c>
      <c r="BA38" s="261">
        <v>437</v>
      </c>
      <c r="BB38" s="261">
        <v>334</v>
      </c>
      <c r="BC38" s="261">
        <v>173</v>
      </c>
      <c r="BD38" s="262">
        <v>2722</v>
      </c>
      <c r="BE38" s="263">
        <v>2722</v>
      </c>
      <c r="BF38" s="257">
        <v>0</v>
      </c>
      <c r="BG38" s="261">
        <v>0</v>
      </c>
      <c r="BH38" s="258">
        <v>0</v>
      </c>
      <c r="BI38" s="260">
        <v>0</v>
      </c>
      <c r="BJ38" s="261">
        <v>184</v>
      </c>
      <c r="BK38" s="261">
        <v>218</v>
      </c>
      <c r="BL38" s="261">
        <v>135</v>
      </c>
      <c r="BM38" s="261">
        <v>38</v>
      </c>
      <c r="BN38" s="261">
        <v>29</v>
      </c>
      <c r="BO38" s="258">
        <v>604</v>
      </c>
      <c r="BP38" s="263">
        <v>604</v>
      </c>
      <c r="BQ38" s="257">
        <v>0</v>
      </c>
      <c r="BR38" s="261">
        <v>0</v>
      </c>
      <c r="BS38" s="258">
        <v>0</v>
      </c>
      <c r="BT38" s="260">
        <v>0</v>
      </c>
      <c r="BU38" s="261">
        <v>168</v>
      </c>
      <c r="BV38" s="261">
        <v>192</v>
      </c>
      <c r="BW38" s="261">
        <v>275</v>
      </c>
      <c r="BX38" s="261">
        <v>310</v>
      </c>
      <c r="BY38" s="261">
        <v>132</v>
      </c>
      <c r="BZ38" s="258">
        <v>1077</v>
      </c>
      <c r="CA38" s="263">
        <v>1077</v>
      </c>
      <c r="CB38" s="257">
        <v>0</v>
      </c>
      <c r="CC38" s="261">
        <v>0</v>
      </c>
      <c r="CD38" s="258">
        <v>0</v>
      </c>
      <c r="CE38" s="260">
        <v>0</v>
      </c>
      <c r="CF38" s="261">
        <v>19</v>
      </c>
      <c r="CG38" s="261">
        <v>2</v>
      </c>
      <c r="CH38" s="261">
        <v>0</v>
      </c>
      <c r="CI38" s="261">
        <v>13</v>
      </c>
      <c r="CJ38" s="261">
        <v>5</v>
      </c>
      <c r="CK38" s="258">
        <v>39</v>
      </c>
      <c r="CL38" s="263">
        <v>39</v>
      </c>
      <c r="CM38" s="257">
        <v>0</v>
      </c>
      <c r="CN38" s="261">
        <v>0</v>
      </c>
      <c r="CO38" s="258">
        <v>0</v>
      </c>
      <c r="CP38" s="260">
        <v>0</v>
      </c>
      <c r="CQ38" s="261">
        <v>0</v>
      </c>
      <c r="CR38" s="261">
        <v>0</v>
      </c>
      <c r="CS38" s="261">
        <v>0</v>
      </c>
      <c r="CT38" s="261">
        <v>0</v>
      </c>
      <c r="CU38" s="261">
        <v>0</v>
      </c>
      <c r="CV38" s="258">
        <v>0</v>
      </c>
      <c r="CW38" s="263">
        <v>0</v>
      </c>
      <c r="CX38" s="257">
        <v>0</v>
      </c>
      <c r="CY38" s="261">
        <v>0</v>
      </c>
      <c r="CZ38" s="258">
        <v>0</v>
      </c>
      <c r="DA38" s="260">
        <v>0</v>
      </c>
      <c r="DB38" s="261">
        <v>0</v>
      </c>
      <c r="DC38" s="261">
        <v>0</v>
      </c>
      <c r="DD38" s="261">
        <v>0</v>
      </c>
      <c r="DE38" s="261">
        <v>0</v>
      </c>
      <c r="DF38" s="261">
        <v>0</v>
      </c>
      <c r="DG38" s="258">
        <v>0</v>
      </c>
      <c r="DH38" s="263">
        <v>0</v>
      </c>
    </row>
    <row r="39" spans="2:112" ht="21" customHeight="1" thickBot="1" x14ac:dyDescent="0.25">
      <c r="B39" s="473" t="s">
        <v>37</v>
      </c>
      <c r="C39" s="264">
        <v>0</v>
      </c>
      <c r="D39" s="268">
        <v>0</v>
      </c>
      <c r="E39" s="359">
        <v>0</v>
      </c>
      <c r="F39" s="267">
        <v>0</v>
      </c>
      <c r="G39" s="268">
        <v>90</v>
      </c>
      <c r="H39" s="268">
        <v>55</v>
      </c>
      <c r="I39" s="268">
        <v>83</v>
      </c>
      <c r="J39" s="268">
        <v>24</v>
      </c>
      <c r="K39" s="268">
        <v>216</v>
      </c>
      <c r="L39" s="269">
        <v>468</v>
      </c>
      <c r="M39" s="270">
        <v>468</v>
      </c>
      <c r="N39" s="264">
        <v>0</v>
      </c>
      <c r="O39" s="268">
        <v>0</v>
      </c>
      <c r="P39" s="265">
        <v>0</v>
      </c>
      <c r="Q39" s="267">
        <v>0</v>
      </c>
      <c r="R39" s="268">
        <v>0</v>
      </c>
      <c r="S39" s="268">
        <v>0</v>
      </c>
      <c r="T39" s="268">
        <v>0</v>
      </c>
      <c r="U39" s="268">
        <v>0</v>
      </c>
      <c r="V39" s="268">
        <v>0</v>
      </c>
      <c r="W39" s="265">
        <v>0</v>
      </c>
      <c r="X39" s="270">
        <v>0</v>
      </c>
      <c r="Y39" s="264">
        <v>4</v>
      </c>
      <c r="Z39" s="268">
        <v>2</v>
      </c>
      <c r="AA39" s="265">
        <v>6</v>
      </c>
      <c r="AB39" s="267">
        <v>0</v>
      </c>
      <c r="AC39" s="268">
        <v>11</v>
      </c>
      <c r="AD39" s="268">
        <v>25</v>
      </c>
      <c r="AE39" s="268">
        <v>2</v>
      </c>
      <c r="AF39" s="268">
        <v>26</v>
      </c>
      <c r="AG39" s="268">
        <v>64</v>
      </c>
      <c r="AH39" s="265">
        <v>128</v>
      </c>
      <c r="AI39" s="270">
        <v>134</v>
      </c>
      <c r="AJ39" s="264">
        <v>0</v>
      </c>
      <c r="AK39" s="268">
        <v>0</v>
      </c>
      <c r="AL39" s="265">
        <v>0</v>
      </c>
      <c r="AM39" s="267">
        <v>0</v>
      </c>
      <c r="AN39" s="268">
        <v>0</v>
      </c>
      <c r="AO39" s="268">
        <v>8</v>
      </c>
      <c r="AP39" s="268">
        <v>0</v>
      </c>
      <c r="AQ39" s="268">
        <v>20</v>
      </c>
      <c r="AR39" s="268">
        <v>0</v>
      </c>
      <c r="AS39" s="265">
        <v>28</v>
      </c>
      <c r="AT39" s="270">
        <v>28</v>
      </c>
      <c r="AU39" s="264">
        <v>0</v>
      </c>
      <c r="AV39" s="268">
        <v>0</v>
      </c>
      <c r="AW39" s="265">
        <v>0</v>
      </c>
      <c r="AX39" s="267">
        <v>0</v>
      </c>
      <c r="AY39" s="268">
        <v>60</v>
      </c>
      <c r="AZ39" s="268">
        <v>47</v>
      </c>
      <c r="BA39" s="268">
        <v>67</v>
      </c>
      <c r="BB39" s="268">
        <v>27</v>
      </c>
      <c r="BC39" s="268">
        <v>11</v>
      </c>
      <c r="BD39" s="269">
        <v>212</v>
      </c>
      <c r="BE39" s="270">
        <v>212</v>
      </c>
      <c r="BF39" s="264">
        <v>0</v>
      </c>
      <c r="BG39" s="268">
        <v>0</v>
      </c>
      <c r="BH39" s="265">
        <v>0</v>
      </c>
      <c r="BI39" s="267">
        <v>0</v>
      </c>
      <c r="BJ39" s="268">
        <v>39</v>
      </c>
      <c r="BK39" s="268">
        <v>36</v>
      </c>
      <c r="BL39" s="268">
        <v>0</v>
      </c>
      <c r="BM39" s="268">
        <v>36</v>
      </c>
      <c r="BN39" s="268">
        <v>5</v>
      </c>
      <c r="BO39" s="265">
        <v>116</v>
      </c>
      <c r="BP39" s="270">
        <v>116</v>
      </c>
      <c r="BQ39" s="264">
        <v>0</v>
      </c>
      <c r="BR39" s="268">
        <v>0</v>
      </c>
      <c r="BS39" s="265">
        <v>0</v>
      </c>
      <c r="BT39" s="267">
        <v>0</v>
      </c>
      <c r="BU39" s="268">
        <v>0</v>
      </c>
      <c r="BV39" s="268">
        <v>14</v>
      </c>
      <c r="BW39" s="268">
        <v>31</v>
      </c>
      <c r="BX39" s="268">
        <v>10</v>
      </c>
      <c r="BY39" s="268">
        <v>10</v>
      </c>
      <c r="BZ39" s="265">
        <v>65</v>
      </c>
      <c r="CA39" s="270">
        <v>65</v>
      </c>
      <c r="CB39" s="264">
        <v>0</v>
      </c>
      <c r="CC39" s="268">
        <v>0</v>
      </c>
      <c r="CD39" s="265">
        <v>0</v>
      </c>
      <c r="CE39" s="267">
        <v>0</v>
      </c>
      <c r="CF39" s="268">
        <v>3</v>
      </c>
      <c r="CG39" s="268">
        <v>0</v>
      </c>
      <c r="CH39" s="268">
        <v>0</v>
      </c>
      <c r="CI39" s="268">
        <v>2</v>
      </c>
      <c r="CJ39" s="268">
        <v>2</v>
      </c>
      <c r="CK39" s="265">
        <v>7</v>
      </c>
      <c r="CL39" s="270">
        <v>7</v>
      </c>
      <c r="CM39" s="264">
        <v>0</v>
      </c>
      <c r="CN39" s="268">
        <v>0</v>
      </c>
      <c r="CO39" s="265">
        <v>0</v>
      </c>
      <c r="CP39" s="267">
        <v>0</v>
      </c>
      <c r="CQ39" s="268">
        <v>0</v>
      </c>
      <c r="CR39" s="268">
        <v>0</v>
      </c>
      <c r="CS39" s="268">
        <v>0</v>
      </c>
      <c r="CT39" s="268">
        <v>0</v>
      </c>
      <c r="CU39" s="268">
        <v>0</v>
      </c>
      <c r="CV39" s="265">
        <v>0</v>
      </c>
      <c r="CW39" s="270">
        <v>0</v>
      </c>
      <c r="CX39" s="264">
        <v>0</v>
      </c>
      <c r="CY39" s="268">
        <v>0</v>
      </c>
      <c r="CZ39" s="265">
        <v>0</v>
      </c>
      <c r="DA39" s="267">
        <v>0</v>
      </c>
      <c r="DB39" s="268">
        <v>0</v>
      </c>
      <c r="DC39" s="268">
        <v>0</v>
      </c>
      <c r="DD39" s="268">
        <v>0</v>
      </c>
      <c r="DE39" s="268">
        <v>0</v>
      </c>
      <c r="DF39" s="268">
        <v>0</v>
      </c>
      <c r="DG39" s="265">
        <v>0</v>
      </c>
      <c r="DH39" s="270">
        <v>0</v>
      </c>
    </row>
    <row r="40" spans="2:112" ht="27" customHeight="1" x14ac:dyDescent="0.2"/>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3-10-11T06:18:35Z</cp:lastPrinted>
  <dcterms:created xsi:type="dcterms:W3CDTF">2008-02-08T04:23:07Z</dcterms:created>
  <dcterms:modified xsi:type="dcterms:W3CDTF">2023-12-22T01:30:23Z</dcterms:modified>
</cp:coreProperties>
</file>